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510\05安全管理G\01_家畜伝染病予防事業\13_定期報告\01_定期報告\25_県の定期報告HP更新\ホームページ\"/>
    </mc:Choice>
  </mc:AlternateContent>
  <xr:revisionPtr revIDLastSave="0" documentId="8_{A96E8204-3231-4338-8C0F-E2478AFC8DD6}" xr6:coauthVersionLast="47" xr6:coauthVersionMax="47" xr10:uidLastSave="{00000000-0000-0000-0000-000000000000}"/>
  <bookViews>
    <workbookView xWindow="-108" yWindow="-108" windowWidth="23256" windowHeight="13896" xr2:uid="{0CAC4F36-7E93-4301-B368-5F0DD5AFD32C}"/>
  </bookViews>
  <sheets>
    <sheet name="2(1)牛等" sheetId="1" r:id="rId1"/>
    <sheet name="2(2)豚等" sheetId="2" r:id="rId2"/>
    <sheet name="2(3)家きん" sheetId="3" r:id="rId3"/>
    <sheet name="2(4)馬" sheetId="4" r:id="rId4"/>
  </sheets>
  <externalReferences>
    <externalReference r:id="rId5"/>
    <externalReference r:id="rId6"/>
    <externalReference r:id="rId7"/>
    <externalReference r:id="rId8"/>
    <externalReference r:id="rId9"/>
    <externalReference r:id="rId10"/>
  </externalReferences>
  <definedNames>
    <definedName name="___A65600" localSheetId="0">[2]ｸﾗｽﾓｼﾞｭｰﾙ仕様!#REF!</definedName>
    <definedName name="___A65600" localSheetId="1">[2]ｸﾗｽﾓｼﾞｭｰﾙ仕様!#REF!</definedName>
    <definedName name="___A65600" localSheetId="3">[2]ｸﾗｽﾓｼﾞｭｰﾙ仕様!#REF!</definedName>
    <definedName name="___A65600">[2]ｸﾗｽﾓｼﾞｭｰﾙ仕様!#REF!</definedName>
    <definedName name="___A66000" localSheetId="0">[2]ｸﾗｽﾓｼﾞｭｰﾙ仕様!#REF!</definedName>
    <definedName name="___A66000" localSheetId="1">[2]ｸﾗｽﾓｼﾞｭｰﾙ仕様!#REF!</definedName>
    <definedName name="___A66000" localSheetId="3">[2]ｸﾗｽﾓｼﾞｭｰﾙ仕様!#REF!</definedName>
    <definedName name="___A66000">[2]ｸﾗｽﾓｼﾞｭｰﾙ仕様!#REF!</definedName>
    <definedName name="___A70000">[2]ｸﾗｽﾓｼﾞｭｰﾙ仕様!#REF!</definedName>
    <definedName name="___A80000">[2]ｸﾗｽﾓｼﾞｭｰﾙ仕様!#REF!</definedName>
    <definedName name="___A90000">[2]ｸﾗｽﾓｼﾞｭｰﾙ仕様!#REF!</definedName>
    <definedName name="___A99999">[2]ｸﾗｽﾓｼﾞｭｰﾙ仕様!#REF!</definedName>
    <definedName name="___xlnm.Print_Area_1" localSheetId="0">#REF!</definedName>
    <definedName name="___xlnm.Print_Area_1" localSheetId="1">#REF!</definedName>
    <definedName name="___xlnm.Print_Area_1" localSheetId="2">#REF!</definedName>
    <definedName name="___xlnm.Print_Area_1" localSheetId="3">#REF!</definedName>
    <definedName name="___xlnm.Print_Area_1">#REF!</definedName>
    <definedName name="__A65600" localSheetId="0">[2]ｸﾗｽﾓｼﾞｭｰﾙ仕様!#REF!</definedName>
    <definedName name="__A65600" localSheetId="1">[2]ｸﾗｽﾓｼﾞｭｰﾙ仕様!#REF!</definedName>
    <definedName name="__A65600" localSheetId="2">[2]ｸﾗｽﾓｼﾞｭｰﾙ仕様!#REF!</definedName>
    <definedName name="__A65600" localSheetId="3">[2]ｸﾗｽﾓｼﾞｭｰﾙ仕様!#REF!</definedName>
    <definedName name="__A65600">[2]ｸﾗｽﾓｼﾞｭｰﾙ仕様!#REF!</definedName>
    <definedName name="__A66000" localSheetId="0">[2]ｸﾗｽﾓｼﾞｭｰﾙ仕様!#REF!</definedName>
    <definedName name="__A66000" localSheetId="1">[2]ｸﾗｽﾓｼﾞｭｰﾙ仕様!#REF!</definedName>
    <definedName name="__A66000" localSheetId="2">[2]ｸﾗｽﾓｼﾞｭｰﾙ仕様!#REF!</definedName>
    <definedName name="__A66000" localSheetId="3">[2]ｸﾗｽﾓｼﾞｭｰﾙ仕様!#REF!</definedName>
    <definedName name="__A66000">[2]ｸﾗｽﾓｼﾞｭｰﾙ仕様!#REF!</definedName>
    <definedName name="__A70000" localSheetId="0">[2]ｸﾗｽﾓｼﾞｭｰﾙ仕様!#REF!</definedName>
    <definedName name="__A70000" localSheetId="1">[2]ｸﾗｽﾓｼﾞｭｰﾙ仕様!#REF!</definedName>
    <definedName name="__A70000" localSheetId="2">[2]ｸﾗｽﾓｼﾞｭｰﾙ仕様!#REF!</definedName>
    <definedName name="__A70000" localSheetId="3">[2]ｸﾗｽﾓｼﾞｭｰﾙ仕様!#REF!</definedName>
    <definedName name="__A70000">[2]ｸﾗｽﾓｼﾞｭｰﾙ仕様!#REF!</definedName>
    <definedName name="__A80000" localSheetId="0">[2]ｸﾗｽﾓｼﾞｭｰﾙ仕様!#REF!</definedName>
    <definedName name="__A80000" localSheetId="1">[2]ｸﾗｽﾓｼﾞｭｰﾙ仕様!#REF!</definedName>
    <definedName name="__A80000" localSheetId="2">[2]ｸﾗｽﾓｼﾞｭｰﾙ仕様!#REF!</definedName>
    <definedName name="__A80000" localSheetId="3">[2]ｸﾗｽﾓｼﾞｭｰﾙ仕様!#REF!</definedName>
    <definedName name="__A80000">[2]ｸﾗｽﾓｼﾞｭｰﾙ仕様!#REF!</definedName>
    <definedName name="__A90000">[2]ｸﾗｽﾓｼﾞｭｰﾙ仕様!#REF!</definedName>
    <definedName name="__A99999">[2]ｸﾗｽﾓｼﾞｭｰﾙ仕様!#REF!</definedName>
    <definedName name="__xlnm.Print_Area_1" localSheetId="0">#REF!</definedName>
    <definedName name="__xlnm.Print_Area_1" localSheetId="1">#REF!</definedName>
    <definedName name="__xlnm.Print_Area_1" localSheetId="2">#REF!</definedName>
    <definedName name="__xlnm.Print_Area_1" localSheetId="3">#REF!</definedName>
    <definedName name="__xlnm.Print_Area_1">#REF!</definedName>
    <definedName name="_13" localSheetId="0" hidden="1">#REF!</definedName>
    <definedName name="_13" localSheetId="1" hidden="1">#REF!</definedName>
    <definedName name="_13" localSheetId="2" hidden="1">#REF!</definedName>
    <definedName name="_13" localSheetId="3" hidden="1">#REF!</definedName>
    <definedName name="_13" hidden="1">#REF!</definedName>
    <definedName name="_14" localSheetId="0" hidden="1">#REF!</definedName>
    <definedName name="_14" localSheetId="1" hidden="1">#REF!</definedName>
    <definedName name="_14" localSheetId="2" hidden="1">#REF!</definedName>
    <definedName name="_14" localSheetId="3" hidden="1">#REF!</definedName>
    <definedName name="_14" hidden="1">#REF!</definedName>
    <definedName name="_4" localSheetId="0" hidden="1">#REF!</definedName>
    <definedName name="_4" localSheetId="1" hidden="1">#REF!</definedName>
    <definedName name="_4" localSheetId="2" hidden="1">#REF!</definedName>
    <definedName name="_4" localSheetId="3" hidden="1">#REF!</definedName>
    <definedName name="_4" hidden="1">#REF!</definedName>
    <definedName name="_A65600">[2]ｸﾗｽﾓｼﾞｭｰﾙ仕様!#REF!</definedName>
    <definedName name="_A66000">[2]ｸﾗｽﾓｼﾞｭｰﾙ仕様!#REF!</definedName>
    <definedName name="_A70000">[2]ｸﾗｽﾓｼﾞｭｰﾙ仕様!#REF!</definedName>
    <definedName name="_A80000">[2]ｸﾗｽﾓｼﾞｭｰﾙ仕様!#REF!</definedName>
    <definedName name="_A90000">[2]ｸﾗｽﾓｼﾞｭｰﾙ仕様!#REF!</definedName>
    <definedName name="_A99999">[2]ｸﾗｽﾓｼﾞｭｰﾙ仕様!#REF!</definedName>
    <definedName name="_Regression_X" localSheetId="0" hidden="1">#REF!</definedName>
    <definedName name="_Regression_X" localSheetId="1" hidden="1">#REF!</definedName>
    <definedName name="_Regression_X" localSheetId="2" hidden="1">#REF!</definedName>
    <definedName name="_Regression_X" localSheetId="3" hidden="1">#REF!</definedName>
    <definedName name="_Regression_X" hidden="1">#REF!</definedName>
    <definedName name="_Regression_X12" localSheetId="0" hidden="1">#REF!</definedName>
    <definedName name="_Regression_X12" localSheetId="1" hidden="1">#REF!</definedName>
    <definedName name="_Regression_X12" localSheetId="2" hidden="1">#REF!</definedName>
    <definedName name="_Regression_X12" localSheetId="3" hidden="1">#REF!</definedName>
    <definedName name="_Regression_X12" hidden="1">#REF!</definedName>
    <definedName name="_Regression_X14" localSheetId="0" hidden="1">#REF!</definedName>
    <definedName name="_Regression_X14" localSheetId="1" hidden="1">#REF!</definedName>
    <definedName name="_Regression_X14" localSheetId="2" hidden="1">#REF!</definedName>
    <definedName name="_Regression_X14" localSheetId="3" hidden="1">#REF!</definedName>
    <definedName name="_Regression_X14" hidden="1">#REF!</definedName>
    <definedName name="a" localSheetId="0">#REF!</definedName>
    <definedName name="a" localSheetId="1">#REF!</definedName>
    <definedName name="a" localSheetId="2">#REF!</definedName>
    <definedName name="a" localSheetId="3">#REF!</definedName>
    <definedName name="a">#REF!</definedName>
    <definedName name="aa" localSheetId="0" hidden="1">{"'旅費精算ＤＴ２'!$A$1:$N$40"}</definedName>
    <definedName name="aa" localSheetId="1" hidden="1">{"'旅費精算ＤＴ２'!$A$1:$N$40"}</definedName>
    <definedName name="aa" localSheetId="2" hidden="1">{"'旅費精算ＤＴ２'!$A$1:$N$40"}</definedName>
    <definedName name="aa" localSheetId="3" hidden="1">{"'旅費精算ＤＴ２'!$A$1:$N$40"}</definedName>
    <definedName name="aa" hidden="1">{"'旅費精算ＤＴ２'!$A$1:$N$40"}</definedName>
    <definedName name="aaa" localSheetId="0" hidden="1">{"'旅費精算ＤＴ２'!$A$1:$N$40"}</definedName>
    <definedName name="aaa" localSheetId="1" hidden="1">{"'旅費精算ＤＴ２'!$A$1:$N$40"}</definedName>
    <definedName name="aaa" localSheetId="2" hidden="1">{"'旅費精算ＤＴ２'!$A$1:$N$40"}</definedName>
    <definedName name="aaa" localSheetId="3" hidden="1">{"'旅費精算ＤＴ２'!$A$1:$N$40"}</definedName>
    <definedName name="aaa" hidden="1">{"'旅費精算ＤＴ２'!$A$1:$N$40"}</definedName>
    <definedName name="AAAA" localSheetId="0" hidden="1">{"'旅費精算ＤＴ２'!$A$1:$N$40"}</definedName>
    <definedName name="AAAA" localSheetId="1" hidden="1">{"'旅費精算ＤＴ２'!$A$1:$N$40"}</definedName>
    <definedName name="AAAA" localSheetId="2" hidden="1">{"'旅費精算ＤＴ２'!$A$1:$N$40"}</definedName>
    <definedName name="AAAA" localSheetId="3" hidden="1">{"'旅費精算ＤＴ２'!$A$1:$N$40"}</definedName>
    <definedName name="AAAA" hidden="1">{"'旅費精算ＤＴ２'!$A$1:$N$40"}</definedName>
    <definedName name="b" localSheetId="0">#REF!</definedName>
    <definedName name="b" localSheetId="1">#REF!</definedName>
    <definedName name="b" localSheetId="2">#REF!</definedName>
    <definedName name="b" localSheetId="3">#REF!</definedName>
    <definedName name="b">#REF!</definedName>
    <definedName name="bb" localSheetId="0" hidden="1">{"'旅費精算ＤＴ２'!$A$1:$N$40"}</definedName>
    <definedName name="bb" localSheetId="1" hidden="1">{"'旅費精算ＤＴ２'!$A$1:$N$40"}</definedName>
    <definedName name="bb" localSheetId="2" hidden="1">{"'旅費精算ＤＴ２'!$A$1:$N$40"}</definedName>
    <definedName name="bb" localSheetId="3" hidden="1">{"'旅費精算ＤＴ２'!$A$1:$N$40"}</definedName>
    <definedName name="bb" hidden="1">{"'旅費精算ＤＴ２'!$A$1:$N$40"}</definedName>
    <definedName name="cc" localSheetId="0" hidden="1">{"'旅費精算ＤＴ２'!$A$1:$N$40"}</definedName>
    <definedName name="cc" localSheetId="1" hidden="1">{"'旅費精算ＤＴ２'!$A$1:$N$40"}</definedName>
    <definedName name="cc" localSheetId="2" hidden="1">{"'旅費精算ＤＴ２'!$A$1:$N$40"}</definedName>
    <definedName name="cc" localSheetId="3" hidden="1">{"'旅費精算ＤＴ２'!$A$1:$N$40"}</definedName>
    <definedName name="cc" hidden="1">{"'旅費精算ＤＴ２'!$A$1:$N$40"}</definedName>
    <definedName name="_xlnm.Database">[3]PR!#REF!</definedName>
    <definedName name="Database12">[3]PR!#REF!</definedName>
    <definedName name="dd" localSheetId="0" hidden="1">{"'旅費精算ＤＴ２'!$A$1:$N$40"}</definedName>
    <definedName name="dd" localSheetId="1" hidden="1">{"'旅費精算ＤＴ２'!$A$1:$N$40"}</definedName>
    <definedName name="dd" localSheetId="2" hidden="1">{"'旅費精算ＤＴ２'!$A$1:$N$40"}</definedName>
    <definedName name="dd" localSheetId="3" hidden="1">{"'旅費精算ＤＴ２'!$A$1:$N$40"}</definedName>
    <definedName name="dd" hidden="1">{"'旅費精算ＤＴ２'!$A$1:$N$40"}</definedName>
    <definedName name="ddd" localSheetId="0" hidden="1">#REF!</definedName>
    <definedName name="ddd" localSheetId="1" hidden="1">#REF!</definedName>
    <definedName name="ddd" localSheetId="2" hidden="1">#REF!</definedName>
    <definedName name="ddd" localSheetId="3" hidden="1">#REF!</definedName>
    <definedName name="ddd" hidden="1">#REF!</definedName>
    <definedName name="GKJ98010_0" localSheetId="0">#REF!</definedName>
    <definedName name="GKJ98010_0" localSheetId="1">#REF!</definedName>
    <definedName name="GKJ98010_0" localSheetId="2">#REF!</definedName>
    <definedName name="GKJ98010_0" localSheetId="3">#REF!</definedName>
    <definedName name="GKJ98010_0">#REF!</definedName>
    <definedName name="GKJ98010_1" localSheetId="0">#REF!</definedName>
    <definedName name="GKJ98010_1" localSheetId="1">#REF!</definedName>
    <definedName name="GKJ98010_1" localSheetId="2">#REF!</definedName>
    <definedName name="GKJ98010_1" localSheetId="3">#REF!</definedName>
    <definedName name="GKJ98010_1">#REF!</definedName>
    <definedName name="GKJ98020_0" localSheetId="0">#REF!</definedName>
    <definedName name="GKJ98020_0" localSheetId="1">#REF!</definedName>
    <definedName name="GKJ98020_0" localSheetId="2">#REF!</definedName>
    <definedName name="GKJ98020_0" localSheetId="3">#REF!</definedName>
    <definedName name="GKJ98020_0">#REF!</definedName>
    <definedName name="GKJ98020_00" localSheetId="0">#REF!</definedName>
    <definedName name="GKJ98020_00" localSheetId="1">#REF!</definedName>
    <definedName name="GKJ98020_00" localSheetId="2">#REF!</definedName>
    <definedName name="GKJ98020_00" localSheetId="3">#REF!</definedName>
    <definedName name="GKJ98020_00">#REF!</definedName>
    <definedName name="GKJ98020_1" localSheetId="0">#REF!</definedName>
    <definedName name="GKJ98020_1" localSheetId="1">#REF!</definedName>
    <definedName name="GKJ98020_1" localSheetId="2">#REF!</definedName>
    <definedName name="GKJ98020_1" localSheetId="3">#REF!</definedName>
    <definedName name="GKJ98020_1">#REF!</definedName>
    <definedName name="GKJ98020_2" localSheetId="0">#REF!</definedName>
    <definedName name="GKJ98020_2" localSheetId="1">#REF!</definedName>
    <definedName name="GKJ98020_2" localSheetId="2">#REF!</definedName>
    <definedName name="GKJ98020_2" localSheetId="3">#REF!</definedName>
    <definedName name="GKJ98020_2">#REF!</definedName>
    <definedName name="GKJ98021_00" localSheetId="0">#REF!</definedName>
    <definedName name="GKJ98021_00" localSheetId="1">#REF!</definedName>
    <definedName name="GKJ98021_00" localSheetId="2">#REF!</definedName>
    <definedName name="GKJ98021_00" localSheetId="3">#REF!</definedName>
    <definedName name="GKJ98021_00">#REF!</definedName>
    <definedName name="GKJ98090_0" localSheetId="0">#REF!</definedName>
    <definedName name="GKJ98090_0" localSheetId="1">#REF!</definedName>
    <definedName name="GKJ98090_0" localSheetId="2">#REF!</definedName>
    <definedName name="GKJ98090_0" localSheetId="3">#REF!</definedName>
    <definedName name="GKJ98090_0">#REF!</definedName>
    <definedName name="GKJ98090_1" localSheetId="0">#REF!</definedName>
    <definedName name="GKJ98090_1" localSheetId="1">#REF!</definedName>
    <definedName name="GKJ98090_1" localSheetId="2">#REF!</definedName>
    <definedName name="GKJ98090_1" localSheetId="3">#REF!</definedName>
    <definedName name="GKJ98090_1">#REF!</definedName>
    <definedName name="GKJ98090_2" localSheetId="0">#REF!</definedName>
    <definedName name="GKJ98090_2" localSheetId="1">#REF!</definedName>
    <definedName name="GKJ98090_2" localSheetId="2">#REF!</definedName>
    <definedName name="GKJ98090_2" localSheetId="3">#REF!</definedName>
    <definedName name="GKJ98090_2">#REF!</definedName>
    <definedName name="GKJ98090_3" localSheetId="0">#REF!</definedName>
    <definedName name="GKJ98090_3" localSheetId="1">#REF!</definedName>
    <definedName name="GKJ98090_3" localSheetId="2">#REF!</definedName>
    <definedName name="GKJ98090_3" localSheetId="3">#REF!</definedName>
    <definedName name="GKJ98090_3">#REF!</definedName>
    <definedName name="GKJ98090_99" localSheetId="0">#REF!</definedName>
    <definedName name="GKJ98090_99" localSheetId="1">#REF!</definedName>
    <definedName name="GKJ98090_99" localSheetId="2">#REF!</definedName>
    <definedName name="GKJ98090_99" localSheetId="3">#REF!</definedName>
    <definedName name="GKJ98090_99">#REF!</definedName>
    <definedName name="HTML_CodePage" hidden="1">932</definedName>
    <definedName name="HTML_Control" localSheetId="0" hidden="1">{"'旅費精算ＤＴ２'!$A$1:$N$40"}</definedName>
    <definedName name="HTML_Control" localSheetId="1" hidden="1">{"'旅費精算ＤＴ２'!$A$1:$N$40"}</definedName>
    <definedName name="HTML_Control" localSheetId="2" hidden="1">{"'旅費精算ＤＴ２'!$A$1:$N$40"}</definedName>
    <definedName name="HTML_Control" localSheetId="3" hidden="1">{"'旅費精算ＤＴ２'!$A$1:$N$40"}</definedName>
    <definedName name="HTML_Control" hidden="1">{"'旅費精算ＤＴ２'!$A$1:$N$40"}</definedName>
    <definedName name="HTML_Description" hidden="1">""</definedName>
    <definedName name="HTML_Email" hidden="1">"kazu@mom.co.jp"</definedName>
    <definedName name="HTML_Header" hidden="1">"旅費精算ＤＴ２"</definedName>
    <definedName name="HTML_LastUpdate" hidden="1">"98/11/20"</definedName>
    <definedName name="HTML_LineAfter" hidden="1">TRUE</definedName>
    <definedName name="HTML_LineBefore" hidden="1">TRUE</definedName>
    <definedName name="HTML_Name" hidden="1">"杉山一雅"</definedName>
    <definedName name="HTML_OBDlg2" hidden="1">TRUE</definedName>
    <definedName name="HTML_OBDlg4" hidden="1">TRUE</definedName>
    <definedName name="HTML_OS" hidden="1">0</definedName>
    <definedName name="HTML_PathFile" hidden="1">"C:\My Documents\test.htm"</definedName>
    <definedName name="HTML_Title" hidden="1">"データベース設計書"</definedName>
    <definedName name="l" localSheetId="0" hidden="1">{"'旅費精算ＤＴ２'!$A$1:$N$40"}</definedName>
    <definedName name="l" localSheetId="1" hidden="1">{"'旅費精算ＤＴ２'!$A$1:$N$40"}</definedName>
    <definedName name="l" localSheetId="2" hidden="1">{"'旅費精算ＤＴ２'!$A$1:$N$40"}</definedName>
    <definedName name="l" localSheetId="3" hidden="1">{"'旅費精算ＤＴ２'!$A$1:$N$40"}</definedName>
    <definedName name="l" hidden="1">{"'旅費精算ＤＴ２'!$A$1:$N$40"}</definedName>
    <definedName name="Print" localSheetId="0">#REF!</definedName>
    <definedName name="Print" localSheetId="1">#REF!</definedName>
    <definedName name="Print" localSheetId="2">#REF!</definedName>
    <definedName name="Print" localSheetId="3">#REF!</definedName>
    <definedName name="Print">#REF!</definedName>
    <definedName name="_xlnm.Print_Area" localSheetId="0">'2(1)牛等'!$A$1:$T$326</definedName>
    <definedName name="_xlnm.Print_Area" localSheetId="1">'2(2)豚等'!$A$1:$S$442</definedName>
    <definedName name="_xlnm.Print_Area" localSheetId="2">'2(3)家きん'!$A$1:$T$377</definedName>
    <definedName name="_xlnm.Print_Area" localSheetId="3">'2(4)馬'!$A$1:$T$234</definedName>
    <definedName name="_xlnm.Print_Area">#REF!</definedName>
    <definedName name="PRINT_AREA_MI" localSheetId="0">#REF!</definedName>
    <definedName name="PRINT_AREA_MI" localSheetId="1">#REF!</definedName>
    <definedName name="PRINT_AREA_MI" localSheetId="2">#REF!</definedName>
    <definedName name="PRINT_AREA_MI" localSheetId="3">#REF!</definedName>
    <definedName name="PRINT_AREA_MI">#REF!</definedName>
    <definedName name="Print_Area12" localSheetId="0">#REF!</definedName>
    <definedName name="Print_Area12" localSheetId="1">#REF!</definedName>
    <definedName name="Print_Area12" localSheetId="2">#REF!</definedName>
    <definedName name="Print_Area12" localSheetId="3">#REF!</definedName>
    <definedName name="Print_Area12">#REF!</definedName>
    <definedName name="Print_Area13" localSheetId="0">#REF!</definedName>
    <definedName name="Print_Area13" localSheetId="1">#REF!</definedName>
    <definedName name="Print_Area13" localSheetId="2">#REF!</definedName>
    <definedName name="Print_Area13" localSheetId="3">#REF!</definedName>
    <definedName name="Print_Area13">#REF!</definedName>
    <definedName name="Print_Area14" localSheetId="0">#REF!</definedName>
    <definedName name="Print_Area14" localSheetId="1">#REF!</definedName>
    <definedName name="Print_Area14" localSheetId="2">#REF!</definedName>
    <definedName name="Print_Area14" localSheetId="3">#REF!</definedName>
    <definedName name="Print_Area14">#REF!</definedName>
    <definedName name="Print_Area2" localSheetId="0">#REF!</definedName>
    <definedName name="Print_Area2" localSheetId="1">#REF!</definedName>
    <definedName name="Print_Area2" localSheetId="2">#REF!</definedName>
    <definedName name="Print_Area2" localSheetId="3">#REF!</definedName>
    <definedName name="Print_Area2">#REF!</definedName>
    <definedName name="qq" localSheetId="0" hidden="1">{"'旅費精算ＤＴ２'!$A$1:$N$40"}</definedName>
    <definedName name="qq" localSheetId="1" hidden="1">{"'旅費精算ＤＴ２'!$A$1:$N$40"}</definedName>
    <definedName name="qq" localSheetId="2" hidden="1">{"'旅費精算ＤＴ２'!$A$1:$N$40"}</definedName>
    <definedName name="qq" localSheetId="3" hidden="1">{"'旅費精算ＤＴ２'!$A$1:$N$40"}</definedName>
    <definedName name="qq" hidden="1">{"'旅費精算ＤＴ２'!$A$1:$N$40"}</definedName>
    <definedName name="StartCell">'[4]D2-02サンプル　画面定義書(データ項目定義書)'!#REF!</definedName>
    <definedName name="Validate実装パターン">[5]config!$A$5:$A$6</definedName>
    <definedName name="wrn.すべて印刷." localSheetId="0" hidden="1">{#N/A,#N/A,FALSE,"１）背景";#N/A,#N/A,FALSE,"２）前提事項";#N/A,#N/A,FALSE,"３）優先順位";#N/A,#N/A,FALSE,"４）改善サマリー";#N/A,#N/A,FALSE,"５）懸念-1";#N/A,#N/A,FALSE,"５）懸念-2";#N/A,#N/A,FALSE,"５）懸念-3";#N/A,#N/A,FALSE,"５）懸念-4";#N/A,#N/A,FALSE,"６）組織図";#N/A,#N/A,FALSE,"６）スケジュール"}</definedName>
    <definedName name="wrn.すべて印刷." localSheetId="1" hidden="1">{#N/A,#N/A,FALSE,"１）背景";#N/A,#N/A,FALSE,"２）前提事項";#N/A,#N/A,FALSE,"３）優先順位";#N/A,#N/A,FALSE,"４）改善サマリー";#N/A,#N/A,FALSE,"５）懸念-1";#N/A,#N/A,FALSE,"５）懸念-2";#N/A,#N/A,FALSE,"５）懸念-3";#N/A,#N/A,FALSE,"５）懸念-4";#N/A,#N/A,FALSE,"６）組織図";#N/A,#N/A,FALSE,"６）スケジュール"}</definedName>
    <definedName name="wrn.すべて印刷." localSheetId="2" hidden="1">{#N/A,#N/A,FALSE,"１）背景";#N/A,#N/A,FALSE,"２）前提事項";#N/A,#N/A,FALSE,"３）優先順位";#N/A,#N/A,FALSE,"４）改善サマリー";#N/A,#N/A,FALSE,"５）懸念-1";#N/A,#N/A,FALSE,"５）懸念-2";#N/A,#N/A,FALSE,"５）懸念-3";#N/A,#N/A,FALSE,"５）懸念-4";#N/A,#N/A,FALSE,"６）組織図";#N/A,#N/A,FALSE,"６）スケジュール"}</definedName>
    <definedName name="wrn.すべて印刷." localSheetId="3" hidden="1">{#N/A,#N/A,FALSE,"１）背景";#N/A,#N/A,FALSE,"２）前提事項";#N/A,#N/A,FALSE,"３）優先順位";#N/A,#N/A,FALSE,"４）改善サマリー";#N/A,#N/A,FALSE,"５）懸念-1";#N/A,#N/A,FALSE,"５）懸念-2";#N/A,#N/A,FALSE,"５）懸念-3";#N/A,#N/A,FALSE,"５）懸念-4";#N/A,#N/A,FALSE,"６）組織図";#N/A,#N/A,FALSE,"６）スケジュール"}</definedName>
    <definedName name="wrn.すべて印刷." hidden="1">{#N/A,#N/A,FALSE,"１）背景";#N/A,#N/A,FALSE,"２）前提事項";#N/A,#N/A,FALSE,"３）優先順位";#N/A,#N/A,FALSE,"４）改善サマリー";#N/A,#N/A,FALSE,"５）懸念-1";#N/A,#N/A,FALSE,"５）懸念-2";#N/A,#N/A,FALSE,"５）懸念-3";#N/A,#N/A,FALSE,"５）懸念-4";#N/A,#N/A,FALSE,"６）組織図";#N/A,#N/A,FALSE,"６）スケジュール"}</definedName>
    <definedName name="あ" localSheetId="0">#REF!</definedName>
    <definedName name="あ" localSheetId="1">#REF!</definedName>
    <definedName name="あ" localSheetId="2">#REF!</definedName>
    <definedName name="あ" localSheetId="3">#REF!</definedName>
    <definedName name="あ">#REF!</definedName>
    <definedName name="あああ" localSheetId="0" hidden="1">#REF!</definedName>
    <definedName name="あああ" localSheetId="1" hidden="1">#REF!</definedName>
    <definedName name="あああ" localSheetId="2" hidden="1">#REF!</definedName>
    <definedName name="あああ" localSheetId="3" hidden="1">#REF!</definedName>
    <definedName name="あああ" hidden="1">#REF!</definedName>
    <definedName name="あせｒｔっｙ" localSheetId="0" hidden="1">#REF!</definedName>
    <definedName name="あせｒｔっｙ" localSheetId="1" hidden="1">#REF!</definedName>
    <definedName name="あせｒｔっｙ" localSheetId="2" hidden="1">#REF!</definedName>
    <definedName name="あせｒｔっｙ" localSheetId="3" hidden="1">#REF!</definedName>
    <definedName name="あせｒｔっｙ" hidden="1">#REF!</definedName>
    <definedName name="い" localSheetId="0">#REF!</definedName>
    <definedName name="い" localSheetId="1">#REF!</definedName>
    <definedName name="い" localSheetId="2">#REF!</definedName>
    <definedName name="い" localSheetId="3">#REF!</definedName>
    <definedName name="い">#REF!</definedName>
    <definedName name="う" localSheetId="0">#REF!</definedName>
    <definedName name="う" localSheetId="1">#REF!</definedName>
    <definedName name="う" localSheetId="2">#REF!</definedName>
    <definedName name="う" localSheetId="3">#REF!</definedName>
    <definedName name="う">#REF!</definedName>
    <definedName name="え" localSheetId="0">#REF!</definedName>
    <definedName name="え" localSheetId="1">#REF!</definedName>
    <definedName name="え" localSheetId="2">#REF!</definedName>
    <definedName name="え" localSheetId="3">#REF!</definedName>
    <definedName name="え">#REF!</definedName>
    <definedName name="お" localSheetId="0">#REF!</definedName>
    <definedName name="お" localSheetId="1">#REF!</definedName>
    <definedName name="お" localSheetId="2">#REF!</definedName>
    <definedName name="お" localSheetId="3">#REF!</definedName>
    <definedName name="お">#REF!</definedName>
    <definedName name="か" localSheetId="0">#REF!</definedName>
    <definedName name="か" localSheetId="1">#REF!</definedName>
    <definedName name="か" localSheetId="2">#REF!</definedName>
    <definedName name="か" localSheetId="3">#REF!</definedName>
    <definedName name="か">#REF!</definedName>
    <definedName name="き" localSheetId="0">#REF!</definedName>
    <definedName name="き" localSheetId="1">#REF!</definedName>
    <definedName name="き" localSheetId="2">#REF!</definedName>
    <definedName name="き" localSheetId="3">#REF!</definedName>
    <definedName name="き">#REF!</definedName>
    <definedName name="く" localSheetId="0">#REF!</definedName>
    <definedName name="く" localSheetId="1">#REF!</definedName>
    <definedName name="く" localSheetId="2">#REF!</definedName>
    <definedName name="く" localSheetId="3">#REF!</definedName>
    <definedName name="く">#REF!</definedName>
    <definedName name="け" localSheetId="0">#REF!</definedName>
    <definedName name="け" localSheetId="1">#REF!</definedName>
    <definedName name="け" localSheetId="2">#REF!</definedName>
    <definedName name="け" localSheetId="3">#REF!</definedName>
    <definedName name="け">#REF!</definedName>
    <definedName name="データ形式">[6]定義!$B$2:$B$7</definedName>
    <definedName name="ファクタリング債権残高明細" localSheetId="0" hidden="1">{"'旅費精算ＤＴ２'!$A$1:$N$40"}</definedName>
    <definedName name="ファクタリング債権残高明細" localSheetId="1" hidden="1">{"'旅費精算ＤＴ２'!$A$1:$N$40"}</definedName>
    <definedName name="ファクタリング債権残高明細" localSheetId="2" hidden="1">{"'旅費精算ＤＴ２'!$A$1:$N$40"}</definedName>
    <definedName name="ファクタリング債権残高明細" localSheetId="3" hidden="1">{"'旅費精算ＤＴ２'!$A$1:$N$40"}</definedName>
    <definedName name="ファクタリング債権残高明細" hidden="1">{"'旅費精算ＤＴ２'!$A$1:$N$40"}</definedName>
    <definedName name="仮" localSheetId="0">#REF!</definedName>
    <definedName name="仮" localSheetId="1">#REF!</definedName>
    <definedName name="仮" localSheetId="2">#REF!</definedName>
    <definedName name="仮" localSheetId="3">#REF!</definedName>
    <definedName name="仮">#REF!</definedName>
    <definedName name="関連表" localSheetId="0" hidden="1">#REF!</definedName>
    <definedName name="関連表" localSheetId="1" hidden="1">#REF!</definedName>
    <definedName name="関連表" localSheetId="2" hidden="1">#REF!</definedName>
    <definedName name="関連表" localSheetId="3" hidden="1">#REF!</definedName>
    <definedName name="関連表" hidden="1">#REF!</definedName>
    <definedName name="関連表12" localSheetId="0" hidden="1">#REF!</definedName>
    <definedName name="関連表12" localSheetId="1" hidden="1">#REF!</definedName>
    <definedName name="関連表12" localSheetId="2" hidden="1">#REF!</definedName>
    <definedName name="関連表12" localSheetId="3" hidden="1">#REF!</definedName>
    <definedName name="関連表12" hidden="1">#REF!</definedName>
    <definedName name="関連表15" localSheetId="0" hidden="1">#REF!</definedName>
    <definedName name="関連表15" localSheetId="1" hidden="1">#REF!</definedName>
    <definedName name="関連表15" localSheetId="2" hidden="1">#REF!</definedName>
    <definedName name="関連表15" localSheetId="3" hidden="1">#REF!</definedName>
    <definedName name="関連表15" hidden="1">#REF!</definedName>
    <definedName name="合計工数" localSheetId="0">#REF!</definedName>
    <definedName name="合計工数" localSheetId="1">#REF!</definedName>
    <definedName name="合計工数" localSheetId="2">#REF!</definedName>
    <definedName name="合計工数" localSheetId="3">#REF!</definedName>
    <definedName name="合計工数">#REF!</definedName>
    <definedName name="種類">[6]定義!$A$2:$A$2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20" i="4" l="1"/>
  <c r="I20" i="3"/>
  <c r="I20" i="2"/>
  <c r="I20" i="1"/>
</calcChain>
</file>

<file path=xl/sharedStrings.xml><?xml version="1.0" encoding="utf-8"?>
<sst xmlns="http://schemas.openxmlformats.org/spreadsheetml/2006/main" count="2036" uniqueCount="560">
  <si>
    <t>２．飼養衛生管理基準の遵守状況及び遵守するための措置の実施状況
（１）牛、水牛、鹿、めん羊及び山羊の場合</t>
    <phoneticPr fontId="4"/>
  </si>
  <si>
    <r>
      <t>※記載方法
・自らの農場に関する飼養衛生管理基準の遵守状況及び遵守するための措置の実施状況について、自己点検を行うこと。
・１から</t>
    </r>
    <r>
      <rPr>
        <sz val="48"/>
        <rFont val="ＭＳ 明朝"/>
        <family val="1"/>
        <charset val="128"/>
      </rPr>
      <t>33</t>
    </r>
    <r>
      <rPr>
        <sz val="48"/>
        <rFont val="ＭＳ 明朝"/>
        <family val="1"/>
      </rPr>
      <t>までの各項目の設問に対し、自己点検の結果を元に「できている」</t>
    </r>
    <r>
      <rPr>
        <sz val="48"/>
        <rFont val="ＭＳ 明朝"/>
        <family val="1"/>
        <charset val="128"/>
      </rPr>
      <t>、「一部できている」、「できていない」</t>
    </r>
    <r>
      <rPr>
        <sz val="48"/>
        <rFont val="ＭＳ 明朝"/>
        <family val="1"/>
      </rPr>
      <t>又は「該当しない」にチェックを付けること。
・「記入欄」がある設問には、措置の状況を記載又は該当する事項にチェックを付けること。　
・</t>
    </r>
    <r>
      <rPr>
        <sz val="48"/>
        <rFont val="ＭＳ 明朝"/>
        <family val="1"/>
        <charset val="128"/>
      </rPr>
      <t>「一部できている」「できていない」</t>
    </r>
    <r>
      <rPr>
        <sz val="48"/>
        <rFont val="ＭＳ 明朝"/>
        <family val="1"/>
      </rPr>
      <t xml:space="preserve">と回答した項目については、記入欄に一部できている項目のうち、できていない部分の具体的な内容/今後の改善方針を記載すること。　　　　　　　　　　　　　　　　　　　　　　　　　　　　　　　　　　　　　　　　　　　　　　　
</t>
    </r>
    <rPh sb="99" eb="101">
      <t>イチブ</t>
    </rPh>
    <rPh sb="184" eb="186">
      <t>イチブ</t>
    </rPh>
    <phoneticPr fontId="4"/>
  </si>
  <si>
    <r>
      <t>●飼養衛生管理基準の構成について　
飼養衛生管理基準は全</t>
    </r>
    <r>
      <rPr>
        <sz val="48"/>
        <rFont val="ＭＳ 明朝"/>
        <family val="1"/>
        <charset val="128"/>
      </rPr>
      <t>33項目あり、各項目を取組の目的ごとに以下のⅠ～Ⅳに体系化しながら、分類している。　　　　　　　　　　　　　　　　　　　　　　　　　　　　　　　　　　　　　　　　　　　　　　　　　　　　　　　　　　　　　　　　　　　　　　　　　　　　　　　　　　　　　　　　　　　　　　　　　　　　　　　　　　　　　　　　　　　　　　　　　　　　　　　　　　　　　　　　　　　　　　　　　　　　　　　　　　　　　　　　　　　　　　　　　　　　　　　　　　　　　　　　　　　　　　　　　　　　　　　　　　　　　　　　　　　　　　　</t>
    </r>
    <phoneticPr fontId="4"/>
  </si>
  <si>
    <t>Ⅰ</t>
    <phoneticPr fontId="13"/>
  </si>
  <si>
    <r>
      <t>家畜防疫に関する基本的事項【項目１～</t>
    </r>
    <r>
      <rPr>
        <sz val="42"/>
        <rFont val="ＭＳ 明朝"/>
        <family val="1"/>
        <charset val="128"/>
      </rPr>
      <t>14】</t>
    </r>
    <rPh sb="0" eb="2">
      <t>カチク</t>
    </rPh>
    <rPh sb="2" eb="4">
      <t>ボウエキ</t>
    </rPh>
    <rPh sb="5" eb="6">
      <t>カン</t>
    </rPh>
    <rPh sb="8" eb="10">
      <t>キホン</t>
    </rPh>
    <rPh sb="10" eb="11">
      <t>テキ</t>
    </rPh>
    <rPh sb="11" eb="13">
      <t>ジコウ</t>
    </rPh>
    <rPh sb="14" eb="16">
      <t>コウモク</t>
    </rPh>
    <phoneticPr fontId="13"/>
  </si>
  <si>
    <t>Ⅱ</t>
    <phoneticPr fontId="13"/>
  </si>
  <si>
    <r>
      <t>衛生管理区域への病原体の侵入防止</t>
    </r>
    <r>
      <rPr>
        <sz val="42"/>
        <rFont val="ＭＳ 明朝"/>
        <family val="1"/>
        <charset val="128"/>
      </rPr>
      <t>【項目15～21】</t>
    </r>
    <rPh sb="0" eb="2">
      <t>エイセイ</t>
    </rPh>
    <rPh sb="2" eb="4">
      <t>カンリ</t>
    </rPh>
    <rPh sb="4" eb="6">
      <t>クイキ</t>
    </rPh>
    <rPh sb="8" eb="11">
      <t>ビョウゲンタイ</t>
    </rPh>
    <rPh sb="12" eb="14">
      <t>シンニュウ</t>
    </rPh>
    <rPh sb="14" eb="16">
      <t>ボウシ</t>
    </rPh>
    <rPh sb="17" eb="19">
      <t>コウモク</t>
    </rPh>
    <phoneticPr fontId="13"/>
  </si>
  <si>
    <t>Ⅲ</t>
    <phoneticPr fontId="13"/>
  </si>
  <si>
    <r>
      <t>衛生管理区域内における病原体による汚染拡大防止</t>
    </r>
    <r>
      <rPr>
        <sz val="42"/>
        <rFont val="ＭＳ 明朝"/>
        <family val="1"/>
        <charset val="128"/>
      </rPr>
      <t>【項目22～28】</t>
    </r>
    <rPh sb="0" eb="2">
      <t>エイセイ</t>
    </rPh>
    <rPh sb="2" eb="4">
      <t>カンリ</t>
    </rPh>
    <rPh sb="4" eb="6">
      <t>クイキ</t>
    </rPh>
    <rPh sb="6" eb="7">
      <t>ナイ</t>
    </rPh>
    <rPh sb="11" eb="14">
      <t>ビョウゲンタイ</t>
    </rPh>
    <rPh sb="17" eb="19">
      <t>オセン</t>
    </rPh>
    <rPh sb="19" eb="21">
      <t>カクダイ</t>
    </rPh>
    <rPh sb="21" eb="23">
      <t>ボウシ</t>
    </rPh>
    <rPh sb="24" eb="26">
      <t>コウモク</t>
    </rPh>
    <phoneticPr fontId="13"/>
  </si>
  <si>
    <t>Ⅳ</t>
    <phoneticPr fontId="13"/>
  </si>
  <si>
    <r>
      <t>衛生管理区域外への病原体の拡散防止</t>
    </r>
    <r>
      <rPr>
        <sz val="42"/>
        <rFont val="ＭＳ 明朝"/>
        <family val="1"/>
        <charset val="128"/>
      </rPr>
      <t>【項目29～33】</t>
    </r>
    <rPh sb="0" eb="2">
      <t>エイセイ</t>
    </rPh>
    <rPh sb="2" eb="4">
      <t>カンリ</t>
    </rPh>
    <rPh sb="4" eb="6">
      <t>クイキ</t>
    </rPh>
    <rPh sb="6" eb="7">
      <t>ソト</t>
    </rPh>
    <rPh sb="9" eb="12">
      <t>ビョウゲンタイ</t>
    </rPh>
    <rPh sb="13" eb="15">
      <t>カクサン</t>
    </rPh>
    <rPh sb="15" eb="17">
      <t>ボウシ</t>
    </rPh>
    <rPh sb="18" eb="20">
      <t>コウモク</t>
    </rPh>
    <phoneticPr fontId="13"/>
  </si>
  <si>
    <t>【参考】農場の各施設において関係する項目とその項目が防除の対象とする感染源（一覧表）</t>
    <rPh sb="1" eb="3">
      <t>サンコウ</t>
    </rPh>
    <rPh sb="4" eb="6">
      <t>ノウジョウ</t>
    </rPh>
    <rPh sb="7" eb="10">
      <t>カクシセツ</t>
    </rPh>
    <rPh sb="14" eb="16">
      <t>カンケイ</t>
    </rPh>
    <rPh sb="18" eb="20">
      <t>コウモク</t>
    </rPh>
    <rPh sb="23" eb="25">
      <t>コウモク</t>
    </rPh>
    <rPh sb="26" eb="28">
      <t>ボウジョ</t>
    </rPh>
    <rPh sb="29" eb="31">
      <t>タイショウ</t>
    </rPh>
    <rPh sb="34" eb="37">
      <t>カンセンゲン</t>
    </rPh>
    <rPh sb="38" eb="41">
      <t>イチランヒョウ</t>
    </rPh>
    <phoneticPr fontId="13"/>
  </si>
  <si>
    <t>農場名：</t>
    <rPh sb="0" eb="2">
      <t>ノウジョウ</t>
    </rPh>
    <rPh sb="2" eb="3">
      <t>メイ</t>
    </rPh>
    <phoneticPr fontId="18"/>
  </si>
  <si>
    <r>
      <t>回答記入例
☑ できている　</t>
    </r>
    <r>
      <rPr>
        <sz val="42"/>
        <rFont val="ＭＳ 明朝"/>
        <family val="1"/>
        <charset val="128"/>
      </rPr>
      <t>□ 一部できている□ できていない</t>
    </r>
    <rPh sb="16" eb="18">
      <t>イチブ</t>
    </rPh>
    <phoneticPr fontId="18"/>
  </si>
  <si>
    <t>牛_2</t>
    <rPh sb="0" eb="1">
      <t>ウシ</t>
    </rPh>
    <phoneticPr fontId="4"/>
  </si>
  <si>
    <t>※「できている」、「一部できている」、「できていない」又は「該当しない」から１つ選択</t>
    <rPh sb="10" eb="12">
      <t>イチブ</t>
    </rPh>
    <phoneticPr fontId="18"/>
  </si>
  <si>
    <t>Ⅰ　家畜防疫に関する基本的事項</t>
    <rPh sb="12" eb="13">
      <t>テキ</t>
    </rPh>
    <phoneticPr fontId="18"/>
  </si>
  <si>
    <t>家畜防疫員　　　
チェックボックス</t>
    <rPh sb="0" eb="2">
      <t>カチク</t>
    </rPh>
    <rPh sb="2" eb="5">
      <t>ボウエキイン</t>
    </rPh>
    <phoneticPr fontId="18"/>
  </si>
  <si>
    <t>１　家畜の所有者の責務</t>
    <rPh sb="2" eb="4">
      <t>カチク</t>
    </rPh>
    <rPh sb="5" eb="8">
      <t>ショユウシャ</t>
    </rPh>
    <rPh sb="9" eb="11">
      <t>セキム</t>
    </rPh>
    <phoneticPr fontId="18"/>
  </si>
  <si>
    <r>
      <t xml:space="preserve">①関係法令を遵守している。
</t>
    </r>
    <r>
      <rPr>
        <sz val="36"/>
        <color theme="1"/>
        <rFont val="ＭＳ 明朝"/>
        <family val="1"/>
        <charset val="128"/>
      </rPr>
      <t>〈関係法令の例〉
・家畜伝染病予防法　・飼料の安全性の確保及び品質の改善に関する法律　・獣医師法
・家畜排せつ物の管理の適正化及び利用の促進に関する法律　・水質汚濁防止法　・悪臭防止法
・廃棄物の処理及び清掃に関する法律　・牛海綿状脳症対策特別措置法
・医薬品、医療機器等の品質、有効性及び安全性の確保等に関する法律　・化製場等に関する法律</t>
    </r>
    <phoneticPr fontId="18"/>
  </si>
  <si>
    <t>□ できている</t>
    <phoneticPr fontId="18"/>
  </si>
  <si>
    <t>□ 一部
できている</t>
    <rPh sb="2" eb="4">
      <t>イチブ</t>
    </rPh>
    <phoneticPr fontId="18"/>
  </si>
  <si>
    <t>□ できていない</t>
    <phoneticPr fontId="18"/>
  </si>
  <si>
    <r>
      <t xml:space="preserve">②農場の所在地域で飼養されている家畜の所有者その他の関係者と協力して衛生管理の意識を高め、衛生管理を行っている。
</t>
    </r>
    <r>
      <rPr>
        <sz val="36"/>
        <color theme="1"/>
        <rFont val="ＭＳ 明朝"/>
        <family val="1"/>
        <charset val="128"/>
      </rPr>
      <t>〈協力者の例〉
・地域の他の家畜の所有者（飼養衛生管理者）　・都道府県　・市町村　・関係団体　・地域自衛防疫団体</t>
    </r>
    <phoneticPr fontId="18"/>
  </si>
  <si>
    <t>□ できている</t>
    <phoneticPr fontId="4"/>
  </si>
  <si>
    <t>□ 一部
できている</t>
    <phoneticPr fontId="4"/>
  </si>
  <si>
    <t>③（所有者以外に飼養衛生管理者がある場合）飼養衛生管理者と常時連絡可能な体制を確保し、本基準に規定される取組について当該飼養衛生管理者に実施させている。</t>
    <rPh sb="21" eb="28">
      <t>シヨウエイセイカンリシャ</t>
    </rPh>
    <rPh sb="58" eb="60">
      <t>トウガイ</t>
    </rPh>
    <rPh sb="60" eb="62">
      <t>シヨウ</t>
    </rPh>
    <phoneticPr fontId="18"/>
  </si>
  <si>
    <t>□ 該当しない</t>
    <rPh sb="2" eb="4">
      <t>ガイトウ</t>
    </rPh>
    <phoneticPr fontId="18"/>
  </si>
  <si>
    <t>【記入欄】　※「一部できている」「できていない」を選択した場合、できていない部分の具体的な内容/今後の改善方針を記入してください。</t>
  </si>
  <si>
    <t>２　家畜防疫に関する最新情報の把握及び衛生管理の実践</t>
    <rPh sb="10" eb="12">
      <t>サイシン</t>
    </rPh>
    <rPh sb="19" eb="21">
      <t>エイセイ</t>
    </rPh>
    <rPh sb="21" eb="23">
      <t>カンリ</t>
    </rPh>
    <rPh sb="24" eb="26">
      <t>ジッセン</t>
    </rPh>
    <phoneticPr fontId="18"/>
  </si>
  <si>
    <r>
      <t xml:space="preserve">①家畜保健衛生所等から提供される情報を必ず確認するとともに、家畜保健衛生所等が開催する家畜衛生に関する講習会への参加、農林水産省のウェブサイトの閲覧等を通じて、家畜防疫に関する情報を積極的に把握している。
</t>
    </r>
    <r>
      <rPr>
        <sz val="36"/>
        <rFont val="ＭＳ 明朝"/>
        <family val="1"/>
        <charset val="128"/>
      </rPr>
      <t>〈情報の把握方法例〉
・メール　・広報誌　・ＦＡＸ　・ウェブサイト</t>
    </r>
    <rPh sb="8" eb="9">
      <t>トウ</t>
    </rPh>
    <phoneticPr fontId="18"/>
  </si>
  <si>
    <t>②家畜防疫に関する最新情報を踏まえ、防疫体制を含めて、自らの農場の飼養衛生管理の状況を定期的に点検し改善を図っている。</t>
    <rPh sb="1" eb="3">
      <t>カチク</t>
    </rPh>
    <rPh sb="3" eb="5">
      <t>ボウエキ</t>
    </rPh>
    <rPh sb="6" eb="7">
      <t>カン</t>
    </rPh>
    <rPh sb="9" eb="11">
      <t>サイシン</t>
    </rPh>
    <phoneticPr fontId="18"/>
  </si>
  <si>
    <t>③家畜保健衛生所が行う検査を受け、指導に従っている。</t>
    <phoneticPr fontId="18"/>
  </si>
  <si>
    <t>【記入欄】　※「一部できている」「できていない」を選択した場合、できていない部分の具体的な内容/今後の改善方針を記入してください。</t>
    <rPh sb="56" eb="58">
      <t>キニュウ</t>
    </rPh>
    <phoneticPr fontId="4"/>
  </si>
  <si>
    <t>３　飼養衛生管理マニュアルの作成及び従事者等への周知徹底</t>
    <phoneticPr fontId="18"/>
  </si>
  <si>
    <r>
      <t xml:space="preserve">①必要事項を規定した飼養衛生管理マニュアルを獣医師等の専門家の意見を反映させて、作成している。
</t>
    </r>
    <r>
      <rPr>
        <sz val="36"/>
        <rFont val="ＭＳ 明朝"/>
        <family val="1"/>
        <charset val="128"/>
      </rPr>
      <t>※飼養衛生管理マニュアルの必要事項
（１）従事者が当該農場以外で行う動物の飼養及び狩猟における禁止事項
（２）海外渡航時及び帰国後の注意事項 
（３）海外からの肉製品の持込み（郵便物による持込みを含む。）に関する注意喚起
（４）衛生管理区域及びその出入口並びに消毒設備等の衛生対策設備の設置箇所を明示した農場の最新の防疫体制を確認できる平面図
（５）農場内への不適切な物品の持込みの禁止
（６）可能な限り、工具、機材等を農場内へ持ち込まないための取組
（７）持ち込む工具、機材、食品等の取扱い
（８）野生動物の衛生管理区域内への侵入防止
（９）手指、衣服、靴、物品、車両、施設等の洗浄及び消毒並びに農場における防疫のための更衣に関する具体的な方法、消毒薬の種類、作用時間及び乾燥時間等 
※飼養衛生管理マニュアルの写しを添付</t>
    </r>
    <rPh sb="193" eb="195">
      <t>カショ</t>
    </rPh>
    <phoneticPr fontId="18"/>
  </si>
  <si>
    <t>②従事者及び外部事業者が飼養衛生管理マニュアルを遵守するよう、当該マニュアルを印字した冊子の配布、看板の設置その他の必要な措置を講じている。</t>
  </si>
  <si>
    <t>③家畜の伝染性疾病の発生の予防及びまん延の防止に関する情報を従事者及び外部事業者に周知徹底している。</t>
  </si>
  <si>
    <t>４　記録の作成及び保管</t>
  </si>
  <si>
    <t>牛_3</t>
    <phoneticPr fontId="4"/>
  </si>
  <si>
    <t>以下に掲げる事項に関する記録を作成し、少なくとも１年間保存している。</t>
  </si>
  <si>
    <r>
      <t>①衛生管理区域に立ち入った者</t>
    </r>
    <r>
      <rPr>
        <sz val="36"/>
        <color theme="1"/>
        <rFont val="ＭＳ 明朝"/>
        <family val="1"/>
        <charset val="128"/>
      </rPr>
      <t>（※１）</t>
    </r>
    <r>
      <rPr>
        <sz val="42"/>
        <color theme="1"/>
        <rFont val="ＭＳ 明朝"/>
        <family val="1"/>
        <charset val="128"/>
      </rPr>
      <t>の氏名及び住所又は所属、衛生管理区域への立入りの年月日、その目的</t>
    </r>
    <r>
      <rPr>
        <sz val="36"/>
        <color theme="1"/>
        <rFont val="ＭＳ 明朝"/>
        <family val="1"/>
        <charset val="128"/>
      </rPr>
      <t>（※２）</t>
    </r>
    <r>
      <rPr>
        <sz val="42"/>
        <color theme="1"/>
        <rFont val="ＭＳ 明朝"/>
        <family val="1"/>
        <charset val="128"/>
      </rPr>
      <t xml:space="preserve">及び消毒の実施の有無（車両を入れる者にあっては、当該車両の消毒の有無を含む。）
</t>
    </r>
    <r>
      <rPr>
        <sz val="36"/>
        <color theme="1"/>
        <rFont val="ＭＳ 明朝"/>
        <family val="1"/>
        <charset val="128"/>
      </rPr>
      <t>※不特定かつ多数の者が立ち入ることが想定される施設（観光牧場等）において、衛生管理区域の出入口における手指及び靴の消毒等、病原体の持込み及び持出しを防止するための規則をあらかじめ作成し、家畜防疫員が適切なものであることを確認した場合は記録は不要である。
※１当該農場の従事者を除く。
※２所属等からその目的が明らかな場合を除く。</t>
    </r>
    <phoneticPr fontId="18"/>
  </si>
  <si>
    <t>②消毒の実施の記録については、衛生管理区域の出入口等に台帳を設置し、確実に記録させている。</t>
    <phoneticPr fontId="4"/>
  </si>
  <si>
    <r>
      <rPr>
        <sz val="42"/>
        <rFont val="ＭＳ 明朝"/>
        <family val="1"/>
        <charset val="128"/>
      </rPr>
      <t>③（衛生管理区域に立ち入った者が過去一週間以内に海外から入国、又は帰国した場合）過去一週間以内に滞在した全ての国又は地域の名称及び当該国又は地域における畜産関係施設等への立入りの有無</t>
    </r>
    <phoneticPr fontId="4"/>
  </si>
  <si>
    <t>④（従事者が海外に渡航した場合）滞在期間及び国又は地域の名称</t>
    <phoneticPr fontId="4"/>
  </si>
  <si>
    <t>⑤・導入、出荷又は移動を行った畜種の種類、頭数、健康状態
　・導入元、出荷先、移動先の農場等の名称
　・導入、出荷、移動の年月日</t>
    <rPh sb="21" eb="22">
      <t>トウ</t>
    </rPh>
    <phoneticPr fontId="4"/>
  </si>
  <si>
    <t>⑥飼養する家畜の頭数、月齢、異状の有無、異状がある場合にあっては、その症状並びに獣医師による診療結果及び投薬その他の処置の状況</t>
    <phoneticPr fontId="4"/>
  </si>
  <si>
    <t>⑦家畜保健衛生所、担当獣医師等からの農場指導の内容及び指導年月日</t>
    <phoneticPr fontId="4"/>
  </si>
  <si>
    <t>５　大規模所有者が講ずる措置</t>
    <phoneticPr fontId="18"/>
  </si>
  <si>
    <r>
      <t xml:space="preserve">①飼養する家畜が特定症状を呈していることを従業員が発見したとき、当該家畜の所有者及び飼養衛生管理者の許可を得ず、直ちに家畜保健衛生所に通報することを規定したものを作成し、これを全従業員に周知徹底している。
</t>
    </r>
    <r>
      <rPr>
        <sz val="36"/>
        <color theme="1"/>
        <rFont val="ＭＳ 明朝"/>
        <family val="1"/>
        <charset val="128"/>
      </rPr>
      <t>〈周知方法の例〉
・飼養衛生管理マニュアル　・貼紙
※以下の資料を添付
　従業員が農林水産大臣の定める特定症状を確認した場合に家畜保健衛生所へ直ちに通報することを規定したものの写し</t>
    </r>
    <phoneticPr fontId="4"/>
  </si>
  <si>
    <r>
      <t xml:space="preserve">②畜舎ごとに飼養衛生管理者を配置している。
</t>
    </r>
    <r>
      <rPr>
        <sz val="36"/>
        <color theme="1"/>
        <rFont val="ＭＳ 明朝"/>
        <family val="1"/>
        <charset val="128"/>
      </rPr>
      <t>｢同一の者が複数の畜舎を担当する場合には、衛生管理を行う家畜（牛にあっては月齢が満四月以上のものに限る。）の頭数の合計が二百頭（第二十一条の五第八号イ（1）又は（2）に掲げる牛、鹿、めん羊及び山羊にあっては、三千頭を超えないこと。）。｣</t>
    </r>
    <rPh sb="94" eb="95">
      <t>ハチ</t>
    </rPh>
    <phoneticPr fontId="18"/>
  </si>
  <si>
    <t>９　分割管理を導入する際の措置</t>
    <rPh sb="2" eb="6">
      <t>ブンカツカンリ</t>
    </rPh>
    <rPh sb="7" eb="9">
      <t>ドウニュウ</t>
    </rPh>
    <rPh sb="11" eb="12">
      <t>サイ</t>
    </rPh>
    <rPh sb="13" eb="15">
      <t>ソチ</t>
    </rPh>
    <phoneticPr fontId="4"/>
  </si>
  <si>
    <t>口蹄疫等の発生時の影響の緩和を図るため、衛生管理区域及び人・車両・物等の動線の見直しにより、農場を分割して管理すること（「分割管理」）に取り組む場合は、家畜保健衛生所の確認を受け、指導に従っている。</t>
    <phoneticPr fontId="4"/>
  </si>
  <si>
    <t>６　獣医師等の健康管理指導</t>
    <phoneticPr fontId="4"/>
  </si>
  <si>
    <r>
      <t xml:space="preserve">●家畜保健衛生所と緊密に連絡を行っている担当の獣医師又は診療施設を定め、定期的に当該獣医師又は診療施設から飼養する家畜の健康管理について指導を受けている。
</t>
    </r>
    <r>
      <rPr>
        <sz val="36"/>
        <rFont val="ＭＳ 明朝"/>
        <family val="1"/>
        <charset val="128"/>
      </rPr>
      <t>※診療施設に家畜保健衛生所を含む</t>
    </r>
    <rPh sb="79" eb="83">
      <t>シンリョウシセツ</t>
    </rPh>
    <rPh sb="84" eb="91">
      <t>カチクホケンエイセイジョ</t>
    </rPh>
    <rPh sb="92" eb="93">
      <t>フク</t>
    </rPh>
    <phoneticPr fontId="4"/>
  </si>
  <si>
    <r>
      <t>【記入欄】　</t>
    </r>
    <r>
      <rPr>
        <sz val="42"/>
        <rFont val="ＭＳ 明朝"/>
        <family val="1"/>
        <charset val="128"/>
      </rPr>
      <t>※「できている」「一部できている」の場合は回答してください</t>
    </r>
    <rPh sb="1" eb="3">
      <t>キニュウ</t>
    </rPh>
    <rPh sb="3" eb="4">
      <t>ラン</t>
    </rPh>
    <rPh sb="15" eb="17">
      <t>イチブ</t>
    </rPh>
    <rPh sb="24" eb="26">
      <t>バアイ</t>
    </rPh>
    <rPh sb="27" eb="29">
      <t>カイトウ</t>
    </rPh>
    <phoneticPr fontId="18"/>
  </si>
  <si>
    <t>担当の獣医師の氏名</t>
    <phoneticPr fontId="4"/>
  </si>
  <si>
    <t>担当の診療施設の名称</t>
  </si>
  <si>
    <t>７　家畜伝染病の発生リスクの高まりに対する準備</t>
  </si>
  <si>
    <t>牛_4</t>
    <phoneticPr fontId="4"/>
  </si>
  <si>
    <r>
      <t>●野生動物が口蹄疫</t>
    </r>
    <r>
      <rPr>
        <sz val="42"/>
        <rFont val="ＭＳ 明朝"/>
        <family val="1"/>
        <charset val="128"/>
      </rPr>
      <t>等</t>
    </r>
    <r>
      <rPr>
        <sz val="42"/>
        <color theme="1"/>
        <rFont val="ＭＳ 明朝"/>
        <family val="1"/>
      </rPr>
      <t xml:space="preserve">の家畜伝染病に感染したことが確認されているなど、家畜伝染病の発生リスクが高まっているものとして農林水産大臣が指定する地域（以下、「大臣指定地域」という。）において追加措置を講ずることとなる以下の取組について、その内容を習熟している。
</t>
    </r>
    <r>
      <rPr>
        <sz val="36"/>
        <color theme="1"/>
        <rFont val="ＭＳ 明朝"/>
        <family val="1"/>
        <charset val="128"/>
      </rPr>
      <t xml:space="preserve">  16　他の畜産関係施設等に立ち入った者等が衛生管理区域に立ち入る際の措置
　21　安全な資材の利用</t>
    </r>
    <rPh sb="70" eb="72">
      <t>イカ</t>
    </rPh>
    <rPh sb="74" eb="76">
      <t>ダイジン</t>
    </rPh>
    <rPh sb="76" eb="80">
      <t>シテイチイキ</t>
    </rPh>
    <phoneticPr fontId="4"/>
  </si>
  <si>
    <t>21　安全な資材の利用</t>
    <phoneticPr fontId="4"/>
  </si>
  <si>
    <t>●大臣指定地域において収穫された農産物等を自ら飼料、敷料等に利用する場合は、家畜保健衛生所に助言を求め、指導に従っている。</t>
  </si>
  <si>
    <r>
      <t>【記入欄】　※</t>
    </r>
    <r>
      <rPr>
        <sz val="42"/>
        <rFont val="ＭＳ 明朝"/>
        <family val="1"/>
        <charset val="128"/>
      </rPr>
      <t>「できている」「一部できている」の場合は回答してください</t>
    </r>
    <rPh sb="1" eb="3">
      <t>キニュウ</t>
    </rPh>
    <rPh sb="3" eb="4">
      <t>ラン</t>
    </rPh>
    <rPh sb="15" eb="17">
      <t>イチブ</t>
    </rPh>
    <rPh sb="24" eb="26">
      <t>バアイ</t>
    </rPh>
    <rPh sb="27" eb="29">
      <t>カイトウ</t>
    </rPh>
    <phoneticPr fontId="18"/>
  </si>
  <si>
    <t>対象となる飼料、敷料等</t>
    <phoneticPr fontId="18"/>
  </si>
  <si>
    <t>家畜防疫員の指導内容</t>
    <rPh sb="0" eb="2">
      <t>カチク</t>
    </rPh>
    <rPh sb="2" eb="4">
      <t>ボウエキ</t>
    </rPh>
    <rPh sb="4" eb="5">
      <t>イン</t>
    </rPh>
    <rPh sb="6" eb="8">
      <t>シドウ</t>
    </rPh>
    <rPh sb="8" eb="10">
      <t>ナイヨウ</t>
    </rPh>
    <phoneticPr fontId="18"/>
  </si>
  <si>
    <t>□ 加熱　　□ 消毒　　□ 一定期間の保管</t>
    <phoneticPr fontId="4"/>
  </si>
  <si>
    <t>□ その他：（　　　　　　　　　　　　　　　　　　　　　　　）</t>
    <phoneticPr fontId="18"/>
  </si>
  <si>
    <t>８　衛生管理区域の設定</t>
  </si>
  <si>
    <r>
      <t xml:space="preserve">①農場に病原体の侵入及びまん延の防止を重点的に行う区域として衛生管理区域を設定し、衛生管理区域とそれ以外の区域とに分け、両区域の場所が明確に分かるようにしている。
</t>
    </r>
    <r>
      <rPr>
        <sz val="36"/>
        <color theme="1"/>
        <rFont val="ＭＳ 明朝"/>
        <family val="1"/>
        <charset val="128"/>
      </rPr>
      <t>〈衛生管理区域境界の明確化方法例〉
・消石灰帯　・柵　・ロープ　・三角コーン　・垣根（プランター）</t>
    </r>
  </si>
  <si>
    <r>
      <t xml:space="preserve">②衛生管理区域は、畜舎、家畜に直接接触する物品の保管場所並びに家畜に直接触れた者が消毒並びに衣服及び靴の交換を行わずに行動する範囲の全てを網羅している。
</t>
    </r>
    <r>
      <rPr>
        <sz val="36"/>
        <color theme="1"/>
        <rFont val="ＭＳ 明朝"/>
        <family val="1"/>
        <charset val="128"/>
      </rPr>
      <t>※畜舎の他に、飼料給与、清掃、家畜の出荷及び死亡家畜の管理等の一連の作業に関連する農場内の敷地の全てを衛生管理区域とすること。</t>
    </r>
  </si>
  <si>
    <t>③出入口の数を必要最小限とし、家畜、資材、死体等の持込み又は持出し場所を可能な限り衛生管理区域の境界に位置するよう設定している。</t>
  </si>
  <si>
    <t>10　放牧制限の準備</t>
    <phoneticPr fontId="4"/>
  </si>
  <si>
    <t>●（放牧を行っている場合）放牧の停止又は制限があった場合に備え、家畜を収容できる避難用の設備の確保又は出荷若しくは移動のための準備措置を講じている。</t>
  </si>
  <si>
    <t>措置の内容</t>
    <rPh sb="0" eb="2">
      <t>ソチ</t>
    </rPh>
    <rPh sb="3" eb="5">
      <t>ナイヨウ</t>
    </rPh>
    <phoneticPr fontId="18"/>
  </si>
  <si>
    <t>□ 避難用設備の確保の準備</t>
    <phoneticPr fontId="18"/>
  </si>
  <si>
    <t>具体的な内容</t>
    <phoneticPr fontId="18"/>
  </si>
  <si>
    <t>□ 出荷</t>
    <phoneticPr fontId="18"/>
  </si>
  <si>
    <t>□ 事前協議：済</t>
    <rPh sb="2" eb="4">
      <t>ジゼン</t>
    </rPh>
    <rPh sb="4" eb="6">
      <t>キョウギ</t>
    </rPh>
    <rPh sb="7" eb="8">
      <t>スミ</t>
    </rPh>
    <phoneticPr fontId="18"/>
  </si>
  <si>
    <t>□ 事前協議：調整中</t>
    <rPh sb="7" eb="10">
      <t>チョウセイチュウ</t>
    </rPh>
    <phoneticPr fontId="18"/>
  </si>
  <si>
    <t>□ 事前協議：未</t>
    <rPh sb="2" eb="4">
      <t>ジゼン</t>
    </rPh>
    <rPh sb="4" eb="6">
      <t>キョウギ</t>
    </rPh>
    <rPh sb="7" eb="8">
      <t>ミ</t>
    </rPh>
    <phoneticPr fontId="18"/>
  </si>
  <si>
    <t>□ 他地域への移動</t>
    <phoneticPr fontId="18"/>
  </si>
  <si>
    <t>移動場所</t>
    <phoneticPr fontId="18"/>
  </si>
  <si>
    <t>11　埋却等の準備</t>
    <phoneticPr fontId="4"/>
  </si>
  <si>
    <t>牛_5</t>
    <phoneticPr fontId="4"/>
  </si>
  <si>
    <r>
      <t xml:space="preserve">●死体の処理に必要な埋却地の確保をしている、又は焼却若しくは化製のための準備措置を講じている。
</t>
    </r>
    <r>
      <rPr>
        <sz val="36"/>
        <color theme="1"/>
        <rFont val="ＭＳ 明朝"/>
        <family val="1"/>
        <charset val="128"/>
      </rPr>
      <t>※以下の（１）～（３）のいずれかの資料を添付
（１）埋却用地の確保の状況として以下の事項を記載した資料
　ア 埋却用地の所在地
　イ 埋却用地が自己の所有する土地でない場合
　　 ・その所有者の氏名又は名称
　　 ・当該土地の利用に関する契約の内容
　ウ 埋却用地の面積・利用状況
　エ 農場から埋却用地までの距離
　オ 埋却用地の近隣住民その他の関係者への埋却の実施に関する説明の有無
　カ オの説明に対する当該関係者の承諾の有無
　キ その他埋却の的確かつ迅速な実施のため参考となる事項
（２）焼却・化製のための準備措置を講じている場合は、以下の事項を記載した資料
　ア 焼却施設・化製場の名称・所在地
　イ 農場から焼却施設・化製場までの距離
　ウ 焼却施設・化製場の近隣住民その他の関係者への焼却・化製の実施に関する説明の有無
　エ ウの説明に対する当該関係者の承諾の有無
（３）埋却用地・焼却施設・化製場を確保していない場合は、これらを確保するための取組の状況を記載した資料</t>
    </r>
    <phoneticPr fontId="18"/>
  </si>
  <si>
    <t>□ 埋却地の確保　　□ 焼却のための取組　　□ 化製のための取組</t>
    <phoneticPr fontId="18"/>
  </si>
  <si>
    <t>12　愛玩動物の飼育禁止</t>
    <phoneticPr fontId="4"/>
  </si>
  <si>
    <r>
      <t xml:space="preserve">●衛生管理区域に愛玩動物を持込んでいない。また、衛生管理区域内で愛玩動物を飼育していない。
</t>
    </r>
    <r>
      <rPr>
        <sz val="36"/>
        <color theme="1"/>
        <rFont val="ＭＳ 明朝"/>
        <family val="1"/>
        <charset val="128"/>
      </rPr>
      <t>※観光牧場等において、飼育場所を限定している場合は除く。</t>
    </r>
    <phoneticPr fontId="4"/>
  </si>
  <si>
    <t>13　密飼いの防止</t>
    <phoneticPr fontId="4"/>
  </si>
  <si>
    <r>
      <t xml:space="preserve">●家畜の健康に悪影響を及ぼすような過密な状態で家畜を飼養していない。
</t>
    </r>
    <r>
      <rPr>
        <sz val="36"/>
        <color theme="1"/>
        <rFont val="ＭＳ 明朝"/>
        <family val="1"/>
        <charset val="128"/>
      </rPr>
      <t xml:space="preserve">※以下の資料を添付
畜舎ごとの家畜の飼養密度（家畜の種類ごとに○㎡／頭）を記載した資料
</t>
    </r>
    <phoneticPr fontId="4"/>
  </si>
  <si>
    <t>14　飼養する家畜の健康観察</t>
    <rPh sb="3" eb="5">
      <t>シヨウ</t>
    </rPh>
    <rPh sb="7" eb="9">
      <t>カチク</t>
    </rPh>
    <rPh sb="10" eb="14">
      <t>ケンコウカンサツ</t>
    </rPh>
    <phoneticPr fontId="4"/>
  </si>
  <si>
    <t>①毎日、飼養する家畜の健康観察（出生及び死亡の状況並びに異状の有無を含む。）を行っている。</t>
    <phoneticPr fontId="4"/>
  </si>
  <si>
    <t>②他の農場等から家畜を導入する場合には、導入元の農場等における家畜の伝染性疾病の発生状況、導入する家畜の健康状態の確認等を行い、健康な家畜を導入している。</t>
    <phoneticPr fontId="4"/>
  </si>
  <si>
    <r>
      <t xml:space="preserve">③導入した家畜が伝染病を疑う異状を示さないことを確認するまでの間、他の家畜と直接接触させないようにしている。
</t>
    </r>
    <r>
      <rPr>
        <sz val="36"/>
        <rFont val="ＭＳ 明朝"/>
        <family val="1"/>
        <charset val="128"/>
      </rPr>
      <t>〈隔離方法の例〉
・隔離畜舎　・隔離畜房</t>
    </r>
    <rPh sb="8" eb="11">
      <t>デンセンビョウ</t>
    </rPh>
    <rPh sb="12" eb="13">
      <t>ウタガ</t>
    </rPh>
    <rPh sb="17" eb="18">
      <t>シメ</t>
    </rPh>
    <phoneticPr fontId="4"/>
  </si>
  <si>
    <t>④家畜を出荷等により農場外へ移動させる場合には、家畜に付着した排せつ物等の汚れを取り除くとともに、移動の直前に当該家畜の健康状態を確認している。</t>
    <phoneticPr fontId="4"/>
  </si>
  <si>
    <t>Ⅱ　衛生管理区域への病原体の侵入防止</t>
  </si>
  <si>
    <t>15　衛生管理区域への必要のない者の立入りの制限</t>
    <phoneticPr fontId="4"/>
  </si>
  <si>
    <r>
      <t xml:space="preserve">●必要のない者を衛生管理区域に立ち入らせないようにしている。さらに、衛生管理区域に立ち入った者が飼養する家畜に接触する機会を最小限とするよう必要な措置を講じている。
</t>
    </r>
    <r>
      <rPr>
        <sz val="36"/>
        <color theme="1"/>
        <rFont val="ＭＳ 明朝"/>
        <family val="1"/>
        <charset val="128"/>
      </rPr>
      <t>※不特定かつ多数の者が立ち入ることが想定される施設（観光牧場等）において、衛生管理区域の出入口における手指及び靴の消毒等、病原体の持込み及び持出しを防止するための規則をあらかじめ作成し、家畜防疫員が適切なものであることを確認した場合は、この限りではない。</t>
    </r>
    <phoneticPr fontId="18"/>
  </si>
  <si>
    <t>□ 門　　□ ロープ　　□ 立入禁止看板の設置　　</t>
    <phoneticPr fontId="18"/>
  </si>
  <si>
    <t>□ その他：（　　　　　　　　　　　　　　　　　　　　　　　　　　　　　　　　　　）</t>
    <phoneticPr fontId="18"/>
  </si>
  <si>
    <t>16　他の畜産関係施設等に立ち入った者等が衛生管理区域に立ち入る際の措置</t>
    <phoneticPr fontId="4"/>
  </si>
  <si>
    <t>牛_6</t>
    <phoneticPr fontId="4"/>
  </si>
  <si>
    <r>
      <t>●当日に他の畜産関係施設等</t>
    </r>
    <r>
      <rPr>
        <sz val="42"/>
        <rFont val="ＭＳ 明朝"/>
        <family val="1"/>
        <charset val="128"/>
      </rPr>
      <t xml:space="preserve">又は大臣指定地域に立ち入った者（※）及び過去一週間以内に海外から入国し、又は帰国した者を衛生管理区域に立ち入らせないようにしている。
</t>
    </r>
    <r>
      <rPr>
        <sz val="36"/>
        <rFont val="ＭＳ 明朝"/>
        <family val="1"/>
        <charset val="128"/>
      </rPr>
      <t>※農場の従事者、家畜防疫員、獣医師、家畜人工授精師、削蹄師、飼料運搬業者及び集乳業者等は除く。</t>
    </r>
    <rPh sb="13" eb="14">
      <t>マタ</t>
    </rPh>
    <rPh sb="31" eb="32">
      <t>オヨ</t>
    </rPh>
    <phoneticPr fontId="4"/>
  </si>
  <si>
    <r>
      <t>17　衛生管理区域に立ち入</t>
    </r>
    <r>
      <rPr>
        <sz val="42"/>
        <rFont val="ＭＳ 明朝"/>
        <family val="1"/>
        <charset val="128"/>
      </rPr>
      <t>る者の手指消毒等</t>
    </r>
    <rPh sb="10" eb="11">
      <t>タ</t>
    </rPh>
    <rPh sb="12" eb="13">
      <t>イ</t>
    </rPh>
    <phoneticPr fontId="18"/>
  </si>
  <si>
    <r>
      <t xml:space="preserve">●衛生管理区域の入口付近に消毒設備を設置し、立ち入る者に対し、手指の洗浄及び消毒をさせている。
</t>
    </r>
    <r>
      <rPr>
        <sz val="36"/>
        <rFont val="ＭＳ 明朝"/>
        <family val="1"/>
        <charset val="128"/>
      </rPr>
      <t>※立ち入る者が消毒機器を携行し、消毒している場合を除く。</t>
    </r>
    <rPh sb="22" eb="23">
      <t>タ</t>
    </rPh>
    <rPh sb="24" eb="25">
      <t>イ</t>
    </rPh>
    <phoneticPr fontId="4"/>
  </si>
  <si>
    <t>消毒設備</t>
    <rPh sb="0" eb="2">
      <t>ショウドク</t>
    </rPh>
    <rPh sb="2" eb="4">
      <t>セツビ</t>
    </rPh>
    <phoneticPr fontId="18"/>
  </si>
  <si>
    <t>□ 設置されたスプレー　　□ 衛生管理区域専用の手袋の着用</t>
    <phoneticPr fontId="18"/>
  </si>
  <si>
    <t>29　衛生管理区域から退出する者の手指消毒等（Ⅳ　衛生管理区域外への病原体の拡散防止）</t>
    <phoneticPr fontId="18"/>
  </si>
  <si>
    <r>
      <t xml:space="preserve">●衛生管理区域の出口付近に消毒設備を設置し、退出する者に対し、手指の洗浄及び消毒をさせている。
</t>
    </r>
    <r>
      <rPr>
        <sz val="36"/>
        <rFont val="ＭＳ 明朝"/>
        <family val="1"/>
        <charset val="128"/>
      </rPr>
      <t>※退出する者が消毒機器を携行し、消毒している場合を除く。</t>
    </r>
    <phoneticPr fontId="4"/>
  </si>
  <si>
    <t>【記入欄】　※「できている」「一部できている」の場合は回答してください</t>
    <rPh sb="15" eb="17">
      <t>イチブ</t>
    </rPh>
    <rPh sb="27" eb="29">
      <t>カイトウ</t>
    </rPh>
    <phoneticPr fontId="18"/>
  </si>
  <si>
    <t>□ 項目17と同じ　　□ 設置されたスプレー　　□ 衛生管理区域専用の手袋の着用</t>
    <phoneticPr fontId="18"/>
  </si>
  <si>
    <t>18　衛生管理区域専用の衣服及び靴の設置並びに使用</t>
    <phoneticPr fontId="4"/>
  </si>
  <si>
    <r>
      <t xml:space="preserve">①衛生管理区域専用の衣服及び靴を設置し、立ち入る者に対し、これらを着実に着用させている。　
</t>
    </r>
    <r>
      <rPr>
        <sz val="36"/>
        <rFont val="ＭＳ 明朝"/>
        <family val="1"/>
        <charset val="128"/>
      </rPr>
      <t>※立ち入る者が当該衛生管理区域専用の衣服及び靴を持参・着用する場合並びにその者が当該衛生管理区域内で病原体を拡散させる可能性がない場合を除く。
〈措置並びに使用するものの例〉
　衣服：　専用作業着、防護服
　靴：　　専用靴、ブーツカバー</t>
    </r>
    <rPh sb="86" eb="88">
      <t>トウガイ</t>
    </rPh>
    <rPh sb="94" eb="95">
      <t>ナイ</t>
    </rPh>
    <phoneticPr fontId="4"/>
  </si>
  <si>
    <t>②更衣による衛生管理区域への病原体の侵入を防ぐため、着脱前後の衣服及び靴をすのこ、分離板等で場所を離して保管している。さらに、更衣前後において利用する経路が交差しないよう一方通行とするなど必要な措置を講じている。</t>
  </si>
  <si>
    <t>③衣服又は靴に排せつ物、汚泥等が付着した場合には、洗浄及び消毒を行っている。</t>
    <rPh sb="3" eb="4">
      <t>マタ</t>
    </rPh>
    <phoneticPr fontId="4"/>
  </si>
  <si>
    <r>
      <t>19　衛生管理区域に立ち入</t>
    </r>
    <r>
      <rPr>
        <sz val="42"/>
        <rFont val="ＭＳ 明朝"/>
        <family val="1"/>
        <charset val="128"/>
      </rPr>
      <t>る車両の消毒等</t>
    </r>
    <rPh sb="10" eb="11">
      <t>タ</t>
    </rPh>
    <rPh sb="12" eb="13">
      <t>イ</t>
    </rPh>
    <phoneticPr fontId="18"/>
  </si>
  <si>
    <r>
      <t xml:space="preserve">①衛生管理区域の入口付近に消毒設備を設置し、車両の消毒をさせている。
</t>
    </r>
    <r>
      <rPr>
        <sz val="36"/>
        <rFont val="ＭＳ 明朝"/>
        <family val="1"/>
        <charset val="128"/>
      </rPr>
      <t>※立ち入る者が消毒機器を携行し、当該機器を使用して消毒している場合を除く。</t>
    </r>
    <rPh sb="10" eb="12">
      <t>フキン</t>
    </rPh>
    <rPh sb="36" eb="37">
      <t>タ</t>
    </rPh>
    <rPh sb="38" eb="39">
      <t>イ</t>
    </rPh>
    <rPh sb="40" eb="41">
      <t>シャ</t>
    </rPh>
    <phoneticPr fontId="4"/>
  </si>
  <si>
    <t>□ ゲート式車両消毒装置　　□ プール式車両消毒装置　　□ 動力噴霧器　　□ 蓄圧式噴霧器</t>
    <phoneticPr fontId="18"/>
  </si>
  <si>
    <t>□ 消石灰帯（幅：　　ｍ）</t>
    <rPh sb="2" eb="5">
      <t>ショウセッカイ</t>
    </rPh>
    <rPh sb="5" eb="6">
      <t>タイ</t>
    </rPh>
    <phoneticPr fontId="18"/>
  </si>
  <si>
    <r>
      <t xml:space="preserve">②衛生管理区域に車両を入れる者に対し、当該農場専用のフロアマットの使用その他の方法により、車内における交差汚染を防止するための措置を講じている。
</t>
    </r>
    <r>
      <rPr>
        <sz val="36"/>
        <rFont val="ＭＳ 明朝"/>
        <family val="1"/>
        <charset val="128"/>
      </rPr>
      <t>〈措置の例〉
・農場専用のフロアマットの設置　・降車時にブーツカバーを使用</t>
    </r>
    <rPh sb="11" eb="12">
      <t>ハイ</t>
    </rPh>
    <phoneticPr fontId="18"/>
  </si>
  <si>
    <t>30　衛生管理区域から退出する車両の消毒（Ⅳ　衛生管理区域外への病原体の拡散防止）</t>
    <phoneticPr fontId="18"/>
  </si>
  <si>
    <t>牛_7</t>
    <phoneticPr fontId="4"/>
  </si>
  <si>
    <r>
      <t xml:space="preserve">●衛生管理区域の出口付近に消毒設備を設置し、車両を出す者に対し車両の消毒をさせている。
</t>
    </r>
    <r>
      <rPr>
        <sz val="36"/>
        <rFont val="ＭＳ 明朝"/>
        <family val="1"/>
        <charset val="128"/>
      </rPr>
      <t>※退出する者が消毒機器を携行し、当該機器を使用し消毒している場合を除く。</t>
    </r>
  </si>
  <si>
    <t>【記入欄】　※「できている」「一部できている」の場合は回答してください</t>
    <phoneticPr fontId="18"/>
  </si>
  <si>
    <t>□ 項目19と同じ　　□ ゲート式車両消毒装置　　□ プール式車両消毒装置　　□ 動力噴霧器　　□ 蓄圧式噴霧器</t>
    <phoneticPr fontId="18"/>
  </si>
  <si>
    <r>
      <t>20 他の畜産関係施設等で使用した物品</t>
    </r>
    <r>
      <rPr>
        <sz val="42"/>
        <rFont val="ＭＳ 明朝"/>
        <family val="1"/>
        <charset val="128"/>
      </rPr>
      <t>等を衛生管理区域に持ち込む際の措置</t>
    </r>
    <rPh sb="19" eb="20">
      <t>トウ</t>
    </rPh>
    <phoneticPr fontId="18"/>
  </si>
  <si>
    <r>
      <t xml:space="preserve">●他の畜産関係施設等で使用し、もしくは使用したおそれがある物品又は過去四月以内に海外で使用した衣服及び靴は、原則、衛生管理区域内に持ち込んでいない。やむを得ず持ち込む場合には、洗浄、消毒その他の必要な措置を講じている。
</t>
    </r>
    <r>
      <rPr>
        <sz val="36"/>
        <rFont val="ＭＳ 明朝"/>
        <family val="1"/>
        <charset val="128"/>
      </rPr>
      <t>※他の畜産関係施設等で使用し、又は使用したおそれがある物品をやむを得ず持ち込む場合に必要な措置については飼養衛生管理マニュアルに記載する。</t>
    </r>
    <r>
      <rPr>
        <sz val="42"/>
        <rFont val="ＭＳ 明朝"/>
        <family val="1"/>
        <charset val="128"/>
      </rPr>
      <t xml:space="preserve">
</t>
    </r>
    <r>
      <rPr>
        <sz val="36"/>
        <rFont val="ＭＳ 明朝"/>
        <family val="1"/>
        <charset val="128"/>
      </rPr>
      <t>※過去四月以内に海外で使用した衣服及び靴をやむを得ず持ち込む場合に必要な措置については飼養衛生管理マニュアルに記載する。</t>
    </r>
    <rPh sb="31" eb="32">
      <t>マタ</t>
    </rPh>
    <phoneticPr fontId="18"/>
  </si>
  <si>
    <t>Ⅲ　衛生管理区域内における病原体による汚染拡大防止</t>
  </si>
  <si>
    <t>22　畜舎に立ち入る者の手指消毒等</t>
    <rPh sb="6" eb="7">
      <t>タ</t>
    </rPh>
    <rPh sb="8" eb="9">
      <t>ハイ</t>
    </rPh>
    <rPh sb="10" eb="11">
      <t>シャ</t>
    </rPh>
    <phoneticPr fontId="4"/>
  </si>
  <si>
    <r>
      <t>●畜舎の</t>
    </r>
    <r>
      <rPr>
        <sz val="42"/>
        <rFont val="ＭＳ 明朝"/>
        <family val="1"/>
        <charset val="128"/>
      </rPr>
      <t xml:space="preserve">出入口付近に消毒設備を設置し、立ち入る者に対し、畜舎に出入りする際に手指の洗浄及び消毒をさせている。
</t>
    </r>
    <r>
      <rPr>
        <sz val="36"/>
        <rFont val="ＭＳ 明朝"/>
        <family val="1"/>
        <charset val="128"/>
      </rPr>
      <t>〈消毒設備の例〉
・設置されたスプレー　・衛生管理区域専用の手袋の着用</t>
    </r>
    <r>
      <rPr>
        <sz val="42"/>
        <rFont val="ＭＳ 明朝"/>
        <family val="1"/>
        <charset val="128"/>
      </rPr>
      <t xml:space="preserve">
</t>
    </r>
    <r>
      <rPr>
        <sz val="36"/>
        <rFont val="ＭＳ 明朝"/>
        <family val="1"/>
        <charset val="128"/>
      </rPr>
      <t>〈「該当しない」場合の例〉
畜舎と衛生管理区域が同じ場合</t>
    </r>
    <rPh sb="4" eb="5">
      <t>デ</t>
    </rPh>
    <rPh sb="19" eb="20">
      <t>タ</t>
    </rPh>
    <rPh sb="21" eb="22">
      <t>ハイ</t>
    </rPh>
    <rPh sb="93" eb="95">
      <t>ガイトウ</t>
    </rPh>
    <rPh sb="99" eb="101">
      <t>バアイ</t>
    </rPh>
    <rPh sb="105" eb="107">
      <t>チクシャ</t>
    </rPh>
    <rPh sb="115" eb="116">
      <t>オナ</t>
    </rPh>
    <rPh sb="117" eb="119">
      <t>バアイ</t>
    </rPh>
    <phoneticPr fontId="4"/>
  </si>
  <si>
    <t>□ 該当しない</t>
  </si>
  <si>
    <t>23　畜舎の入口における靴の交換又は消毒</t>
    <phoneticPr fontId="4"/>
  </si>
  <si>
    <r>
      <t xml:space="preserve">①畜舎ごとの専用の靴を設置し、畜舎に入る者に対し、これを着実に着用させている又は靴の消毒をさせている。
</t>
    </r>
    <r>
      <rPr>
        <sz val="36"/>
        <color theme="1"/>
        <rFont val="ＭＳ 明朝"/>
        <family val="1"/>
        <charset val="128"/>
      </rPr>
      <t>〈着用又は消毒設備の例〉
　靴：　　専用靴、ブーツカバー、（消毒の場合）踏込消毒槽</t>
    </r>
    <phoneticPr fontId="4"/>
  </si>
  <si>
    <t>②靴に排せつ物、汚泥等が付着した場合には、洗浄及び消毒を行っている。</t>
  </si>
  <si>
    <t>24　器具の定期的な清掃又は消毒等</t>
    <phoneticPr fontId="4"/>
  </si>
  <si>
    <r>
      <t>①飼養管理に使用する器具は畜舎</t>
    </r>
    <r>
      <rPr>
        <sz val="42"/>
        <rFont val="ＭＳ 明朝"/>
        <family val="1"/>
        <charset val="128"/>
      </rPr>
      <t>に持ち込む際に消毒するとともに、清掃又は消毒を定期的にしている。</t>
    </r>
    <rPh sb="13" eb="15">
      <t>チクシャ</t>
    </rPh>
    <rPh sb="16" eb="17">
      <t>モ</t>
    </rPh>
    <rPh sb="18" eb="19">
      <t>コ</t>
    </rPh>
    <rPh sb="20" eb="21">
      <t>サイ</t>
    </rPh>
    <rPh sb="22" eb="24">
      <t>ショウドク</t>
    </rPh>
    <phoneticPr fontId="4"/>
  </si>
  <si>
    <t>②注射針、人工授精用器具その他体液（生乳を除く。）が付着する物品を使用する際は、一頭ごとに交換又は消毒をしている。</t>
  </si>
  <si>
    <t>25　野生動物の侵入防止のための死体の適正な保管</t>
    <phoneticPr fontId="18"/>
  </si>
  <si>
    <t>牛_8</t>
    <phoneticPr fontId="4"/>
  </si>
  <si>
    <t>●家畜の死体を保管する場合には、その保管場所への野生動物の侵入を防止するための措置を講じている。</t>
  </si>
  <si>
    <t>【記入欄】</t>
    <rPh sb="1" eb="3">
      <t>キニュウ</t>
    </rPh>
    <rPh sb="3" eb="4">
      <t>ラン</t>
    </rPh>
    <phoneticPr fontId="18"/>
  </si>
  <si>
    <t>死体の保管場所の対策</t>
    <phoneticPr fontId="18"/>
  </si>
  <si>
    <t>死体の処理</t>
    <phoneticPr fontId="18"/>
  </si>
  <si>
    <t>□ 化製処理　　</t>
    <phoneticPr fontId="18"/>
  </si>
  <si>
    <t>□ その他：（　　　　　　　　　　　　　　　　　　　　　　）</t>
    <phoneticPr fontId="18"/>
  </si>
  <si>
    <t>死体の保管</t>
    <phoneticPr fontId="18"/>
  </si>
  <si>
    <t>□ なし</t>
    <phoneticPr fontId="18"/>
  </si>
  <si>
    <t>□ 屋内保管</t>
    <phoneticPr fontId="18"/>
  </si>
  <si>
    <t xml:space="preserve">□ 隙間なし　 </t>
    <rPh sb="3" eb="5">
      <t>スキマ</t>
    </rPh>
    <phoneticPr fontId="18"/>
  </si>
  <si>
    <t>□ 隙間あり</t>
    <phoneticPr fontId="18"/>
  </si>
  <si>
    <t>対策</t>
    <rPh sb="0" eb="2">
      <t>タイサク</t>
    </rPh>
    <phoneticPr fontId="18"/>
  </si>
  <si>
    <t>□ コンテナ</t>
    <phoneticPr fontId="18"/>
  </si>
  <si>
    <t>□ 蓋付容器</t>
    <phoneticPr fontId="18"/>
  </si>
  <si>
    <t>□ ネット</t>
    <phoneticPr fontId="18"/>
  </si>
  <si>
    <t>網目</t>
    <rPh sb="0" eb="2">
      <t>アミメ</t>
    </rPh>
    <phoneticPr fontId="18"/>
  </si>
  <si>
    <t>　　　　　　　　　　　cm</t>
    <phoneticPr fontId="18"/>
  </si>
  <si>
    <t>□ 破損なし</t>
    <rPh sb="2" eb="4">
      <t>ハソン</t>
    </rPh>
    <phoneticPr fontId="18"/>
  </si>
  <si>
    <t>□ 破損あり</t>
    <rPh sb="2" eb="4">
      <t>ハソン</t>
    </rPh>
    <phoneticPr fontId="18"/>
  </si>
  <si>
    <t>□ ブルーシート</t>
    <phoneticPr fontId="18"/>
  </si>
  <si>
    <t>□ その他</t>
    <rPh sb="4" eb="5">
      <t>タ</t>
    </rPh>
    <phoneticPr fontId="18"/>
  </si>
  <si>
    <t>26　給餌設備、給水設備等の病原体による汚染の防止</t>
    <rPh sb="14" eb="17">
      <t>ビョウゲンタイ</t>
    </rPh>
    <rPh sb="20" eb="22">
      <t>オセン</t>
    </rPh>
    <rPh sb="23" eb="25">
      <t>ボウシ</t>
    </rPh>
    <phoneticPr fontId="4"/>
  </si>
  <si>
    <t>①畜舎の給餌設備及び給水設備並びに飼料の保管場所にねずみ、野鳥等の野生動物の排せつ物等が混入しないよう必要な措置を講じている。</t>
    <phoneticPr fontId="4"/>
  </si>
  <si>
    <t>②飼養する家畜には飲用に適した水を給与することとし、適さない水を給与する場合には、消毒して給与している。</t>
    <phoneticPr fontId="4"/>
  </si>
  <si>
    <t>使用している飲用水</t>
    <rPh sb="0" eb="2">
      <t>シヨウ</t>
    </rPh>
    <rPh sb="6" eb="9">
      <t>インヨウスイ</t>
    </rPh>
    <phoneticPr fontId="18"/>
  </si>
  <si>
    <t>□ 水道水</t>
    <phoneticPr fontId="18"/>
  </si>
  <si>
    <t>□ 井戸水</t>
    <phoneticPr fontId="18"/>
  </si>
  <si>
    <t>異物混入</t>
    <phoneticPr fontId="18"/>
  </si>
  <si>
    <t>□ なし　</t>
    <phoneticPr fontId="18"/>
  </si>
  <si>
    <t>□ あり</t>
    <phoneticPr fontId="18"/>
  </si>
  <si>
    <t>□ 湧水</t>
    <phoneticPr fontId="18"/>
  </si>
  <si>
    <t>□ その他</t>
    <phoneticPr fontId="18"/>
  </si>
  <si>
    <t>水質検査</t>
    <rPh sb="0" eb="2">
      <t>スイシツ</t>
    </rPh>
    <rPh sb="2" eb="4">
      <t>ケンサ</t>
    </rPh>
    <phoneticPr fontId="18"/>
  </si>
  <si>
    <t>□ 実施していない　　□ 実施している（　　回/年）　　□ 検査不要</t>
    <rPh sb="30" eb="32">
      <t>ケンサ</t>
    </rPh>
    <phoneticPr fontId="18"/>
  </si>
  <si>
    <t>飲水消毒</t>
    <rPh sb="0" eb="2">
      <t>ノミミズ</t>
    </rPh>
    <rPh sb="2" eb="4">
      <t>ショウドク</t>
    </rPh>
    <phoneticPr fontId="18"/>
  </si>
  <si>
    <t>□ 実施していない　　□ 実施している　　□ 消毒不要</t>
    <rPh sb="23" eb="25">
      <t>ショウドク</t>
    </rPh>
    <rPh sb="25" eb="27">
      <t>フヨウ</t>
    </rPh>
    <phoneticPr fontId="18"/>
  </si>
  <si>
    <t>27　ねずみ及び害虫の駆除</t>
    <phoneticPr fontId="18"/>
  </si>
  <si>
    <t>●ねずみ及びはえ等の害虫の駆除を行うために殺そ剤及び殺虫剤の散布、粘着シートの設置その他の必要な措置を講じている。</t>
    <phoneticPr fontId="18"/>
  </si>
  <si>
    <t>【記入欄】　※「できている」「一部できている」の場合は回答してください</t>
    <rPh sb="1" eb="3">
      <t>キニュウ</t>
    </rPh>
    <rPh sb="3" eb="4">
      <t>ラン</t>
    </rPh>
    <rPh sb="15" eb="17">
      <t>イチブ</t>
    </rPh>
    <rPh sb="24" eb="26">
      <t>バアイ</t>
    </rPh>
    <rPh sb="27" eb="29">
      <t>カイトウ</t>
    </rPh>
    <phoneticPr fontId="18"/>
  </si>
  <si>
    <t>ねずみの駆除対策</t>
    <rPh sb="4" eb="6">
      <t>クジョ</t>
    </rPh>
    <rPh sb="6" eb="8">
      <t>タイサク</t>
    </rPh>
    <phoneticPr fontId="18"/>
  </si>
  <si>
    <r>
      <t>□ 殺</t>
    </r>
    <r>
      <rPr>
        <sz val="42"/>
        <rFont val="ＭＳ 明朝"/>
        <family val="1"/>
        <charset val="128"/>
      </rPr>
      <t>鼠剤　　□ 粘着シート　</t>
    </r>
    <rPh sb="4" eb="5">
      <t>ザイ</t>
    </rPh>
    <phoneticPr fontId="18"/>
  </si>
  <si>
    <t>害虫の駆除対策</t>
    <rPh sb="0" eb="2">
      <t>ガイチュウ</t>
    </rPh>
    <rPh sb="3" eb="5">
      <t>クジョ</t>
    </rPh>
    <rPh sb="5" eb="7">
      <t>タイサク</t>
    </rPh>
    <phoneticPr fontId="18"/>
  </si>
  <si>
    <t>□ 殺虫剤　　□ 粘着シート　　□ アブトラップ</t>
    <phoneticPr fontId="18"/>
  </si>
  <si>
    <r>
      <t>28　衛生管理区域内の整理整頓</t>
    </r>
    <r>
      <rPr>
        <sz val="42"/>
        <rFont val="ＭＳ 明朝"/>
        <family val="1"/>
        <charset val="128"/>
      </rPr>
      <t>、畜舎等施設の清掃及び消毒</t>
    </r>
    <rPh sb="16" eb="18">
      <t>チクシャ</t>
    </rPh>
    <rPh sb="18" eb="19">
      <t>トウ</t>
    </rPh>
    <rPh sb="19" eb="21">
      <t>シセツ</t>
    </rPh>
    <rPh sb="22" eb="24">
      <t>セイソウ</t>
    </rPh>
    <rPh sb="24" eb="25">
      <t>オヨ</t>
    </rPh>
    <phoneticPr fontId="4"/>
  </si>
  <si>
    <t>衛生管理区域内は、ねずみ等の野生動物の隠れられる場所をなくすとともに、病原体が残存しないようにするため、不要な資材等の処分、除草及び資材、機材等の整理整頓等並びに畜舎その他の衛生管理区域内にある施設の清掃を行うとともに、敷地及び畜舎等の施設を定期的に消毒している。</t>
    <rPh sb="62" eb="64">
      <t>ジョソウ</t>
    </rPh>
    <rPh sb="64" eb="65">
      <t>オヨ</t>
    </rPh>
    <rPh sb="77" eb="78">
      <t>トウ</t>
    </rPh>
    <rPh sb="78" eb="79">
      <t>ナラ</t>
    </rPh>
    <phoneticPr fontId="4"/>
  </si>
  <si>
    <t>Ⅳ　衛生管理区域外への病原体の拡散防止</t>
  </si>
  <si>
    <t>牛_9</t>
    <phoneticPr fontId="4"/>
  </si>
  <si>
    <t>31　衛生管理区域から搬出する物品の消毒等</t>
    <phoneticPr fontId="4"/>
  </si>
  <si>
    <t>●衛生管理区域から、家畜の排せつ物等が付着し、又は付着したおそれのある物品を持ち出す場合には、洗浄、消毒その他の必要な措置を講じ、家畜の死体又は排せつ物を持ち出す場合にあっては、漏出が生じないようにしていること。</t>
    <rPh sb="10" eb="12">
      <t>カチク</t>
    </rPh>
    <rPh sb="65" eb="67">
      <t>カチク</t>
    </rPh>
    <rPh sb="68" eb="70">
      <t>シタイ</t>
    </rPh>
    <rPh sb="70" eb="71">
      <t>マタ</t>
    </rPh>
    <rPh sb="72" eb="73">
      <t>ハイ</t>
    </rPh>
    <rPh sb="75" eb="76">
      <t>ブツ</t>
    </rPh>
    <rPh sb="77" eb="78">
      <t>モ</t>
    </rPh>
    <rPh sb="79" eb="80">
      <t>ダ</t>
    </rPh>
    <rPh sb="81" eb="83">
      <t>バアイ</t>
    </rPh>
    <rPh sb="89" eb="91">
      <t>ロウシュツ</t>
    </rPh>
    <rPh sb="92" eb="93">
      <t>ショウ</t>
    </rPh>
    <phoneticPr fontId="4"/>
  </si>
  <si>
    <t>漏出防止方法（死体）</t>
    <rPh sb="0" eb="2">
      <t>ロウシュツ</t>
    </rPh>
    <rPh sb="2" eb="4">
      <t>ボウシ</t>
    </rPh>
    <rPh sb="4" eb="6">
      <t>ホウホウ</t>
    </rPh>
    <rPh sb="7" eb="9">
      <t>シタイ</t>
    </rPh>
    <phoneticPr fontId="18"/>
  </si>
  <si>
    <t>□ 屋根付きトラック　　□ 蓋付き容器　　□ ブルーシート　</t>
    <phoneticPr fontId="18"/>
  </si>
  <si>
    <t>漏出防止方法（排せつ物）</t>
    <rPh sb="0" eb="2">
      <t>ロウシュツ</t>
    </rPh>
    <rPh sb="2" eb="4">
      <t>ボウシ</t>
    </rPh>
    <rPh sb="4" eb="6">
      <t>ホウホウ</t>
    </rPh>
    <rPh sb="7" eb="8">
      <t>ハイ</t>
    </rPh>
    <rPh sb="10" eb="11">
      <t>ブツ</t>
    </rPh>
    <phoneticPr fontId="18"/>
  </si>
  <si>
    <t>□ 蓋付き容器　　□ ブルーシート　　</t>
    <phoneticPr fontId="18"/>
  </si>
  <si>
    <t>32　特定症状が確認された場合の早期通報並びに出荷及び移動の停止</t>
    <phoneticPr fontId="4"/>
  </si>
  <si>
    <t xml:space="preserve">①特定症状を呈していることを発見したときは、直ちに家畜保健衛生所に通報することとしている。
</t>
    <phoneticPr fontId="4"/>
  </si>
  <si>
    <t>②（従業員がいる場合）従業員も同様の対応がとれるよう、従業員に対する周知が行われている。</t>
    <phoneticPr fontId="4"/>
  </si>
  <si>
    <t>③（特定症状が確認された場合）農場からの家畜及びその死体、畜産物並びに排せつ物の出荷及び移動を行わないこととしている。</t>
    <phoneticPr fontId="4"/>
  </si>
  <si>
    <t>④（特定症状が確認された場合）衛生管理区域内にある物品を衛生管理区域外に持ち出さないこととしている。</t>
    <phoneticPr fontId="4"/>
  </si>
  <si>
    <t>33　特定症状以外の異状が確認された場合の出荷及び移動の停止</t>
    <phoneticPr fontId="4"/>
  </si>
  <si>
    <t>※従業員がいる場合には、以下①～④について従業員も同様の対応がとれるよう、従業員に対する周知が行われている必要がある。</t>
    <phoneticPr fontId="4"/>
  </si>
  <si>
    <t>①特定症状以外の異状であって、家畜の死亡率の急激な上昇又は同様の症状を呈している家畜の増加が確認された場合には、直ちに獣医師の診療若しくは指導又は家畜保健衛生所の指導を受けている。</t>
  </si>
  <si>
    <t>②（獣医師の診療若しくは指導又は家畜保健衛生所の指導があった場合）当該家畜が監視伝染病にかかっていないことが確認されるまでの間、農場からの家畜の出荷及び移動を行なっていない。</t>
    <phoneticPr fontId="4"/>
  </si>
  <si>
    <t>③（当該家畜が監視伝染病にかかっていることが確認された場合）家畜保健衛生所の指導に従うこととしている。</t>
  </si>
  <si>
    <t>④（飼養する家畜にその他の特定症状以外の異状が確認された場合）速やかに獣医師の診療を受け、又は指導を求めている。</t>
  </si>
  <si>
    <t>※　特定症状（口蹄疫を疑う症状）
①39.0℃以上の発熱及び泡沫性流涎、跛行、起立不能、泌乳量の大幅な低下又は泌乳の停止があり、かつ、その口腔内、口唇、鼻腔内、鼻部、蹄部、乳頭又は乳房（以下「口腔内等」という。）に水疱、びらん、潰瘍又は瘢痕（外傷に起因するものを除く。以下「水疱等」という。）があること（鹿にあっては、39.0℃以上の発熱があり、かつ、その口腔内等に水疱等があること）。
②同一の畜房内（１つの畜房につき１頭の家畜を飼養している場合にあっては、同一の畜舎内）において、複数の家畜の口腔内等に水疱等があること。
③同一の畜房内において、半数以上の哺乳畜（１つの畜房につき１頭の哺乳畜を飼養している場合にあっては、同一の畜舎内において、隣接する複数の畜房内の哺乳畜）が当日及びその前日の２日間において死亡すること。
ただし、家畜の飼養管理のための設備の故障、気温の急激な変化、火災、風、水害その他の非常災害等口蹄疫以外の事情によるものであることが明らかな場合は、この限りでない。</t>
  </si>
  <si>
    <t>確認記録</t>
    <phoneticPr fontId="4"/>
  </si>
  <si>
    <t>○年月日：</t>
    <phoneticPr fontId="4"/>
  </si>
  <si>
    <t>○確認者（家畜の所有者・飼養衛生管理者・家畜防疫員・民間獣医師・その他（　　　　　　　　　　　）</t>
    <phoneticPr fontId="4"/>
  </si>
  <si>
    <t>　氏名：</t>
    <rPh sb="1" eb="3">
      <t>シメイ</t>
    </rPh>
    <phoneticPr fontId="18"/>
  </si>
  <si>
    <t>２．飼養衛生管理基準の遵守状況及び遵守するための措置の実施状況
（２）豚及びいのししの場合</t>
    <phoneticPr fontId="4"/>
  </si>
  <si>
    <t>※記載方法
・自らの農場に関する飼養衛生管理基準の遵守状況及び遵守するための措置の実施状況について、自己点検を行うこと。
・１から36までの各項目の設問に対し、自己点検の結果を元に「できている」、「一部できている」、「できていない」又は「該当しない」にチェックを付けること。
・「記入欄」がある設問には、措置の状況を記載又は該当する事項にチェックを付けること。　
・「一部できている」「できていない」と回答した項目については、記入欄に一部できている項目のうち、できていない部分の具体的な内容/今後の改善方針を記載すること。　　　　　　　　　　　　　　　　　　　　　　　　　　　　　　　　　　　　　　　　　　　　　　　　</t>
    <rPh sb="184" eb="186">
      <t>イチブ</t>
    </rPh>
    <phoneticPr fontId="4"/>
  </si>
  <si>
    <t>●飼養衛生管理基準の構成について
飼養衛生管理基準は全36項目あり、各項目を取組の目的ごとに以下のⅠ～Ⅳに体系化しながら、分類している。　　　　　　　　　　　　　　　　　　　　　　　　　　　　　　　　　　　　　　　　　　　　　　　　　　　　　　　　　　　　　　　　　　　　　　　　　　　　　　　　　　　　　　　　　　　　　　　　　　　　　　　　　　　　　　　　　　　　　　　　　　　　　　　　　　　　　　　　　　　　　　　　　　　　　　　　　　　　　　　　　　　　　　　　　　　　　　　　　　　　　　　　　　　　　　　　　　　　　　　　　　　　　　</t>
    <phoneticPr fontId="4"/>
  </si>
  <si>
    <t>家畜防疫に関する基本的事項【項目１～14】</t>
    <rPh sb="0" eb="2">
      <t>カチク</t>
    </rPh>
    <rPh sb="2" eb="4">
      <t>ボウエキ</t>
    </rPh>
    <rPh sb="5" eb="6">
      <t>カン</t>
    </rPh>
    <rPh sb="8" eb="10">
      <t>キホン</t>
    </rPh>
    <rPh sb="10" eb="11">
      <t>テキ</t>
    </rPh>
    <rPh sb="11" eb="13">
      <t>ジコウ</t>
    </rPh>
    <rPh sb="14" eb="16">
      <t>コウモク</t>
    </rPh>
    <phoneticPr fontId="13"/>
  </si>
  <si>
    <t>衛生管理区域への病原体の侵入防止【項目15～23】</t>
    <rPh sb="0" eb="2">
      <t>エイセイ</t>
    </rPh>
    <rPh sb="2" eb="4">
      <t>カンリ</t>
    </rPh>
    <rPh sb="4" eb="6">
      <t>クイキ</t>
    </rPh>
    <rPh sb="8" eb="11">
      <t>ビョウゲンタイ</t>
    </rPh>
    <rPh sb="12" eb="14">
      <t>シンニュウ</t>
    </rPh>
    <rPh sb="14" eb="16">
      <t>ボウシ</t>
    </rPh>
    <rPh sb="17" eb="19">
      <t>コウモク</t>
    </rPh>
    <phoneticPr fontId="13"/>
  </si>
  <si>
    <t>衛生管理区域内における病原体による汚染拡大防止【項目24～31】</t>
    <rPh sb="0" eb="2">
      <t>エイセイ</t>
    </rPh>
    <rPh sb="2" eb="4">
      <t>カンリ</t>
    </rPh>
    <rPh sb="4" eb="6">
      <t>クイキ</t>
    </rPh>
    <rPh sb="6" eb="7">
      <t>ナイ</t>
    </rPh>
    <rPh sb="11" eb="14">
      <t>ビョウゲンタイ</t>
    </rPh>
    <rPh sb="17" eb="19">
      <t>オセン</t>
    </rPh>
    <rPh sb="19" eb="21">
      <t>カクダイ</t>
    </rPh>
    <rPh sb="21" eb="23">
      <t>ボウシ</t>
    </rPh>
    <rPh sb="24" eb="26">
      <t>コウモク</t>
    </rPh>
    <phoneticPr fontId="13"/>
  </si>
  <si>
    <t>衛生管理区域外への病原体の拡散防止【項目32～36】</t>
    <rPh sb="0" eb="2">
      <t>エイセイ</t>
    </rPh>
    <rPh sb="2" eb="4">
      <t>カンリ</t>
    </rPh>
    <rPh sb="4" eb="6">
      <t>クイキ</t>
    </rPh>
    <rPh sb="6" eb="7">
      <t>ソト</t>
    </rPh>
    <rPh sb="9" eb="12">
      <t>ビョウゲンタイ</t>
    </rPh>
    <rPh sb="13" eb="15">
      <t>カクサン</t>
    </rPh>
    <rPh sb="15" eb="17">
      <t>ボウシ</t>
    </rPh>
    <rPh sb="18" eb="20">
      <t>コウモク</t>
    </rPh>
    <phoneticPr fontId="13"/>
  </si>
  <si>
    <t>豚_2</t>
    <rPh sb="0" eb="1">
      <t>ブタ</t>
    </rPh>
    <phoneticPr fontId="4"/>
  </si>
  <si>
    <t>Ⅰ　家畜防疫に関する基本的事項</t>
    <phoneticPr fontId="18"/>
  </si>
  <si>
    <t>１　家畜の所有者の責務</t>
    <phoneticPr fontId="18"/>
  </si>
  <si>
    <r>
      <t xml:space="preserve">①関係法令を遵守している。
</t>
    </r>
    <r>
      <rPr>
        <sz val="36"/>
        <color theme="1"/>
        <rFont val="ＭＳ 明朝"/>
        <family val="1"/>
        <charset val="128"/>
      </rPr>
      <t>〈関係法令の例〉
・家畜伝染病予防法　・飼料の安全性の確保及び品質の改善に関する法律　・獣医師法
・家畜排せつ物の管理の適正化及び利用の促進に関する法律　・水質汚濁防止法　・悪臭防止法　
・廃棄物の処理及び清掃に関する法律　・医薬品、医療機器等の品質、有効性及び安全性の確保等に関する法律
・化製場等に関する法律</t>
    </r>
    <phoneticPr fontId="18"/>
  </si>
  <si>
    <t>③（所有者以外に飼養衛生管理者がある場合）飼養衛生管理者と常時連絡可能な体制を確保し、本基準に規定される取組について当該飼養衛生管理者に実施させている。</t>
    <phoneticPr fontId="18"/>
  </si>
  <si>
    <t>【記入欄】　※「一部できている」「できていない」を選択した場合、できていない部分の具体的な内容/今後の改善方針を記入してください。</t>
    <phoneticPr fontId="4"/>
  </si>
  <si>
    <t>２　家畜防疫に関する最新情報の把握及び衛生管理の実践</t>
    <phoneticPr fontId="18"/>
  </si>
  <si>
    <t>①家畜保健衛生所等から提供される情報を必ず確認するとともに、家畜保健衛生所等が開催する家畜衛生に関する講習会への参加、農林水産省のウェブサイトの閲覧等を通じて、家畜防疫に関する情報を積極的に把握している。
〈情報の把握方法例〉
・メール　・広報誌　・ＦＡＸ　・ウェブサイト</t>
    <rPh sb="8" eb="9">
      <t>トウ</t>
    </rPh>
    <phoneticPr fontId="18"/>
  </si>
  <si>
    <t>②家畜防疫に関する最新情報を踏まえ、防疫体制を含めて、自らの農場の飼養衛生管理の状況を定期的に点検し改善を図っている。</t>
    <phoneticPr fontId="18"/>
  </si>
  <si>
    <t>豚_3</t>
    <rPh sb="0" eb="1">
      <t>ブタ</t>
    </rPh>
    <phoneticPr fontId="4"/>
  </si>
  <si>
    <t>②消毒の実施の記録については、衛生管理区域の出入口等に台帳を設置し、確実に記録させている。</t>
    <phoneticPr fontId="18"/>
  </si>
  <si>
    <t>③（衛生管理区域に立ち入った者が過去一週間以内に海外から入国、又は帰国した場合）過去一週間以内に滞在した全ての国又は地域の名称及び当該国又は地域における畜産関係施設等への立入りの有無</t>
    <phoneticPr fontId="18"/>
  </si>
  <si>
    <t>④（従事者が海外に渡航した場合）滞在期間及び国又は地域の名称</t>
    <phoneticPr fontId="18"/>
  </si>
  <si>
    <t>⑥飼養する家畜の頭数、月齢、異状の有無、異状がある場合にあっては、その症状並びに獣医師による診療結果及び投薬その他の処置の状況</t>
    <phoneticPr fontId="18"/>
  </si>
  <si>
    <t>⑦家畜保健衛生所、担当獣医師等からの農場指導の内容及び指導年月日</t>
    <phoneticPr fontId="18"/>
  </si>
  <si>
    <r>
      <t xml:space="preserve">①飼養する家畜が特定症状を呈していることを従業員が発見したとき、当該家畜の所有者及び飼養衛生管理者の許可を得ず、直ちに家畜保健衛生所に通報することを規定したものを作成し、これを全従業員に周知徹底している。
</t>
    </r>
    <r>
      <rPr>
        <sz val="36"/>
        <color theme="1"/>
        <rFont val="ＭＳ 明朝"/>
        <family val="1"/>
        <charset val="128"/>
      </rPr>
      <t>〈周知方法の例〉
・飼養衛生管理マニュアル　・貼紙
※以下の資料を添付
　従業員が農林水産大臣の定める特定症状を確認した場合に家畜保健衛生所へ直ちに通報することを規定したものの写し</t>
    </r>
    <phoneticPr fontId="18"/>
  </si>
  <si>
    <r>
      <t xml:space="preserve">②畜舎ごとに飼養衛生管理者を配置している。
</t>
    </r>
    <r>
      <rPr>
        <sz val="36"/>
        <color theme="1"/>
        <rFont val="ＭＳ 明朝"/>
        <family val="1"/>
        <charset val="128"/>
      </rPr>
      <t>｢同一の者が複数の畜舎を担当する場合には、衛生管理を行う家畜の頭数の合計が三千頭（肥育豚（月齢が満十月未満の豚をいう。）にあっては、一万頭）をこえないこと。）。」</t>
    </r>
    <phoneticPr fontId="18"/>
  </si>
  <si>
    <r>
      <t xml:space="preserve">③大規模所有者のうち、特に家畜の頭数が多く監視伝染病が発生した場合の殺処分等に多大な時間を要すると都道府県知事が認める者は、必要事項（※）を記載した対応計画を策定している。
</t>
    </r>
    <r>
      <rPr>
        <sz val="36"/>
        <rFont val="ＭＳ 明朝"/>
        <family val="1"/>
        <charset val="128"/>
      </rPr>
      <t>※防疫措置の実施に関して所有者が行う人員、資機材等の準備及び家畜の死体の焼却又は埋却の実施に関する事項</t>
    </r>
    <rPh sb="62" eb="64">
      <t>ヒツヨウ</t>
    </rPh>
    <rPh sb="88" eb="92">
      <t>ボウエキソチ</t>
    </rPh>
    <rPh sb="93" eb="95">
      <t>ジッシ</t>
    </rPh>
    <rPh sb="96" eb="97">
      <t>カン</t>
    </rPh>
    <rPh sb="99" eb="102">
      <t>ショユウシャ</t>
    </rPh>
    <rPh sb="103" eb="104">
      <t>オコナ</t>
    </rPh>
    <rPh sb="105" eb="107">
      <t>ジンイン</t>
    </rPh>
    <rPh sb="108" eb="111">
      <t>シキザイ</t>
    </rPh>
    <rPh sb="111" eb="112">
      <t>ナド</t>
    </rPh>
    <rPh sb="113" eb="115">
      <t>ジュンビ</t>
    </rPh>
    <rPh sb="115" eb="116">
      <t>オヨ</t>
    </rPh>
    <rPh sb="117" eb="119">
      <t>カチク</t>
    </rPh>
    <rPh sb="120" eb="122">
      <t>シタイ</t>
    </rPh>
    <rPh sb="123" eb="126">
      <t>ショウキャクマタ</t>
    </rPh>
    <rPh sb="127" eb="129">
      <t>マイキャク</t>
    </rPh>
    <rPh sb="130" eb="132">
      <t>ジッシ</t>
    </rPh>
    <rPh sb="133" eb="134">
      <t>カン</t>
    </rPh>
    <rPh sb="136" eb="138">
      <t>ジコウ</t>
    </rPh>
    <phoneticPr fontId="18"/>
  </si>
  <si>
    <t>豚熱等の発生時の影響の緩和を図るため、衛生管理区域及び人・車両・物等の動線の見直しにより、農場を分割して管理すること(「分割管理」）に取り組む場合は、家畜保健衛生所の確認を受け、指導に従っている。</t>
    <rPh sb="0" eb="2">
      <t>ブタネツ</t>
    </rPh>
    <phoneticPr fontId="4"/>
  </si>
  <si>
    <r>
      <t xml:space="preserve">●家畜保健衛生所と緊密に連絡を行っている担当の獣医師又は診療施設を定め、定期的に当該獣医師又は診療施設から飼養する家畜の健康管理について指導を受けている。
</t>
    </r>
    <r>
      <rPr>
        <sz val="36"/>
        <rFont val="ＭＳ 明朝"/>
        <family val="1"/>
        <charset val="128"/>
      </rPr>
      <t>※診療施設に家畜保健衛生所を含む</t>
    </r>
    <phoneticPr fontId="18"/>
  </si>
  <si>
    <t>豚_4</t>
    <phoneticPr fontId="4"/>
  </si>
  <si>
    <r>
      <t xml:space="preserve">●野生動物が豚熱等の家畜伝染病に感染したことが確認されているなど、家畜伝染病の発生リスクが高まっているものとして農林水産大臣が指定する地域（以下、「大臣指定地域」という。）において追加措置を講ずることとなる以下の取組について、その内容を習熟している。
</t>
    </r>
    <r>
      <rPr>
        <sz val="36"/>
        <color theme="1"/>
        <rFont val="ＭＳ 明朝"/>
        <family val="1"/>
        <charset val="128"/>
      </rPr>
      <t xml:space="preserve">  16　他の畜産関係施設等に立ち入った者等が衛生管理区域に立ち入る際の措置
　22　安全な資材の利用
　25　畜舎ごとの専用の衣服及び靴の設置及び使用
　27　畜舎外での病原体による汚染防止
　28  野生動物の侵入防止のためのネット等の設置、点検及び修繕並びに大臣指定地域における放牧場の取組</t>
    </r>
    <rPh sb="70" eb="72">
      <t>イカ</t>
    </rPh>
    <rPh sb="74" eb="78">
      <t>ダイジンシテイ</t>
    </rPh>
    <rPh sb="78" eb="80">
      <t>チイキ</t>
    </rPh>
    <phoneticPr fontId="18"/>
  </si>
  <si>
    <t>22　安全な資材の利用</t>
    <phoneticPr fontId="18"/>
  </si>
  <si>
    <t>●大臣指定地域において収穫された農産物等を自ら飼料、敷料等に利用する場合は、家畜保健衛生所に助言を求め、指導に従っている。</t>
    <phoneticPr fontId="18"/>
  </si>
  <si>
    <r>
      <t xml:space="preserve">①農場に病原体の侵入及びまん延の防止を重点的に行う区域として衛生管理区域を設定し、衛生管理区域とそれ以外の区域とに分け、両区域の場所が明確に分かるようにしている。
</t>
    </r>
    <r>
      <rPr>
        <sz val="36"/>
        <color theme="1"/>
        <rFont val="ＭＳ 明朝"/>
        <family val="1"/>
        <charset val="128"/>
      </rPr>
      <t>〈衛生管理区域境界の明確化方法例〉
・電気柵　　・ワイヤーメッシュ　　・消石灰帯　・柵　・ロープ　　・三角コーン　　・垣根（プランター）</t>
    </r>
    <rPh sb="101" eb="103">
      <t>デンキ</t>
    </rPh>
    <rPh sb="103" eb="104">
      <t>サク</t>
    </rPh>
    <phoneticPr fontId="18"/>
  </si>
  <si>
    <r>
      <t xml:space="preserve">②衛生管理区域は、畜舎、家畜に直接接触する物品の保管場所並びに家畜に直接触れた者が消毒並びに衣服及び靴の交換を行わずに行動する範囲の全てを網羅している。
</t>
    </r>
    <r>
      <rPr>
        <sz val="36"/>
        <color theme="1"/>
        <rFont val="ＭＳ 明朝"/>
        <family val="1"/>
        <charset val="128"/>
      </rPr>
      <t>※畜舎の他に、飼料給与、清掃、家畜の出荷及び死亡家畜の管理等の一連の作業に関連する農場内の敷地の全てを衛生管理区域とすること。</t>
    </r>
    <phoneticPr fontId="18"/>
  </si>
  <si>
    <t>③出入口の数を必要最小限とし、家畜、資材、死体等の持込み又は持出し場所を可能な限り衛生管理区域の境界に位置するよう設定している。</t>
    <phoneticPr fontId="18"/>
  </si>
  <si>
    <r>
      <t>●</t>
    </r>
    <r>
      <rPr>
        <sz val="42"/>
        <rFont val="ＭＳ 明朝"/>
        <family val="1"/>
        <charset val="128"/>
      </rPr>
      <t>（放牧を行っている場合）放牧の停止又は制限があった場合に備え、家畜を収容できる避難用の設備の確保又は出荷若しくは移動のための準備措置を講じている。</t>
    </r>
    <rPh sb="2" eb="4">
      <t>ホウボク</t>
    </rPh>
    <rPh sb="5" eb="6">
      <t>オコナ</t>
    </rPh>
    <rPh sb="10" eb="12">
      <t>バアイ</t>
    </rPh>
    <phoneticPr fontId="18"/>
  </si>
  <si>
    <t>11　埋却等に備えた措置</t>
    <phoneticPr fontId="18"/>
  </si>
  <si>
    <t>豚_5</t>
    <phoneticPr fontId="4"/>
  </si>
  <si>
    <r>
      <t xml:space="preserve">●以下の（１）～（３）いずれかの措置を行っている。
</t>
    </r>
    <r>
      <rPr>
        <sz val="36"/>
        <rFont val="ＭＳ 明朝"/>
        <family val="1"/>
        <charset val="128"/>
      </rPr>
      <t xml:space="preserve">※以下の（１）～（３）のいずれかの資料を添付
</t>
    </r>
    <r>
      <rPr>
        <sz val="42"/>
        <rFont val="ＭＳ 明朝"/>
        <family val="1"/>
        <charset val="128"/>
      </rPr>
      <t>（１）死体の処理に必要な埋却地を確保している。</t>
    </r>
    <r>
      <rPr>
        <sz val="36"/>
        <rFont val="ＭＳ 明朝"/>
        <family val="1"/>
        <charset val="128"/>
      </rPr>
      <t xml:space="preserve">
　ア 埋却用地の所在地
　イ 埋却用地が自己の所有する土地でない場合
　　 ・その所有者の氏名又は名称
　　 ・当該土地の利用に関する契約の内容
　ウ 埋却用地の面積・利用状況
　エ 農場から埋却用地までの距離
　オ 埋却用地の近隣住民その他の関係者への埋却の実施に関する説明の有無
　カ オの説明に対する当該関係者の承諾の有無
　キ その他埋却の的確かつ迅速な実施のため参考となる事項
</t>
    </r>
    <r>
      <rPr>
        <sz val="42"/>
        <rFont val="ＭＳ 明朝"/>
        <family val="1"/>
        <charset val="128"/>
      </rPr>
      <t>（２）死体の処理に必要な焼却施設を確保している。</t>
    </r>
    <r>
      <rPr>
        <sz val="36"/>
        <rFont val="ＭＳ 明朝"/>
        <family val="1"/>
        <charset val="128"/>
      </rPr>
      <t xml:space="preserve">
　ア 焼却施設の名称・所在地
　イ 農場から焼却施設までの距離
　ウ 焼却施設の近隣住民その他の関係者への焼却の実施に関する説明の有無
　エ ウの説明に対する当該関係者の承諾の有無
</t>
    </r>
    <r>
      <rPr>
        <sz val="42"/>
        <rFont val="ＭＳ 明朝"/>
        <family val="1"/>
        <charset val="128"/>
      </rPr>
      <t>（３）埋却地・焼却施設の確保が困難な場合は、都道府県知事が講ずる土地の確保又は焼却若しくは化製のための施設若しくは機械の利用に係る措置について都道府県知事が求める取組を行っている。</t>
    </r>
    <phoneticPr fontId="18"/>
  </si>
  <si>
    <t>□ 埋却地の確保　　□ 焼却のための取組　</t>
    <phoneticPr fontId="18"/>
  </si>
  <si>
    <t>□ 都道府県知事が求める取組（土地の確保に係る措置・焼却のための施設又は機械の利用に係る措置・化製のための施設又は機械の利用に係る措置）</t>
    <phoneticPr fontId="18"/>
  </si>
  <si>
    <r>
      <t xml:space="preserve">●衛生管理区域に愛玩動物を持込んでいない。また、衛生管理区域内で愛玩動物を飼育していない。
</t>
    </r>
    <r>
      <rPr>
        <sz val="36"/>
        <color theme="1"/>
        <rFont val="ＭＳ 明朝"/>
        <family val="1"/>
        <charset val="128"/>
      </rPr>
      <t>※観光牧場等において、飼育場所を限定している場合は除く。</t>
    </r>
    <phoneticPr fontId="18"/>
  </si>
  <si>
    <r>
      <t xml:space="preserve">●家畜の健康に悪影響を及ぼすような過密な状態で家畜を飼養していない。
</t>
    </r>
    <r>
      <rPr>
        <sz val="36"/>
        <color theme="1"/>
        <rFont val="ＭＳ 明朝"/>
        <family val="1"/>
        <charset val="128"/>
      </rPr>
      <t xml:space="preserve">※以下の資料を添付
畜舎ごとの家畜の飼養密度（家畜の種類ごとに○㎡／頭）を記載した資料
</t>
    </r>
    <phoneticPr fontId="18"/>
  </si>
  <si>
    <t>15　衛生管理区域への必要のない者の立入りの制限</t>
    <phoneticPr fontId="18"/>
  </si>
  <si>
    <t>16　他の畜産関係施設等に立ち入った者等が衛生管理区域に立ち入る際の措置</t>
    <phoneticPr fontId="18"/>
  </si>
  <si>
    <t>豚_6</t>
    <phoneticPr fontId="4"/>
  </si>
  <si>
    <r>
      <t>●当日に他の畜産関係施設等</t>
    </r>
    <r>
      <rPr>
        <sz val="42"/>
        <rFont val="ＭＳ 明朝"/>
        <family val="1"/>
        <charset val="128"/>
      </rPr>
      <t xml:space="preserve">又は大臣指定地域に立ち入った者（※）及び過去一週間以内に海外から入国し、又は帰国した者を衛生管理区域に立ち入らせないようにしている。
</t>
    </r>
    <r>
      <rPr>
        <sz val="36"/>
        <rFont val="ＭＳ 明朝"/>
        <family val="1"/>
        <charset val="128"/>
      </rPr>
      <t>※農場の従事者、家畜防疫員、獣医師、家畜人工授精師、飼料運搬業者等は除く。</t>
    </r>
    <rPh sb="13" eb="14">
      <t>マタ</t>
    </rPh>
    <rPh sb="31" eb="32">
      <t>オヨ</t>
    </rPh>
    <phoneticPr fontId="18"/>
  </si>
  <si>
    <t>17　衛生管理区域に立ち入る者の手指消毒等</t>
    <phoneticPr fontId="18"/>
  </si>
  <si>
    <r>
      <t xml:space="preserve">●衛生管理区域の入口付近に消毒設備を設置し、立ち入る者に対し、手指の洗浄及び消毒をさせている。
</t>
    </r>
    <r>
      <rPr>
        <sz val="36"/>
        <color theme="1"/>
        <rFont val="ＭＳ 明朝"/>
        <family val="1"/>
        <charset val="128"/>
      </rPr>
      <t>※立ち入る者が消毒機器を携行し、消毒している場合を除く。</t>
    </r>
    <phoneticPr fontId="18"/>
  </si>
  <si>
    <r>
      <t>32　衛生管理区域から退出する者の手指消毒等</t>
    </r>
    <r>
      <rPr>
        <sz val="42"/>
        <rFont val="ＭＳ 明朝"/>
        <family val="1"/>
        <charset val="128"/>
      </rPr>
      <t>（Ⅳ　衛生管理区域外への病原体の拡散防止）</t>
    </r>
    <phoneticPr fontId="18"/>
  </si>
  <si>
    <r>
      <t xml:space="preserve">●衛生管理区域の出口付近に消毒設備を設置し、退出する者に対し、手指の洗浄及び消毒をさせている。
</t>
    </r>
    <r>
      <rPr>
        <sz val="36"/>
        <rFont val="ＭＳ 明朝"/>
        <family val="1"/>
        <charset val="128"/>
      </rPr>
      <t>※退出する者が消毒機器を携行し、消毒している場合を除く。</t>
    </r>
    <phoneticPr fontId="18"/>
  </si>
  <si>
    <t>【記入欄】　※「一部できている」「できていない」を選択した場合、できていない部分の具体的な内容/今後の改善方針を記入してください。</t>
    <phoneticPr fontId="18"/>
  </si>
  <si>
    <t>②更衣による衛生管理区域への病原体の侵入を防ぐため、着脱前後の衣服及び靴をすのこ、分離板等で場所を離して保管している。さらに、更衣前後において利用する経路が交差しないよう一方通行とするなど必要な措置を講じている。</t>
    <phoneticPr fontId="18"/>
  </si>
  <si>
    <t>③衣服又は靴に排せつ物、汚泥等が付着した場合には、洗浄及び消毒を行っている。</t>
    <rPh sb="3" eb="4">
      <t>マタ</t>
    </rPh>
    <phoneticPr fontId="18"/>
  </si>
  <si>
    <t>19　衛生管理区域に立ち入る車両の消毒等</t>
    <phoneticPr fontId="18"/>
  </si>
  <si>
    <r>
      <t xml:space="preserve">①衛生管理区域の入口付近に消毒設備を設置し、車両の消毒をさせている。
</t>
    </r>
    <r>
      <rPr>
        <sz val="36"/>
        <color theme="1"/>
        <rFont val="ＭＳ 明朝"/>
        <family val="1"/>
        <charset val="128"/>
      </rPr>
      <t>※立ち入る者が消毒機器を携行し、当該機器を使用して消毒している場合を除く。</t>
    </r>
    <phoneticPr fontId="18"/>
  </si>
  <si>
    <t>□ 消石灰帯（幅：　　ｍ）</t>
    <rPh sb="2" eb="5">
      <t>ショウセッカイ</t>
    </rPh>
    <phoneticPr fontId="18"/>
  </si>
  <si>
    <r>
      <t xml:space="preserve">②衛生管理区域に車両を入れる者に対し、当該農場専用のフロアマットの使用その他の方法により、車内における交差汚染を防止するための措置を講じている。
</t>
    </r>
    <r>
      <rPr>
        <sz val="36"/>
        <rFont val="ＭＳ 明朝"/>
        <family val="1"/>
        <charset val="128"/>
      </rPr>
      <t>〈措置の例〉
・農場専用のフロアマットの設置　・降車時にブーツカバーを使用</t>
    </r>
    <phoneticPr fontId="18"/>
  </si>
  <si>
    <t>33　衛生管理区域から退出する車両の消毒（Ⅳ　衛生管理区域外への病原体の拡散防止）</t>
    <phoneticPr fontId="18"/>
  </si>
  <si>
    <t>豚_7</t>
    <phoneticPr fontId="4"/>
  </si>
  <si>
    <r>
      <t xml:space="preserve">●衛生管理区域の出口付近に消毒設備を設置し、車両を出す者に対し車両の消毒をさせている。
</t>
    </r>
    <r>
      <rPr>
        <sz val="36"/>
        <rFont val="ＭＳ 明朝"/>
        <family val="1"/>
        <charset val="128"/>
      </rPr>
      <t>※退出する者が消毒機器を携行し、当該機器を使用し消毒している場合を除く。</t>
    </r>
    <phoneticPr fontId="18"/>
  </si>
  <si>
    <t>【記入欄】　※「できている」「一部できている」の場合は回答してください</t>
    <rPh sb="1" eb="3">
      <t>キニュウ</t>
    </rPh>
    <phoneticPr fontId="18"/>
  </si>
  <si>
    <t>【記入欄】　※「一部できている」「できていない」を選択した場合、できていない部分の具体的な内容/今後の改善方針を記入してください。</t>
    <rPh sb="1" eb="3">
      <t>キニュウ</t>
    </rPh>
    <rPh sb="3" eb="4">
      <t>ラン</t>
    </rPh>
    <rPh sb="8" eb="10">
      <t>イチブ</t>
    </rPh>
    <rPh sb="25" eb="27">
      <t>センタク</t>
    </rPh>
    <rPh sb="29" eb="31">
      <t>バアイ</t>
    </rPh>
    <rPh sb="38" eb="40">
      <t>ブブン</t>
    </rPh>
    <rPh sb="41" eb="44">
      <t>グタイテキ</t>
    </rPh>
    <rPh sb="45" eb="47">
      <t>ナイヨウ</t>
    </rPh>
    <rPh sb="48" eb="50">
      <t>コンゴ</t>
    </rPh>
    <rPh sb="51" eb="53">
      <t>カイゼン</t>
    </rPh>
    <rPh sb="53" eb="55">
      <t>ホウシン</t>
    </rPh>
    <rPh sb="56" eb="58">
      <t>キニュウ</t>
    </rPh>
    <phoneticPr fontId="18"/>
  </si>
  <si>
    <r>
      <t>20　他の畜産関係施設等で使用した物品</t>
    </r>
    <r>
      <rPr>
        <sz val="42"/>
        <rFont val="ＭＳ 明朝"/>
        <family val="1"/>
        <charset val="128"/>
      </rPr>
      <t>等を衛生管理区域に持ち込む際の措置</t>
    </r>
    <rPh sb="19" eb="20">
      <t>トウ</t>
    </rPh>
    <phoneticPr fontId="18"/>
  </si>
  <si>
    <t>21　処理済みの飼料の利用</t>
    <phoneticPr fontId="18"/>
  </si>
  <si>
    <t>①肉を扱う事業所等から排出された食品循環資源を原材料とする飼料を給与する場合には、適正に処理が行われたものを用いている。</t>
    <phoneticPr fontId="18"/>
  </si>
  <si>
    <t>食品循環資源（※１）の飼料原料としての調達</t>
    <phoneticPr fontId="18"/>
  </si>
  <si>
    <t>□ あり（具体名：　　　　　　      　　　　　　　　）</t>
    <phoneticPr fontId="18"/>
  </si>
  <si>
    <t>食品循環資源の収集方法</t>
    <phoneticPr fontId="18"/>
  </si>
  <si>
    <t>□ 自分で収集　　□ 排出元が配達</t>
    <phoneticPr fontId="18"/>
  </si>
  <si>
    <t>食品循環資源の導入元</t>
    <phoneticPr fontId="18"/>
  </si>
  <si>
    <t>動物由来品（※２）の含有（可能性も含む）</t>
    <phoneticPr fontId="18"/>
  </si>
  <si>
    <t>□ 不明　　□ なし</t>
    <rPh sb="2" eb="4">
      <t>フメイ</t>
    </rPh>
    <phoneticPr fontId="18"/>
  </si>
  <si>
    <t>動物由来品が含有していることの記録（導入元との契約書類等）</t>
    <phoneticPr fontId="18"/>
  </si>
  <si>
    <t>□ あり（　　　　　　　　　　      　　　　　　　　）</t>
    <phoneticPr fontId="18"/>
  </si>
  <si>
    <t>農場での加熱方法</t>
    <phoneticPr fontId="18"/>
  </si>
  <si>
    <t>□ 鍋で煮る　　□ 蒸す　　□ 焼く</t>
    <phoneticPr fontId="18"/>
  </si>
  <si>
    <t>□ その他（　　　　　　　　　      　　　　　　　　）</t>
    <phoneticPr fontId="18"/>
  </si>
  <si>
    <t>農場での加熱状況</t>
    <phoneticPr fontId="18"/>
  </si>
  <si>
    <t>温度：　　　　　　　　℃、　　時間：　　　　　　　分</t>
    <rPh sb="0" eb="2">
      <t>オンド</t>
    </rPh>
    <rPh sb="15" eb="17">
      <t>ジカン</t>
    </rPh>
    <rPh sb="25" eb="26">
      <t>フン</t>
    </rPh>
    <phoneticPr fontId="18"/>
  </si>
  <si>
    <t>農場での加熱状況の確認方法</t>
    <phoneticPr fontId="18"/>
  </si>
  <si>
    <t>□ 温度計で手動計測（頻度：　　　　　　　、計測部位：　　　　　 　）</t>
    <phoneticPr fontId="18"/>
  </si>
  <si>
    <t>□ 自動計測　　□ その他（　　　　　　　　　　　　　　　　　　　　）</t>
    <phoneticPr fontId="18"/>
  </si>
  <si>
    <t>農場での加熱状況の記録</t>
    <phoneticPr fontId="18"/>
  </si>
  <si>
    <t>□ なし</t>
    <phoneticPr fontId="4"/>
  </si>
  <si>
    <t>□ あり</t>
    <phoneticPr fontId="4"/>
  </si>
  <si>
    <t>□ 記録表　　□ カレンダー</t>
    <phoneticPr fontId="4"/>
  </si>
  <si>
    <t>□ その他（　　　　　　　　　　　　　　　　　　　　）</t>
    <phoneticPr fontId="4"/>
  </si>
  <si>
    <t>攪拌方法</t>
    <phoneticPr fontId="18"/>
  </si>
  <si>
    <t>□ 手動　　□ 自動</t>
    <rPh sb="2" eb="4">
      <t>シュドウ</t>
    </rPh>
    <rPh sb="8" eb="10">
      <t>ジドウ</t>
    </rPh>
    <phoneticPr fontId="18"/>
  </si>
  <si>
    <t>※１　食品循環資源：食品製造副産物、余剰食品、調理残さ、食べ残し等をいう。
※２　動物由来品　：対象は、牛、豚等の偶蹄類肉、肉製品等（既に加熱されているか否かに関わらず）。
　　　　　　　　　　ただし、乳、乳製品、卵、卵製品、魚、及び魚製品等は除く。</t>
    <phoneticPr fontId="18"/>
  </si>
  <si>
    <t>②加熱後の飼料を含む全ての飼料が加熱前の原材料等により交差汚染しないような措置を講じている。</t>
    <phoneticPr fontId="18"/>
  </si>
  <si>
    <t>③加熱処理の行われていない飼料は衛生管理区域内に持ち込んでいない。</t>
    <phoneticPr fontId="18"/>
  </si>
  <si>
    <t>23　衛生管理区域への野生動物の侵入防止</t>
    <phoneticPr fontId="18"/>
  </si>
  <si>
    <r>
      <t xml:space="preserve">①衛生管理区域に野生いのししが侵入しないよう防護柵（※）の設置その他必要な措置を講じている。
</t>
    </r>
    <r>
      <rPr>
        <sz val="36"/>
        <color theme="1"/>
        <rFont val="ＭＳ 明朝"/>
        <family val="1"/>
        <charset val="128"/>
      </rPr>
      <t>※野生いのしし等のくぐり抜けを防止できるものに限る。放牧場等の屋外飼養施設では二重柵等の設置が必要。</t>
    </r>
    <phoneticPr fontId="18"/>
  </si>
  <si>
    <r>
      <t>【記入欄】　</t>
    </r>
    <r>
      <rPr>
        <sz val="42"/>
        <rFont val="ＭＳ 明朝"/>
        <family val="1"/>
        <charset val="128"/>
      </rPr>
      <t>※「できている」「一部できている」の場合は回答してください</t>
    </r>
    <rPh sb="1" eb="3">
      <t>キニュウ</t>
    </rPh>
    <rPh sb="3" eb="4">
      <t>ラン</t>
    </rPh>
    <rPh sb="24" eb="26">
      <t>バアイ</t>
    </rPh>
    <rPh sb="27" eb="29">
      <t>カイトウ</t>
    </rPh>
    <phoneticPr fontId="18"/>
  </si>
  <si>
    <t>侵入防止措置</t>
    <rPh sb="0" eb="2">
      <t>シンニュウ</t>
    </rPh>
    <rPh sb="2" eb="4">
      <t>ボウシ</t>
    </rPh>
    <rPh sb="4" eb="6">
      <t>ソチ</t>
    </rPh>
    <phoneticPr fontId="18"/>
  </si>
  <si>
    <t>□ 防護柵（ 一重 ）　　□ 防護柵（ 二重 ）　　□ 塀　　□ 擁壁　　□ 壁</t>
    <phoneticPr fontId="18"/>
  </si>
  <si>
    <t>②定期的に当該設備の破損状況を確認し、破損がある場合には、遅滞なくその破損箇所を修繕している。</t>
    <phoneticPr fontId="18"/>
  </si>
  <si>
    <t>Ⅲ　衛生管理区域内における病原体による汚染拡大防止</t>
    <phoneticPr fontId="18"/>
  </si>
  <si>
    <t>豚_8</t>
    <phoneticPr fontId="4"/>
  </si>
  <si>
    <t>24　畜舎に立ち入る者の手指消毒等</t>
    <phoneticPr fontId="18"/>
  </si>
  <si>
    <r>
      <t xml:space="preserve">●畜舎の出入口付近に消毒設備を設置し、立ち入る者に対し、畜舎に出入りする際に手指の洗浄及び消毒をさせている。
</t>
    </r>
    <r>
      <rPr>
        <sz val="36"/>
        <rFont val="ＭＳ 明朝"/>
        <family val="1"/>
        <charset val="128"/>
      </rPr>
      <t>〈消毒設備の例〉
・設置されたスプレー　・畜舎専用の手袋の着用</t>
    </r>
    <r>
      <rPr>
        <sz val="42"/>
        <rFont val="ＭＳ 明朝"/>
        <family val="1"/>
        <charset val="128"/>
      </rPr>
      <t xml:space="preserve">
</t>
    </r>
    <r>
      <rPr>
        <sz val="36"/>
        <rFont val="ＭＳ 明朝"/>
        <family val="1"/>
        <charset val="128"/>
      </rPr>
      <t>〈「該当しない」場合の例〉
畜舎と飼養衛生管理区域が同じ場合</t>
    </r>
    <rPh sb="4" eb="5">
      <t>デ</t>
    </rPh>
    <phoneticPr fontId="18"/>
  </si>
  <si>
    <t>25　畜舎ごと専用の衣服及び靴の設置並びに使用</t>
    <phoneticPr fontId="18"/>
  </si>
  <si>
    <r>
      <t xml:space="preserve">①畜舎ごとの専用の衣服（大臣指定地域に限る。）及び靴を設置し、畜舎に入る者に対し、これらを着実に着用させている。
</t>
    </r>
    <r>
      <rPr>
        <sz val="36"/>
        <color theme="1"/>
        <rFont val="ＭＳ 明朝"/>
        <family val="1"/>
        <charset val="128"/>
      </rPr>
      <t>〈設置並びに使用するものの例〉
　衣服：　専用作業着、防護服
　靴：　　専用靴、ブーツカバー</t>
    </r>
    <phoneticPr fontId="18"/>
  </si>
  <si>
    <t>②更衣を行う際に病原体が畜舎に侵入することがないよう、着脱前後の衣服及び靴をすのこ、分離板等で場所を離して保管している。さらに、更衣前後において利用する経路が交差しないよう一方通行とするなど必要な措置を講じている。</t>
    <phoneticPr fontId="18"/>
  </si>
  <si>
    <t>保管方法</t>
    <rPh sb="0" eb="2">
      <t>ホカン</t>
    </rPh>
    <rPh sb="2" eb="4">
      <t>ホウホウ</t>
    </rPh>
    <phoneticPr fontId="18"/>
  </si>
  <si>
    <t>□ 屋内　　□ 屋外（専用保管箱）　　□ 屋外（ブルーシート等で被覆）</t>
    <phoneticPr fontId="18"/>
  </si>
  <si>
    <t>更衣による交差汚染を防止する対策</t>
    <phoneticPr fontId="18"/>
  </si>
  <si>
    <t>③畜舎から家畜、堆肥等を搬出する際には、作業者の動線が畜舎の内外で交差しないよう、畜舎の内外で作業する者を分けている又は専用の靴の履替えその他の必要な措置を講じている。</t>
    <phoneticPr fontId="18"/>
  </si>
  <si>
    <t>【記入欄】　※「できている」「一部できている」の場合は回答してください</t>
    <rPh sb="1" eb="3">
      <t>キニュウ</t>
    </rPh>
    <rPh sb="3" eb="4">
      <t>ラン</t>
    </rPh>
    <rPh sb="24" eb="26">
      <t>バアイ</t>
    </rPh>
    <rPh sb="27" eb="29">
      <t>カイトウ</t>
    </rPh>
    <phoneticPr fontId="18"/>
  </si>
  <si>
    <t>□ 畜舎の内外で作業する者を分けている　　□ 専用靴の履替え</t>
    <phoneticPr fontId="18"/>
  </si>
  <si>
    <t>④衣服又は靴に排せつ物、汚泥等が付着した場合には、洗浄及び消毒を行っている。</t>
    <phoneticPr fontId="18"/>
  </si>
  <si>
    <t>26　器具の定期的な清掃又は消毒等</t>
    <phoneticPr fontId="18"/>
  </si>
  <si>
    <r>
      <t>①飼養管理に使用する器具</t>
    </r>
    <r>
      <rPr>
        <sz val="42"/>
        <rFont val="ＭＳ 明朝"/>
        <family val="1"/>
        <charset val="128"/>
      </rPr>
      <t>は畜舎に持ち込む際に消毒するとともに、清掃又は消毒を定期的にしている。</t>
    </r>
    <rPh sb="13" eb="15">
      <t>チクシャ</t>
    </rPh>
    <rPh sb="16" eb="17">
      <t>モ</t>
    </rPh>
    <rPh sb="18" eb="19">
      <t>コ</t>
    </rPh>
    <rPh sb="20" eb="21">
      <t>サイ</t>
    </rPh>
    <rPh sb="22" eb="24">
      <t>ショウドク</t>
    </rPh>
    <phoneticPr fontId="18"/>
  </si>
  <si>
    <t>②注射針、人工授精用器具その他体液が付着する物品を使用する際は、注射針にあっては少なくとも畜房ごとに、人工授精用器具その他の物品にあっては一頭ごとに交換又は消毒をしている。</t>
    <phoneticPr fontId="18"/>
  </si>
  <si>
    <t>27　畜舎外での病原体による汚染防止</t>
    <phoneticPr fontId="18"/>
  </si>
  <si>
    <t>①（大臣指定地域の場合）家畜を畜舎間で移動する際、屋根、壁等により野生動物などによる病原体の侵入を防止できる畜舎間通路、洗浄及び消毒済みケージ、リフト等を使用している。</t>
    <phoneticPr fontId="18"/>
  </si>
  <si>
    <t>□ 畜舎間通路　　□ ケージ　　□ リフト</t>
    <phoneticPr fontId="18"/>
  </si>
  <si>
    <t>②（大臣指定地域の場合）畜舎に重機、一輪車等を持ち込む場合には、畜舎の出入口付近において洗浄及び消毒をしている。</t>
    <phoneticPr fontId="18"/>
  </si>
  <si>
    <t>28　野生動物の侵入防止のためのネット等の設置、点検及び修繕並びに大臣指定地域における放牧場についての取組</t>
    <phoneticPr fontId="18"/>
  </si>
  <si>
    <t>豚_9</t>
    <phoneticPr fontId="4"/>
  </si>
  <si>
    <t>①野鳥等の野生動物の畜舎、飼料保管庫、堆肥舎、死体保管庫等への侵入を防止することができる防鳥ネットその他の設備を設置している。</t>
    <phoneticPr fontId="18"/>
  </si>
  <si>
    <t>畜舎内への侵入防止対策</t>
    <phoneticPr fontId="18"/>
  </si>
  <si>
    <t>□ ウインドウレス</t>
    <phoneticPr fontId="18"/>
  </si>
  <si>
    <t>□ 壁または窓</t>
    <phoneticPr fontId="18"/>
  </si>
  <si>
    <t>□ 金網</t>
    <rPh sb="2" eb="4">
      <t>カナアミ</t>
    </rPh>
    <phoneticPr fontId="18"/>
  </si>
  <si>
    <t>□ 消石灰帯</t>
    <phoneticPr fontId="18"/>
  </si>
  <si>
    <t>□ 設置なし</t>
    <rPh sb="2" eb="4">
      <t>セッチ</t>
    </rPh>
    <phoneticPr fontId="18"/>
  </si>
  <si>
    <t>□ 設置あり</t>
    <rPh sb="2" eb="4">
      <t>セッチ</t>
    </rPh>
    <phoneticPr fontId="18"/>
  </si>
  <si>
    <t>幅</t>
    <rPh sb="0" eb="1">
      <t>ハバ</t>
    </rPh>
    <phoneticPr fontId="18"/>
  </si>
  <si>
    <t>　　　　　　　　　　　ｍ</t>
    <phoneticPr fontId="18"/>
  </si>
  <si>
    <t>排せつ物保管場所の対策</t>
    <phoneticPr fontId="18"/>
  </si>
  <si>
    <t>（１）排せつ物処理方法</t>
    <phoneticPr fontId="18"/>
  </si>
  <si>
    <t>□ 堆積　　□ コンポスト　　□ 共同処理施設への搬出</t>
    <phoneticPr fontId="18"/>
  </si>
  <si>
    <t>（２）野生動物の侵入防止対策</t>
    <phoneticPr fontId="18"/>
  </si>
  <si>
    <t>飼料の保管場所の対策</t>
    <phoneticPr fontId="18"/>
  </si>
  <si>
    <t>資材の保管場所の対策</t>
    <phoneticPr fontId="18"/>
  </si>
  <si>
    <t>豚（子豚）</t>
    <phoneticPr fontId="18"/>
  </si>
  <si>
    <t>□ 化製処理　　□ その他：（　　　　　　　　　　　　　　　　　　　　　　）</t>
    <phoneticPr fontId="4"/>
  </si>
  <si>
    <t>豚（肥育前期）</t>
    <phoneticPr fontId="18"/>
  </si>
  <si>
    <t>豚（肥育後期及び繁殖豚）</t>
    <phoneticPr fontId="18"/>
  </si>
  <si>
    <t>豚_10</t>
    <phoneticPr fontId="4"/>
  </si>
  <si>
    <t>その他（必要に応じて記載）</t>
    <phoneticPr fontId="18"/>
  </si>
  <si>
    <t>施設の種類</t>
    <phoneticPr fontId="18"/>
  </si>
  <si>
    <t>具体的な侵入防止対策</t>
    <phoneticPr fontId="18"/>
  </si>
  <si>
    <r>
      <t>②定期的に当該設備</t>
    </r>
    <r>
      <rPr>
        <sz val="42"/>
        <rFont val="ＭＳ 明朝"/>
        <family val="1"/>
        <charset val="128"/>
      </rPr>
      <t>並びに当該設備が設置された畜舎等の屋根及び壁面</t>
    </r>
    <r>
      <rPr>
        <sz val="42"/>
        <rFont val="ＭＳ 明朝"/>
        <family val="1"/>
      </rPr>
      <t>の破損状況を確認し、破損がある場合には、遅滞なくその破損箇所を修繕している。</t>
    </r>
    <rPh sb="5" eb="7">
      <t>トウガイ</t>
    </rPh>
    <rPh sb="9" eb="10">
      <t>ナラ</t>
    </rPh>
    <rPh sb="12" eb="14">
      <t>トウガイ</t>
    </rPh>
    <rPh sb="14" eb="16">
      <t>セツビ</t>
    </rPh>
    <rPh sb="17" eb="19">
      <t>セッチ</t>
    </rPh>
    <rPh sb="22" eb="24">
      <t>チクシャ</t>
    </rPh>
    <rPh sb="24" eb="25">
      <t>トウ</t>
    </rPh>
    <rPh sb="26" eb="28">
      <t>ヤネ</t>
    </rPh>
    <rPh sb="28" eb="29">
      <t>オヨ</t>
    </rPh>
    <rPh sb="30" eb="32">
      <t>ヘキメン</t>
    </rPh>
    <phoneticPr fontId="18"/>
  </si>
  <si>
    <t>③（大臣指定地域の場合）放牧場について給餌場所における防鳥ネットの設置及び家畜を収容できる避難用の設備を確保している。</t>
    <phoneticPr fontId="18"/>
  </si>
  <si>
    <t>給餌場所の防鳥ネットの設置</t>
    <phoneticPr fontId="18"/>
  </si>
  <si>
    <t>家畜を収容できる避難用の設備の確保</t>
    <phoneticPr fontId="18"/>
  </si>
  <si>
    <t>□ なし　　□ あり</t>
    <phoneticPr fontId="18"/>
  </si>
  <si>
    <r>
      <t>29　給餌設備、給水設備等</t>
    </r>
    <r>
      <rPr>
        <sz val="42"/>
        <rFont val="ＭＳ 明朝"/>
        <family val="1"/>
        <charset val="128"/>
      </rPr>
      <t>の病原体による汚染の防止</t>
    </r>
    <rPh sb="14" eb="17">
      <t>ビョウゲンタイ</t>
    </rPh>
    <rPh sb="20" eb="22">
      <t>オセン</t>
    </rPh>
    <rPh sb="23" eb="25">
      <t>ボウシ</t>
    </rPh>
    <phoneticPr fontId="18"/>
  </si>
  <si>
    <t>①畜舎の給餌設備及び給水設備並びに飼料の保管場所にねずみ、野鳥等の野生動物の排せつ物等が混入しないよう必要な措置を講じている。</t>
    <rPh sb="1" eb="3">
      <t>チクシャ</t>
    </rPh>
    <rPh sb="4" eb="6">
      <t>キュウジ</t>
    </rPh>
    <rPh sb="6" eb="8">
      <t>セツビ</t>
    </rPh>
    <rPh sb="8" eb="9">
      <t>オヨ</t>
    </rPh>
    <rPh sb="10" eb="12">
      <t>キュウスイ</t>
    </rPh>
    <rPh sb="12" eb="14">
      <t>セツビ</t>
    </rPh>
    <rPh sb="14" eb="15">
      <t>ナラ</t>
    </rPh>
    <rPh sb="17" eb="19">
      <t>シリョウ</t>
    </rPh>
    <rPh sb="20" eb="22">
      <t>ホカン</t>
    </rPh>
    <rPh sb="22" eb="24">
      <t>バショ</t>
    </rPh>
    <rPh sb="29" eb="31">
      <t>ヤチョウ</t>
    </rPh>
    <rPh sb="31" eb="32">
      <t>トウ</t>
    </rPh>
    <rPh sb="33" eb="35">
      <t>ヤセイ</t>
    </rPh>
    <rPh sb="35" eb="37">
      <t>ドウブツ</t>
    </rPh>
    <rPh sb="38" eb="39">
      <t>ハイ</t>
    </rPh>
    <rPh sb="41" eb="42">
      <t>ブツ</t>
    </rPh>
    <rPh sb="42" eb="43">
      <t>トウ</t>
    </rPh>
    <rPh sb="44" eb="46">
      <t>コンニュウ</t>
    </rPh>
    <rPh sb="51" eb="53">
      <t>ヒツヨウ</t>
    </rPh>
    <rPh sb="54" eb="56">
      <t>ソチ</t>
    </rPh>
    <rPh sb="57" eb="58">
      <t>コウ</t>
    </rPh>
    <phoneticPr fontId="18"/>
  </si>
  <si>
    <r>
      <t>□ 実施していない　　□ 実施している（　　回/年）　　</t>
    </r>
    <r>
      <rPr>
        <sz val="42"/>
        <rFont val="ＭＳ 明朝"/>
        <family val="1"/>
        <charset val="128"/>
      </rPr>
      <t>□ 検査不要</t>
    </r>
    <rPh sb="30" eb="32">
      <t>ケンサ</t>
    </rPh>
    <phoneticPr fontId="18"/>
  </si>
  <si>
    <r>
      <t>□ 実施していない　　□ 実施している　　</t>
    </r>
    <r>
      <rPr>
        <sz val="42"/>
        <rFont val="ＭＳ 明朝"/>
        <family val="1"/>
        <charset val="128"/>
      </rPr>
      <t>□ 消毒不要</t>
    </r>
    <rPh sb="23" eb="25">
      <t>ショウドク</t>
    </rPh>
    <rPh sb="25" eb="27">
      <t>フヨウ</t>
    </rPh>
    <phoneticPr fontId="18"/>
  </si>
  <si>
    <t>30　ねずみ及び害虫の駆除</t>
    <phoneticPr fontId="18"/>
  </si>
  <si>
    <t>ねずみ及びはえ等の害虫の駆除を行うために殺そ剤及び殺虫剤の散布、粘着シートの設置その他の必要な措置を講じている。</t>
    <phoneticPr fontId="18"/>
  </si>
  <si>
    <t>□ 殺鼠剤　　□ 粘着シート　</t>
    <rPh sb="3" eb="4">
      <t>ネズミ</t>
    </rPh>
    <phoneticPr fontId="18"/>
  </si>
  <si>
    <r>
      <t>31　衛生管理区域内の整理整頓、</t>
    </r>
    <r>
      <rPr>
        <sz val="42"/>
        <rFont val="ＭＳ 明朝"/>
        <family val="1"/>
        <charset val="128"/>
      </rPr>
      <t>畜舎等施設の清掃及び消毒</t>
    </r>
    <rPh sb="16" eb="18">
      <t>チクシャ</t>
    </rPh>
    <rPh sb="18" eb="19">
      <t>トウ</t>
    </rPh>
    <rPh sb="19" eb="21">
      <t>シセツ</t>
    </rPh>
    <rPh sb="22" eb="24">
      <t>セイソウ</t>
    </rPh>
    <phoneticPr fontId="18"/>
  </si>
  <si>
    <t>豚_11</t>
    <phoneticPr fontId="4"/>
  </si>
  <si>
    <t>Ⅳ　衛生管理区域外への病原体の拡散防止</t>
    <phoneticPr fontId="18"/>
  </si>
  <si>
    <t>34　衛生管理区域から搬出する物品の消毒等</t>
    <phoneticPr fontId="18"/>
  </si>
  <si>
    <t>●衛生管理区域から、家畜の排せつ物等が付着し、又は付着したおそれのある物品を持ち出す場合にあっては、洗浄、消毒その他の必要な措置を講じ、家畜の死体又は排せつ物を持ち出す場合にあっては、漏出が生じないようにしている。</t>
    <phoneticPr fontId="18"/>
  </si>
  <si>
    <t>35 　特定症状が確認された場合の早期通報並びに出荷及び移動の停止</t>
    <phoneticPr fontId="18"/>
  </si>
  <si>
    <t xml:space="preserve">①特定症状を呈していることを発見したときは、直ちに家畜保健衛生所に通報することとしている。
</t>
    <phoneticPr fontId="18"/>
  </si>
  <si>
    <r>
      <rPr>
        <sz val="42"/>
        <rFont val="ＭＳ 明朝"/>
        <family val="1"/>
        <charset val="128"/>
      </rPr>
      <t>③（特定症状が確認された場合）農場からの家畜及びその死体、畜産物並びに排せつ物の出荷及び移動を行わないこととしている。</t>
    </r>
    <phoneticPr fontId="4"/>
  </si>
  <si>
    <t>36　特定症状以外の異状が確認された場合の出荷及び移動の停止</t>
    <phoneticPr fontId="18"/>
  </si>
  <si>
    <t>※従業員がいる場合には、以下①～④について従業員も同様の対応がとれるよう、従業員に対する周知が行われている必要がある。</t>
    <phoneticPr fontId="18"/>
  </si>
  <si>
    <t>①特定症状以外の異状であって、家畜の死亡率の急激な上昇又は同様の症状を呈している家畜の増加が確認された場合には、直ちに獣医師の診療若しくは指導又は家畜保健衛生所の指導を受けている。</t>
    <phoneticPr fontId="18"/>
  </si>
  <si>
    <t>②（獣医師の診療若しくは指導又は家畜保健衛生所の指導があった場合）当該家畜が監視伝染病にかかっていないことが確認されるまでの間、農場からの家畜の出荷及び移動を行なっていない。</t>
    <rPh sb="79" eb="80">
      <t>オコナ</t>
    </rPh>
    <phoneticPr fontId="18"/>
  </si>
  <si>
    <t>③（当該家畜が監視伝染病にかかっていることが確認された場合）家畜保健衛生所の指導に従うこととしている。</t>
    <phoneticPr fontId="18"/>
  </si>
  <si>
    <t>④（飼養する家畜にその他の特定症状以外の異状が確認された場合）速やかに獣医師の診療を受け、又は指導を求めている。</t>
    <phoneticPr fontId="18"/>
  </si>
  <si>
    <t>※　特定症状
１．豚熱及びアフリカ豚熱を疑う症状
①耳翼、下腹部、四肢等に紫斑があること。
②同一の畜房内において、以下のいずれかの症状を示す豚等が一定期間（概ね一週間程度）に増加していること。ただし、当該農場に浸潤している他の疾病によるものであることが明らかな場合等、豚熱及びアフリカ豚熱以外の事情によるものであることが明らかな場合はこの限りではない。
（１）摂氏40度以上の発熱、元気消失、食欲減退
（２）便秘、下痢
（３）結膜炎
（４）歩行困難、後躯麻痺、けいれん
（５）削痩、被毛粗剛、発育不良（いわゆる「ひね豚」）
（６）流死産等の異常産の発生
（７）血液凝固不全に起因した皮下出血、皮膚紅斑、天然孔からの出血、血便
③同一の畜舎内において、一定期間（概ね一週間程度）に複数の繁殖又は肥育に供する豚等が突然死亡すること。ただし、家畜の飼養管理のための設備の故障、気温の急激な変化、火災、風水害その他の非常災害等豚熱及びアフリカ豚熱以外の事情によるものであることが明らかな場合は、この限りではない。
④血液検査を実施した場合において、同一の畜房内（一の畜房につき一の家畜を飼養している場合にあっては、同一の畜舎内）において、複数の家畜に白血球数の減少（１万個未満/μl）又は好中球の核の左方移動が確認されること。ただし、当該農場に浸潤している他の疾病によるものであることが明らかな場合等、豚熱及びアフリカ豚熱以外の事情によるものであることが明らかな場合はこの限りではない。
２．口蹄疫を疑う症状
①39.0℃以上の発熱及び泡沫性流涎、跛行、起立不能、泌乳量の大幅な低下又は泌乳の停止があり、かつ、その口腔内、口唇、鼻腔内、鼻部、蹄部、乳頭又は乳房（以下「口腔内等」という。）に水疱、びらん、潰瘍又は瘢痕（外傷に起因するものを除く。以下「水疱等」という。）があること（鹿にあっては、39.0℃以上の発熱があり、かつ、その口腔内等に水疱等があること）。
②同一の畜房内（１つの畜房につき１頭の家畜を飼養している場合にあっては、同一の畜舎内）において、複数の家畜の口腔内等に水疱等があること。
③同一の畜房内において、半数以上の哺乳畜（１つの畜房につき１頭の哺乳畜を飼養している場合にあっては、同一の畜舎内において、隣接する複数の畜房内の哺乳畜）が当日及びその前日の２日間において死亡すること。
ただし、家畜の飼養管理のための設備の故障、気温の急激な変化、火災、風、水害その他の非常災害等口蹄疫以外の事情によるものであることが明らかな場合は、この限りでない。</t>
    <phoneticPr fontId="18"/>
  </si>
  <si>
    <t>２．飼養衛生管理基準の遵守状況及び遵守するための措置の実施状況
（３）鶏、あひる、うずら、きじ、エミュー、だちょう、ほろほろ鳥及び七面鳥の場合</t>
    <phoneticPr fontId="4"/>
  </si>
  <si>
    <t>※記載方法
・自らの農場に関する飼養衛生管理基準の遵守状況及び遵守するための措置の実施状況について、自己点検を行うこと。
・１から33までの各項目の設問に対し、自己点検の結果を元に「できている」、「一部できている」、「できていない」又は「該当しない」にチェックを付けること。
・「記入欄」がある設問には、措置の状況を記載又は該当する事項にチェックを付けること。　
・「一部できている」「できていない」と回答した項目については、記入欄に一部できている項目のうち、できていない部分の具体的な内容/今後の改善方針を記載すること。　　　　　　　　　　　　　　　　　　　　　　　　　　　　　　　　　　　　　　　　　　　　　　　　　　</t>
    <rPh sb="184" eb="186">
      <t>イチブ</t>
    </rPh>
    <phoneticPr fontId="4"/>
  </si>
  <si>
    <t>●飼養衛生管理基準の構成について
飼養衛生管理基準は全33項目あり、各項目を取組の目的ごとに以下のⅠ～Ⅳに体系化しながら、分類している。　　　　　　　　　　　　　　　　　　　　　　　　　　　　　　　　　　　　　　　　　　　　　　　　　　　　　　　　　　　　　　　　　　　　　　　　　　　　　　　　　　　　　　　　　　　　　　　　　　　　　　　　　　　　　　　　　　　　　　　　　　　　　　　　　　　　　　　　　　　　　　　　　　　　　　　　　　　　　　　　　　　　　　　　　　　　　　　　　　　　　　　　　　　　　　　　　　　　　　　　　　　　</t>
    <phoneticPr fontId="4"/>
  </si>
  <si>
    <t>衛生管理区域への病原体の侵入防止【項目15～21】</t>
    <rPh sb="0" eb="2">
      <t>エイセイ</t>
    </rPh>
    <rPh sb="2" eb="4">
      <t>カンリ</t>
    </rPh>
    <rPh sb="4" eb="6">
      <t>クイキ</t>
    </rPh>
    <rPh sb="8" eb="11">
      <t>ビョウゲンタイ</t>
    </rPh>
    <rPh sb="12" eb="14">
      <t>シンニュウ</t>
    </rPh>
    <rPh sb="14" eb="16">
      <t>ボウシ</t>
    </rPh>
    <rPh sb="17" eb="19">
      <t>コウモク</t>
    </rPh>
    <phoneticPr fontId="13"/>
  </si>
  <si>
    <t>衛生管理区域内における病原体による汚染拡大防止【項目22～28】</t>
    <rPh sb="0" eb="2">
      <t>エイセイ</t>
    </rPh>
    <rPh sb="2" eb="4">
      <t>カンリ</t>
    </rPh>
    <rPh sb="4" eb="6">
      <t>クイキ</t>
    </rPh>
    <rPh sb="6" eb="7">
      <t>ナイ</t>
    </rPh>
    <rPh sb="11" eb="14">
      <t>ビョウゲンタイ</t>
    </rPh>
    <rPh sb="17" eb="19">
      <t>オセン</t>
    </rPh>
    <rPh sb="19" eb="21">
      <t>カクダイ</t>
    </rPh>
    <rPh sb="21" eb="23">
      <t>ボウシ</t>
    </rPh>
    <rPh sb="24" eb="26">
      <t>コウモク</t>
    </rPh>
    <phoneticPr fontId="13"/>
  </si>
  <si>
    <t>衛生管理区域外への病原体の拡散防止【項目29～33】</t>
    <rPh sb="0" eb="2">
      <t>エイセイ</t>
    </rPh>
    <rPh sb="2" eb="4">
      <t>カンリ</t>
    </rPh>
    <rPh sb="4" eb="6">
      <t>クイキ</t>
    </rPh>
    <rPh sb="6" eb="7">
      <t>ソト</t>
    </rPh>
    <rPh sb="9" eb="12">
      <t>ビョウゲンタイ</t>
    </rPh>
    <rPh sb="13" eb="15">
      <t>カクサン</t>
    </rPh>
    <rPh sb="15" eb="17">
      <t>ボウシ</t>
    </rPh>
    <rPh sb="18" eb="20">
      <t>コウモク</t>
    </rPh>
    <phoneticPr fontId="13"/>
  </si>
  <si>
    <t>家_2</t>
    <rPh sb="0" eb="1">
      <t>カ</t>
    </rPh>
    <phoneticPr fontId="4"/>
  </si>
  <si>
    <t>家畜防疫員　　　　チェックボックス</t>
    <rPh sb="0" eb="2">
      <t>カチク</t>
    </rPh>
    <rPh sb="2" eb="5">
      <t>ボウエキイン</t>
    </rPh>
    <phoneticPr fontId="18"/>
  </si>
  <si>
    <t>１　家きんの所有者の責務</t>
    <rPh sb="2" eb="3">
      <t>カ</t>
    </rPh>
    <rPh sb="6" eb="9">
      <t>ショユウシャ</t>
    </rPh>
    <rPh sb="10" eb="12">
      <t>セキム</t>
    </rPh>
    <phoneticPr fontId="18"/>
  </si>
  <si>
    <r>
      <t xml:space="preserve">①関係法令を遵守している。
</t>
    </r>
    <r>
      <rPr>
        <sz val="36"/>
        <color theme="1"/>
        <rFont val="ＭＳ 明朝"/>
        <family val="1"/>
        <charset val="128"/>
      </rPr>
      <t>〈関係法令の例〉
・家畜伝染病予防法　・飼料の安全性の確保及び品質の改善に関する法律　・獣医師法
・家畜排せつ物の管理の適正化及び利用の促進に関する法律　・水質汚濁防止法　・悪臭防止法
・廃棄物の処理及び清掃に関する法律　・医薬品、医療機器等の品質、有効性及び安全性の確保等に関する法律　</t>
    </r>
    <phoneticPr fontId="18"/>
  </si>
  <si>
    <r>
      <t xml:space="preserve">②農場の所在地域で飼養されている家きんの所有者その他の関係者と協力して衛生管理の意識を高め、衛生管理を行っている。
</t>
    </r>
    <r>
      <rPr>
        <sz val="36"/>
        <color theme="1"/>
        <rFont val="ＭＳ 明朝"/>
        <family val="1"/>
        <charset val="128"/>
      </rPr>
      <t>〈協力者の例〉
・地域の他の家畜の所有者（飼養衛生管理者）　・都道府県　・市町村　・関係団体　・地域自衛防疫団体</t>
    </r>
    <phoneticPr fontId="18"/>
  </si>
  <si>
    <r>
      <rPr>
        <sz val="42"/>
        <color theme="1"/>
        <rFont val="ＭＳ 明朝"/>
        <family val="1"/>
        <charset val="128"/>
      </rPr>
      <t>②家畜防疫に関する最新情報を踏まえ、防疫体制を含めて、自らの農場の飼養衛生管理の状況を定期的に点検し改善を図っている。</t>
    </r>
    <phoneticPr fontId="18"/>
  </si>
  <si>
    <t>③家きんの伝染性疾病の発生の予防及びまん延の防止に関する情報を従事者及び外部事業者に周知徹底している。</t>
    <phoneticPr fontId="18"/>
  </si>
  <si>
    <t>家_3</t>
    <phoneticPr fontId="4"/>
  </si>
  <si>
    <r>
      <t>①衛生管理区域に立ち入った者</t>
    </r>
    <r>
      <rPr>
        <sz val="36"/>
        <color theme="1"/>
        <rFont val="ＭＳ 明朝"/>
        <family val="1"/>
        <charset val="128"/>
      </rPr>
      <t>（※１）</t>
    </r>
    <r>
      <rPr>
        <sz val="42"/>
        <color theme="1"/>
        <rFont val="ＭＳ 明朝"/>
        <family val="1"/>
        <charset val="128"/>
      </rPr>
      <t>の氏名及び住所又は所属、衛生管理区域への立入りの年月日、その目的</t>
    </r>
    <r>
      <rPr>
        <sz val="36"/>
        <color theme="1"/>
        <rFont val="ＭＳ 明朝"/>
        <family val="1"/>
        <charset val="128"/>
      </rPr>
      <t>（※２）</t>
    </r>
    <r>
      <rPr>
        <sz val="42"/>
        <color theme="1"/>
        <rFont val="ＭＳ 明朝"/>
        <family val="1"/>
        <charset val="128"/>
      </rPr>
      <t xml:space="preserve">及び消毒の実施の有無（車両を入れる者にあっては、当該車両の消毒の有無を含む。）
また、消毒の実施の記録については、衛生管理区域の出入口等に台帳を設置し、確実に記録させている。
</t>
    </r>
    <r>
      <rPr>
        <sz val="36"/>
        <color theme="1"/>
        <rFont val="ＭＳ 明朝"/>
        <family val="1"/>
        <charset val="128"/>
      </rPr>
      <t>※不特定かつ多数の者が立ち入ることが想定される施設（観光牧場等）において、衛生管理区域の出入口における手指及び靴の消毒等、病原体の持込み及び持出しを防止するための規則をあらかじめ作成し、家畜防疫員が適切なものであることを確認した場合は記録は不要である。
※１当該農場の従事者を除く。
※２所属等からその目的が明らかな場合を除く。</t>
    </r>
    <phoneticPr fontId="18"/>
  </si>
  <si>
    <t>③（衛生管理区域に立ち入った者が過去一週間以内に海外から入国、又は帰国した場合）過去一週間以内に滞在した全ての国又は地域の名称及び当該国又は地域における畜産関係施設等への立入りの有無</t>
  </si>
  <si>
    <t>④（従事者が海外に渡航した場合）滞在期間及び国又は地域の名称</t>
  </si>
  <si>
    <t>⑤・導入、出荷又は移動を行った畜種の種類、羽数、健康状態
　・導入元、出荷先、移動先の農場等の名称
　・導入、出荷、移動の年月日</t>
    <phoneticPr fontId="4"/>
  </si>
  <si>
    <t>⑥飼養する家きんの羽数、日齢、異状の有無、異状がある場合にあっては、その症状並びに獣医師による診療結果及び投薬その他の処置の状況</t>
    <phoneticPr fontId="18"/>
  </si>
  <si>
    <r>
      <t xml:space="preserve">①飼養する家きんが特定症状を呈していることを従業員が発見したとき、当該家きんの所有者及び飼養衛生管理者の許可を得ず、直ちに家畜保健衛生所に通報することを規定したものを作成し、これを全従業員に周知徹底している。
</t>
    </r>
    <r>
      <rPr>
        <sz val="36"/>
        <color theme="1"/>
        <rFont val="ＭＳ 明朝"/>
        <family val="1"/>
        <charset val="128"/>
      </rPr>
      <t>〈周知方法の例〉
・飼養衛生管理マニュアル　・貼紙
※以下の資料を添付
　従業員が農林水産大臣の定める特定症状を確認した場合に家畜保健衛生所へ直ちに通報することを規定したものの写し</t>
    </r>
    <phoneticPr fontId="18"/>
  </si>
  <si>
    <r>
      <t xml:space="preserve">②家きん舎ごとに飼養衛生管理者を配置している。
</t>
    </r>
    <r>
      <rPr>
        <sz val="36"/>
        <rFont val="ＭＳ 明朝"/>
        <family val="1"/>
        <charset val="128"/>
      </rPr>
      <t>｢同一の者が複数の家きん舎を担当する場合には、衛生管理を行う家きんの羽数の合計が鶏及びうずらの場合は十万羽、あひる、きじ、エミュー、だちょう、ほろほろ鳥及び七面鳥の場合は一万羽を超えないこと。｣</t>
    </r>
    <rPh sb="76" eb="77">
      <t>ハネ</t>
    </rPh>
    <rPh sb="111" eb="112">
      <t>ハネ</t>
    </rPh>
    <phoneticPr fontId="18"/>
  </si>
  <si>
    <t xml:space="preserve">③大規模所有者のうち、特に家きんの羽数が多く監視伝染病が発生した場合の殺処分等に多大な時間を要すると都道府県知事が認める者は、以下の措置を行っている。
</t>
    <rPh sb="63" eb="65">
      <t>イカ</t>
    </rPh>
    <rPh sb="66" eb="68">
      <t>ソチ</t>
    </rPh>
    <rPh sb="69" eb="70">
      <t>オコナ</t>
    </rPh>
    <phoneticPr fontId="18"/>
  </si>
  <si>
    <t>（１）衛生管理区域及び人・車両・物等の動線の見直しにより、農場を分割して管理（以下、「分割管理」という。）することの導入について検討している。</t>
    <phoneticPr fontId="18"/>
  </si>
  <si>
    <t>（２）監視伝染病の発生に備えた対応計画（防疫措置の実施に関して所有者が行う人員、資機材等の準備及び家きんの死体の焼却又は埋却の実施に関する事項を含む。）を策定している。</t>
    <phoneticPr fontId="18"/>
  </si>
  <si>
    <t>●高病原性鳥インフルエンザ等の発生時の影響の緩和を図るため、分割管理に取り組む場合は、家畜保健衛生所の確認を受け、指導に従っている。</t>
    <rPh sb="1" eb="5">
      <t>コウビョウゲンセイ</t>
    </rPh>
    <rPh sb="5" eb="6">
      <t>トリ</t>
    </rPh>
    <rPh sb="13" eb="14">
      <t>トウ</t>
    </rPh>
    <rPh sb="15" eb="18">
      <t>ハッセイジ</t>
    </rPh>
    <rPh sb="19" eb="21">
      <t>エイキョウ</t>
    </rPh>
    <rPh sb="22" eb="24">
      <t>カンワ</t>
    </rPh>
    <rPh sb="25" eb="26">
      <t>ハカ</t>
    </rPh>
    <rPh sb="30" eb="32">
      <t>ブンカツ</t>
    </rPh>
    <rPh sb="32" eb="34">
      <t>カンリ</t>
    </rPh>
    <rPh sb="35" eb="36">
      <t>ト</t>
    </rPh>
    <rPh sb="37" eb="38">
      <t>ク</t>
    </rPh>
    <rPh sb="39" eb="41">
      <t>バアイ</t>
    </rPh>
    <rPh sb="43" eb="45">
      <t>カチク</t>
    </rPh>
    <rPh sb="45" eb="47">
      <t>ホケン</t>
    </rPh>
    <rPh sb="47" eb="49">
      <t>エイセイ</t>
    </rPh>
    <rPh sb="49" eb="50">
      <t>ジョ</t>
    </rPh>
    <rPh sb="51" eb="53">
      <t>カクニン</t>
    </rPh>
    <rPh sb="54" eb="55">
      <t>ウ</t>
    </rPh>
    <rPh sb="57" eb="59">
      <t>シドウ</t>
    </rPh>
    <rPh sb="60" eb="61">
      <t>シタガ</t>
    </rPh>
    <phoneticPr fontId="18"/>
  </si>
  <si>
    <t>家_4</t>
    <phoneticPr fontId="4"/>
  </si>
  <si>
    <r>
      <t xml:space="preserve">●家畜保健衛生所と緊密に連絡を行っている担当の獣医師又は診療施設を定め、定期的に当該獣医師又は診療施設から飼養する家きんの健康管理について指導を受けている。
</t>
    </r>
    <r>
      <rPr>
        <sz val="36"/>
        <rFont val="ＭＳ 明朝"/>
        <family val="1"/>
        <charset val="128"/>
      </rPr>
      <t>※診療施設に家畜保健衛生所を含む</t>
    </r>
    <phoneticPr fontId="18"/>
  </si>
  <si>
    <t>７　家畜伝染病の発生リスクの高まりに対する準備</t>
    <rPh sb="2" eb="7">
      <t>カチクデンセンビョウ</t>
    </rPh>
    <rPh sb="8" eb="10">
      <t>ハッセイ</t>
    </rPh>
    <rPh sb="14" eb="15">
      <t>タカ</t>
    </rPh>
    <rPh sb="18" eb="19">
      <t>タイ</t>
    </rPh>
    <rPh sb="21" eb="23">
      <t>ジュンビ</t>
    </rPh>
    <phoneticPr fontId="4"/>
  </si>
  <si>
    <t>●家きんの所有者は、高病原性鳥インフルエンザ及び低病原性鳥インフルエンザが過去に複数事例発生しているなど家畜伝染病の発生リスクが高まっているものとして農林水産大臣が指定する地域（以下、「大臣指定地域」という。）において追加措置を講じていることとなる10及び21について、平時からその取組内容を習熟している。</t>
    <rPh sb="22" eb="23">
      <t>オヨ</t>
    </rPh>
    <rPh sb="24" eb="28">
      <t>テイビョウゲンセイ</t>
    </rPh>
    <rPh sb="28" eb="29">
      <t>トリ</t>
    </rPh>
    <phoneticPr fontId="18"/>
  </si>
  <si>
    <t>10　消毒等の実施に備えた措置</t>
    <rPh sb="3" eb="6">
      <t>ショウドクトウ</t>
    </rPh>
    <rPh sb="7" eb="9">
      <t>ジッシ</t>
    </rPh>
    <rPh sb="10" eb="11">
      <t>ソナ</t>
    </rPh>
    <rPh sb="13" eb="15">
      <t>ソチ</t>
    </rPh>
    <phoneticPr fontId="4"/>
  </si>
  <si>
    <r>
      <t xml:space="preserve">●大臣指定地域にあっては、法第三十条（※）の規定に基づく消毒方法等を実施する場合に備え、消毒薬の備蓄その他の必要な準備措置を講じていること。
</t>
    </r>
    <r>
      <rPr>
        <sz val="36"/>
        <rFont val="ＭＳ 明朝"/>
        <family val="1"/>
        <charset val="128"/>
      </rPr>
      <t>※都道府県知事は、家畜伝染病のまん延を防止するため必要があるときは、区域を限り、家畜の所有者に対し、農林水産省令の定めるところにより、消毒方法、清潔方法又はねずみ、昆虫等の駆除方法を実施すべき旨を命ずることができる。</t>
    </r>
    <phoneticPr fontId="18"/>
  </si>
  <si>
    <t>21　農場周辺の状況把握</t>
    <rPh sb="3" eb="7">
      <t>ノウジョウシュウヘン</t>
    </rPh>
    <rPh sb="8" eb="12">
      <t>ジョウキョウハアク</t>
    </rPh>
    <phoneticPr fontId="18"/>
  </si>
  <si>
    <t>●大臣指定地域に所在する農場においては、農場周辺の野鳥の生息等の状況を把握し、農場内における野鳥誘引防止対策を実施するとともに、大臣指定地域内で講ずるべき野鳥誘引防止対策を検討している。</t>
    <rPh sb="81" eb="83">
      <t>ボウシ</t>
    </rPh>
    <phoneticPr fontId="18"/>
  </si>
  <si>
    <t>８　衛生管理区域の設定</t>
    <phoneticPr fontId="18"/>
  </si>
  <si>
    <r>
      <t xml:space="preserve">①農場に病原体の侵入及びまん延の防止を重点的に行う区域として衛生管理区域を設定し、衛生管理区域とそれ以外の区域とに分け、両区域の場所が明確に分かるようにしている。
</t>
    </r>
    <r>
      <rPr>
        <sz val="36"/>
        <color theme="1"/>
        <rFont val="ＭＳ 明朝"/>
        <family val="1"/>
        <charset val="128"/>
      </rPr>
      <t>〈衛生管理区域境界の明確化方法例〉
・消石灰帯　・柵　・ロープ　・三角コーン　・垣根（プランター）</t>
    </r>
    <phoneticPr fontId="18"/>
  </si>
  <si>
    <r>
      <t xml:space="preserve">②衛生管理区域は、家きん舎、家きんに直接接触する物品の保管場所並びに家きんに直接触れた者が消毒並びに衣服及び靴の交換を行わずに行動する範囲の全てを網羅している。
</t>
    </r>
    <r>
      <rPr>
        <sz val="36"/>
        <color theme="1"/>
        <rFont val="ＭＳ 明朝"/>
        <family val="1"/>
        <charset val="128"/>
      </rPr>
      <t>※家きん舎の他に、飼料給与、清掃、家きんの出荷及び死亡家きんの管理等の一連の作業に関連する農場内の敷地の全てを衛生管理区域とすること。</t>
    </r>
    <phoneticPr fontId="18"/>
  </si>
  <si>
    <t>③出入口の数を必要最小限とし、家きん、資材、死体等の持込み又は持出し場所を可能な限り衛生管理区域の境界に位置するよう設定している。</t>
    <phoneticPr fontId="18"/>
  </si>
  <si>
    <t>家_5</t>
    <phoneticPr fontId="4"/>
  </si>
  <si>
    <r>
      <t xml:space="preserve">●以下の（１）～（３）いずれかの措置を行っている。
</t>
    </r>
    <r>
      <rPr>
        <sz val="36"/>
        <color theme="1"/>
        <rFont val="ＭＳ 明朝"/>
        <family val="1"/>
        <charset val="128"/>
      </rPr>
      <t>※以下の（１）～（３）のいずれかの資料を添付
（１）死体の処理に必要な埋却地を確保している。
　ア 埋却用地の所在地
　イ 埋却用地が自己の所有する土地でない場合
　　 ・その所有者の氏名又は名称
　　 ・当該土地の利用に関する契約の内容
　ウ 埋却用地の面積・利用状況
　エ 農場から埋却用地までの距離
　オ 埋却用地の近隣住民その他の関係者への埋却の実施に関する説明の有無
　カ オの説明に対する当該関係者の承諾の有無
　キ その他埋却の的確かつ迅速な実施のため参考となる事項
（２）死体の処理に必要な焼却施設を確保している。
　ア 焼却施設の名称・所在地
　イ 農場から焼却施設までの距離
　ウ 焼却施設の近隣住民その他の関係者への焼却の実施に関する説明の有無
　エ ウの説明に対する当該関係者の承諾の有無
（３）埋却地・焼却施設の確保が困難な場合は、都道府県知事が講ずる土地の確保又は焼却若しくは化製のための施設若しくは機械の利用に係る措置について都道府県知事が求める取組を行っている。</t>
    </r>
    <phoneticPr fontId="18"/>
  </si>
  <si>
    <t>【記入欄】　※「できている」「一部できている」の場合は回答してください</t>
    <rPh sb="1" eb="3">
      <t>キニュウ</t>
    </rPh>
    <rPh sb="3" eb="4">
      <t>ラン</t>
    </rPh>
    <phoneticPr fontId="18"/>
  </si>
  <si>
    <t>12　愛玩動物の飼育禁止</t>
    <phoneticPr fontId="18"/>
  </si>
  <si>
    <t>13　密飼いの防止</t>
    <phoneticPr fontId="18"/>
  </si>
  <si>
    <r>
      <t xml:space="preserve">●家きんの健康に悪影響を及ぼすような過密な状態で家きんを飼養していない。
</t>
    </r>
    <r>
      <rPr>
        <sz val="36"/>
        <rFont val="ＭＳ 明朝"/>
        <family val="1"/>
        <charset val="128"/>
      </rPr>
      <t xml:space="preserve">※以下の資料を添付
家きん舎ごとの家畜の飼養密度（家畜の種類ごとに○㎡／羽）を記載した資料
</t>
    </r>
    <phoneticPr fontId="18"/>
  </si>
  <si>
    <t>14　飼養する家きんの健康観察</t>
    <rPh sb="3" eb="5">
      <t>シヨウ</t>
    </rPh>
    <rPh sb="7" eb="8">
      <t>カ</t>
    </rPh>
    <rPh sb="11" eb="15">
      <t>ケンコウカンサツ</t>
    </rPh>
    <phoneticPr fontId="4"/>
  </si>
  <si>
    <t>①毎日、飼養する家きんの健康観察（ふ化及び死亡の状況並びに異状の有無を含む。）を行っている。</t>
    <rPh sb="8" eb="9">
      <t>カ</t>
    </rPh>
    <rPh sb="18" eb="19">
      <t>カ</t>
    </rPh>
    <phoneticPr fontId="4"/>
  </si>
  <si>
    <t>②他の農場等から家きんを導入する場合には、導入元の農場等における家きんの伝染性疾病の発生状況、導入する家きんの健康状態の確認等を行い、健康な家きんを導入している。</t>
    <rPh sb="8" eb="9">
      <t>カ</t>
    </rPh>
    <rPh sb="32" eb="33">
      <t>カ</t>
    </rPh>
    <rPh sb="51" eb="52">
      <t>カ</t>
    </rPh>
    <rPh sb="70" eb="71">
      <t>カ</t>
    </rPh>
    <phoneticPr fontId="4"/>
  </si>
  <si>
    <r>
      <t xml:space="preserve">③導入した家きんが伝染病を疑う異状を示さないことを確認するまでの間、他の家きんと直接接触させないようにしている。
</t>
    </r>
    <r>
      <rPr>
        <sz val="36"/>
        <rFont val="ＭＳ 明朝"/>
        <family val="1"/>
        <charset val="128"/>
      </rPr>
      <t>〈隔離方法の例〉
・隔離ケージ　・オールアウト後の家きん舎</t>
    </r>
    <rPh sb="9" eb="12">
      <t>デンセンビョウ</t>
    </rPh>
    <rPh sb="13" eb="14">
      <t>ウタガ</t>
    </rPh>
    <rPh sb="18" eb="19">
      <t>シメ</t>
    </rPh>
    <rPh sb="80" eb="81">
      <t>ゴ</t>
    </rPh>
    <rPh sb="82" eb="83">
      <t>カ</t>
    </rPh>
    <rPh sb="85" eb="86">
      <t>シャ</t>
    </rPh>
    <phoneticPr fontId="4"/>
  </si>
  <si>
    <t>④家きんを出荷等により農場外へ移動させる場合には、移動の直前に当該家きんの健康状態を確認している。</t>
    <rPh sb="1" eb="2">
      <t>カ</t>
    </rPh>
    <rPh sb="33" eb="34">
      <t>カ</t>
    </rPh>
    <phoneticPr fontId="4"/>
  </si>
  <si>
    <t>Ⅱ　衛生管理区域への病原体の侵入防止</t>
    <phoneticPr fontId="18"/>
  </si>
  <si>
    <t>家_6</t>
    <phoneticPr fontId="4"/>
  </si>
  <si>
    <r>
      <t xml:space="preserve">●必要のない者を衛生管理区域に立ち入らせないようにしている。さらに、衛生管理区域に立ち入った者が飼養する家きんに接触する機会を最小限とするよう必要な措置を講じている。
</t>
    </r>
    <r>
      <rPr>
        <sz val="36"/>
        <color theme="1"/>
        <rFont val="ＭＳ 明朝"/>
        <family val="1"/>
        <charset val="128"/>
      </rPr>
      <t>※不特定かつ多数の者が立ち入ることが想定される施設（観光牧場等）において、衛生管理区域の出入口における手指及び靴の消毒等、病原体の持込み及び持出しを防止するための規則をあらかじめ作成し、家畜防疫員が適切なものであることを確認した場合は、この限りではない。</t>
    </r>
    <phoneticPr fontId="18"/>
  </si>
  <si>
    <r>
      <t>●当日に他の畜産関係施設等に立ち入った者（※）</t>
    </r>
    <r>
      <rPr>
        <sz val="42"/>
        <rFont val="ＭＳ 明朝"/>
        <family val="1"/>
        <charset val="128"/>
      </rPr>
      <t xml:space="preserve">又は過去一週間以内に海外から入国し、又は帰国した者を衛生管理区域に立ち入らせないようにしている。
</t>
    </r>
    <r>
      <rPr>
        <sz val="36"/>
        <rFont val="ＭＳ 明朝"/>
        <family val="1"/>
        <charset val="128"/>
      </rPr>
      <t>※農場の従事者、家畜防疫員、獣医師、飼料運搬業者等は除く。
※シャワーによる身体の洗浄その他必要な措置を講じた上で、やむを得ず立ち入る場合を除く。</t>
    </r>
    <rPh sb="23" eb="24">
      <t>マタ</t>
    </rPh>
    <rPh sb="110" eb="112">
      <t>カラダ</t>
    </rPh>
    <rPh sb="113" eb="115">
      <t>センジョウ</t>
    </rPh>
    <rPh sb="117" eb="118">
      <t>タ</t>
    </rPh>
    <rPh sb="118" eb="120">
      <t>ヒツヨウ</t>
    </rPh>
    <rPh sb="121" eb="123">
      <t>ソチ</t>
    </rPh>
    <rPh sb="124" eb="125">
      <t>コウ</t>
    </rPh>
    <rPh sb="127" eb="128">
      <t>ウエ</t>
    </rPh>
    <rPh sb="133" eb="134">
      <t>エ</t>
    </rPh>
    <rPh sb="135" eb="136">
      <t>タ</t>
    </rPh>
    <rPh sb="137" eb="138">
      <t>イ</t>
    </rPh>
    <rPh sb="139" eb="141">
      <t>バアイ</t>
    </rPh>
    <rPh sb="142" eb="143">
      <t>ノゾ</t>
    </rPh>
    <phoneticPr fontId="18"/>
  </si>
  <si>
    <t>□ 設置されたスプレー　　　□ 衛生管理区域専用の手袋の着用</t>
    <phoneticPr fontId="18"/>
  </si>
  <si>
    <t>18　衛生管理区域専用の衣服及び靴の設置並びに使用</t>
    <phoneticPr fontId="18"/>
  </si>
  <si>
    <t>家_7</t>
    <phoneticPr fontId="4"/>
  </si>
  <si>
    <r>
      <rPr>
        <sz val="42"/>
        <color theme="1"/>
        <rFont val="ＭＳ 明朝"/>
        <family val="1"/>
        <charset val="128"/>
      </rPr>
      <t xml:space="preserve">①衛生管理区域の入口付近に消毒設備を設置し、車両の消毒をさせている。
</t>
    </r>
    <r>
      <rPr>
        <sz val="36"/>
        <color theme="1"/>
        <rFont val="ＭＳ 明朝"/>
        <family val="1"/>
        <charset val="128"/>
      </rPr>
      <t>※立ち入る者が消毒機器を携行し、当該機器を使用して消毒している場合を除く。</t>
    </r>
  </si>
  <si>
    <t>□ 消石灰帯（幅：　　ｍ）</t>
    <rPh sb="3" eb="5">
      <t>セッカイ</t>
    </rPh>
    <phoneticPr fontId="18"/>
  </si>
  <si>
    <t>②衛生管理区域に車両を入れる者に対し、当該農場専用のフロアマットの使用その他の方法により、車内における交差汚染を防止するための措置を講じている。
〈措置の例〉
・農場専用のフロアマットの設置　・降車時にブーツカバーを使用</t>
    <phoneticPr fontId="18"/>
  </si>
  <si>
    <r>
      <t xml:space="preserve">●衛生管理区域の出口付近に消毒設備を設置し、退出する者に対し車両の消毒をさせている。
</t>
    </r>
    <r>
      <rPr>
        <sz val="36"/>
        <rFont val="ＭＳ 明朝"/>
        <family val="1"/>
        <charset val="128"/>
      </rPr>
      <t>※退出する者が消毒機器を携行し、当該機器を使用し消毒している場合を除く。</t>
    </r>
    <phoneticPr fontId="18"/>
  </si>
  <si>
    <t>【記入欄】　　※「できている」「一部できている」の場合は回答してください</t>
    <phoneticPr fontId="18"/>
  </si>
  <si>
    <t>20　他の畜産関係施設等で使用した物品などを衛生管理区域に持ち込む際の措置</t>
    <phoneticPr fontId="18"/>
  </si>
  <si>
    <r>
      <t>●他の畜産関係施設等で使用し、もしくは使用したおそれがある物品又は</t>
    </r>
    <r>
      <rPr>
        <sz val="42"/>
        <rFont val="ＭＳ 明朝"/>
        <family val="1"/>
        <charset val="128"/>
      </rPr>
      <t xml:space="preserve">過去二月以内に海外で使用した衣服及び靴は、原則、衛生管理区域内に持ち込んでいない。やむを得ず持ち込む場合には、洗浄、消毒その他の必要な措置を講じている。
</t>
    </r>
    <r>
      <rPr>
        <sz val="36"/>
        <rFont val="ＭＳ 明朝"/>
        <family val="1"/>
        <charset val="128"/>
      </rPr>
      <t>※他の畜産関係施設等で使用し、又は使用したおそれがある物品をやむを得ず持ち込む場合に必要な措置については飼養衛生管理マニュアルに記載する。</t>
    </r>
    <r>
      <rPr>
        <sz val="42"/>
        <rFont val="ＭＳ 明朝"/>
        <family val="1"/>
        <charset val="128"/>
      </rPr>
      <t xml:space="preserve">
</t>
    </r>
    <r>
      <rPr>
        <sz val="36"/>
        <rFont val="ＭＳ 明朝"/>
        <family val="1"/>
        <charset val="128"/>
      </rPr>
      <t>※過去二月以内に海外で使用した衣服及び靴をやむを得ず持ち込む場合に必要な措置については飼養衛生管理マニュアルに記載する。</t>
    </r>
    <rPh sb="29" eb="31">
      <t>ブッピン</t>
    </rPh>
    <rPh sb="31" eb="32">
      <t>マタ</t>
    </rPh>
    <rPh sb="33" eb="35">
      <t>カコ</t>
    </rPh>
    <rPh sb="35" eb="37">
      <t>フタツキ</t>
    </rPh>
    <rPh sb="37" eb="39">
      <t>イナイ</t>
    </rPh>
    <rPh sb="40" eb="42">
      <t>カイガイ</t>
    </rPh>
    <rPh sb="43" eb="45">
      <t>シヨウ</t>
    </rPh>
    <rPh sb="47" eb="49">
      <t>イフク</t>
    </rPh>
    <rPh sb="49" eb="50">
      <t>オヨ</t>
    </rPh>
    <rPh sb="51" eb="52">
      <t>クツ</t>
    </rPh>
    <phoneticPr fontId="18"/>
  </si>
  <si>
    <t>22　家きん舎に立ち入る者の手指消毒等</t>
    <phoneticPr fontId="18"/>
  </si>
  <si>
    <r>
      <t xml:space="preserve">●家きん舎の入口付近に消毒設備を設置し、立ち入る者に対し、家きん舎に出入りする際に手指の洗浄及び消毒をさせている。
</t>
    </r>
    <r>
      <rPr>
        <sz val="36"/>
        <rFont val="ＭＳ 明朝"/>
        <family val="1"/>
        <charset val="128"/>
      </rPr>
      <t>〈消毒設備の例〉
・設置されたスプレー　・家きん舎専用の手袋の着用
〈「該当しない」場合の例〉
畜舎と飼養衛生管理区域が同じ場合</t>
    </r>
    <phoneticPr fontId="18"/>
  </si>
  <si>
    <t>23　家きん舎ごと専用の靴の設置及び使用</t>
    <rPh sb="16" eb="17">
      <t>オヨ</t>
    </rPh>
    <phoneticPr fontId="18"/>
  </si>
  <si>
    <t>家_8</t>
    <phoneticPr fontId="4"/>
  </si>
  <si>
    <r>
      <t xml:space="preserve">①家きん舎ごとの専用の靴を設置し、家きん舎に入る者に対し、これらを着実に着用させている。
</t>
    </r>
    <r>
      <rPr>
        <sz val="36"/>
        <rFont val="ＭＳ 明朝"/>
        <family val="1"/>
        <charset val="128"/>
      </rPr>
      <t>〈設置及び使用するものの例〉</t>
    </r>
    <r>
      <rPr>
        <strike/>
        <sz val="36"/>
        <rFont val="ＭＳ 明朝"/>
        <family val="1"/>
        <charset val="128"/>
      </rPr>
      <t xml:space="preserve">
</t>
    </r>
    <r>
      <rPr>
        <sz val="36"/>
        <rFont val="ＭＳ 明朝"/>
        <family val="1"/>
        <charset val="128"/>
      </rPr>
      <t>　靴：専用靴、ブーツカバー</t>
    </r>
    <rPh sb="46" eb="48">
      <t>セッチ</t>
    </rPh>
    <rPh sb="48" eb="49">
      <t>オヨ</t>
    </rPh>
    <rPh sb="50" eb="52">
      <t>シヨウ</t>
    </rPh>
    <phoneticPr fontId="18"/>
  </si>
  <si>
    <t>②履替えを行う際に病原体が家きん舎に侵入することがないよう、着脱前後の靴をすのこ、分離板等で場所を離して保管している。さらに、履替え前後において利用する経路が交差しないよう一方通行とするなど必要な措置を講じている。</t>
    <phoneticPr fontId="18"/>
  </si>
  <si>
    <t>③家きん舎から家きん、堆肥等を搬出する際には、作業者の動線が家きん舎の内外で交差しないよう、家きん舎の内外で作業する者を分けている又は専用の靴の履替えその他の必要な措置を講じている。</t>
    <phoneticPr fontId="18"/>
  </si>
  <si>
    <r>
      <t>【記入欄】</t>
    </r>
    <r>
      <rPr>
        <sz val="42"/>
        <rFont val="ＭＳ 明朝"/>
        <family val="1"/>
        <charset val="128"/>
      </rPr>
      <t>　※「できている」「一部できている」の場合は回答してください</t>
    </r>
    <rPh sb="1" eb="3">
      <t>キニュウ</t>
    </rPh>
    <rPh sb="3" eb="4">
      <t>ラン</t>
    </rPh>
    <rPh sb="15" eb="17">
      <t>イチブ</t>
    </rPh>
    <rPh sb="24" eb="26">
      <t>バアイ</t>
    </rPh>
    <rPh sb="27" eb="29">
      <t>カイトウ</t>
    </rPh>
    <phoneticPr fontId="18"/>
  </si>
  <si>
    <t>□ 家きん舎の内外で作業する者を分けている　　□ 専用靴の履替え</t>
    <phoneticPr fontId="18"/>
  </si>
  <si>
    <t>④靴に排せつ物、汚泥等が付着した場合には、洗浄及び消毒を行っている。</t>
    <phoneticPr fontId="18"/>
  </si>
  <si>
    <t>24　器具の定期的な清掃又は消毒等</t>
    <phoneticPr fontId="18"/>
  </si>
  <si>
    <r>
      <t>●飼養管理に使用する器具</t>
    </r>
    <r>
      <rPr>
        <sz val="42"/>
        <rFont val="ＭＳ 明朝"/>
        <family val="1"/>
        <charset val="128"/>
      </rPr>
      <t>は家きん舎に持ち込む際に消毒するとともに清掃又は消毒を定期的にしている。</t>
    </r>
    <rPh sb="13" eb="14">
      <t>カ</t>
    </rPh>
    <rPh sb="16" eb="17">
      <t>シャ</t>
    </rPh>
    <rPh sb="18" eb="19">
      <t>モ</t>
    </rPh>
    <rPh sb="20" eb="21">
      <t>コ</t>
    </rPh>
    <rPh sb="22" eb="23">
      <t>サイ</t>
    </rPh>
    <rPh sb="24" eb="26">
      <t>ショウドク</t>
    </rPh>
    <phoneticPr fontId="18"/>
  </si>
  <si>
    <t>□ できている</t>
  </si>
  <si>
    <t>25　野生動物の侵入防止のためのネット等の設置、点検及び修繕</t>
    <phoneticPr fontId="18"/>
  </si>
  <si>
    <t>①野鳥等の野生動物の家きん舎、飼料保管庫、堆肥舎、死体保管庫及び調整池等の農場敷地内の水場等への侵入を防止することができる防鳥ネットその他の設備を設置している。</t>
    <rPh sb="30" eb="31">
      <t>オヨ</t>
    </rPh>
    <rPh sb="32" eb="34">
      <t>チョウセイ</t>
    </rPh>
    <rPh sb="34" eb="35">
      <t>イケ</t>
    </rPh>
    <rPh sb="35" eb="36">
      <t>トウ</t>
    </rPh>
    <rPh sb="37" eb="41">
      <t>ノウジョウシキチ</t>
    </rPh>
    <rPh sb="41" eb="42">
      <t>ナイ</t>
    </rPh>
    <rPh sb="43" eb="45">
      <t>ミズバ</t>
    </rPh>
    <phoneticPr fontId="18"/>
  </si>
  <si>
    <t>家きん舎内への侵入防止対策</t>
    <phoneticPr fontId="18"/>
  </si>
  <si>
    <t>□ 消石灰帯</t>
    <rPh sb="2" eb="5">
      <t>ショウセッカイ</t>
    </rPh>
    <rPh sb="5" eb="6">
      <t>オビ</t>
    </rPh>
    <phoneticPr fontId="18"/>
  </si>
  <si>
    <t>家_9</t>
    <phoneticPr fontId="4"/>
  </si>
  <si>
    <t>□ 焼却処理　　</t>
    <rPh sb="2" eb="4">
      <t>ショウキャク</t>
    </rPh>
    <phoneticPr fontId="18"/>
  </si>
  <si>
    <t>調整池等の農場敷地内の水場の対策</t>
    <rPh sb="0" eb="2">
      <t>チョウセイ</t>
    </rPh>
    <rPh sb="2" eb="3">
      <t>イケ</t>
    </rPh>
    <rPh sb="3" eb="4">
      <t>ナド</t>
    </rPh>
    <rPh sb="5" eb="10">
      <t>ノウジョウシキチナイ</t>
    </rPh>
    <rPh sb="11" eb="13">
      <t>ミズバ</t>
    </rPh>
    <rPh sb="14" eb="16">
      <t>タイサク</t>
    </rPh>
    <phoneticPr fontId="18"/>
  </si>
  <si>
    <t>□ 忌避テープ</t>
    <rPh sb="2" eb="4">
      <t>キヒ</t>
    </rPh>
    <phoneticPr fontId="4"/>
  </si>
  <si>
    <t>□ その他</t>
    <rPh sb="4" eb="5">
      <t>タ</t>
    </rPh>
    <phoneticPr fontId="4"/>
  </si>
  <si>
    <t>具体的な侵入防止対策</t>
    <rPh sb="0" eb="3">
      <t>グタイテキ</t>
    </rPh>
    <rPh sb="4" eb="6">
      <t>シンニュウ</t>
    </rPh>
    <rPh sb="6" eb="8">
      <t>ボウシ</t>
    </rPh>
    <rPh sb="8" eb="10">
      <t>タイサク</t>
    </rPh>
    <phoneticPr fontId="18"/>
  </si>
  <si>
    <r>
      <t>②定期的に当該設備</t>
    </r>
    <r>
      <rPr>
        <sz val="42"/>
        <rFont val="ＭＳ 明朝"/>
        <family val="1"/>
        <charset val="128"/>
      </rPr>
      <t>並びに当該設備が設置された家きん舎等の屋根及び壁面の破損状況を確認し、破損がある場合には、遅滞なくその破損箇所を修繕している。</t>
    </r>
    <rPh sb="9" eb="10">
      <t>ナラ</t>
    </rPh>
    <rPh sb="12" eb="16">
      <t>トウガイセツビ</t>
    </rPh>
    <rPh sb="17" eb="19">
      <t>セッチ</t>
    </rPh>
    <rPh sb="22" eb="23">
      <t>カ</t>
    </rPh>
    <rPh sb="25" eb="26">
      <t>シャ</t>
    </rPh>
    <rPh sb="26" eb="27">
      <t>トウ</t>
    </rPh>
    <rPh sb="28" eb="31">
      <t>ヤネオヨ</t>
    </rPh>
    <rPh sb="32" eb="34">
      <t>ヘキメン</t>
    </rPh>
    <phoneticPr fontId="18"/>
  </si>
  <si>
    <r>
      <t>26　給餌設備、給水設備</t>
    </r>
    <r>
      <rPr>
        <sz val="42"/>
        <rFont val="ＭＳ 明朝"/>
        <family val="1"/>
        <charset val="128"/>
      </rPr>
      <t>等への病原体による汚染の防止</t>
    </r>
    <rPh sb="15" eb="18">
      <t>ビョウゲンタイ</t>
    </rPh>
    <rPh sb="21" eb="23">
      <t>オセン</t>
    </rPh>
    <phoneticPr fontId="18"/>
  </si>
  <si>
    <t>家_10</t>
    <phoneticPr fontId="4"/>
  </si>
  <si>
    <t>①家きん舎の給餌設備及び給水設備並びに飼料の保管場所にねずみ、野鳥等の野生動物の排せつ物等が混入しないよう必要な措置を講じている。</t>
    <phoneticPr fontId="18"/>
  </si>
  <si>
    <t>②飼養する家きんには飲用に適した水を給与することとし、適さない水を給与する場合には、消毒して給与している。</t>
    <rPh sb="5" eb="6">
      <t>カ</t>
    </rPh>
    <phoneticPr fontId="4"/>
  </si>
  <si>
    <r>
      <t>□ 実施していない　　□ 実施している（　　回/年）　　　</t>
    </r>
    <r>
      <rPr>
        <sz val="42"/>
        <rFont val="ＭＳ 明朝"/>
        <family val="1"/>
        <charset val="128"/>
      </rPr>
      <t>□ 検査不要</t>
    </r>
    <rPh sb="31" eb="33">
      <t>ケンサ</t>
    </rPh>
    <phoneticPr fontId="18"/>
  </si>
  <si>
    <t>□ 殺鼠剤　　□ 粘着シート　</t>
    <rPh sb="3" eb="4">
      <t>ネズミ</t>
    </rPh>
    <rPh sb="4" eb="5">
      <t>ザイ</t>
    </rPh>
    <phoneticPr fontId="18"/>
  </si>
  <si>
    <r>
      <t>28　衛生管理区域内の整理整頓</t>
    </r>
    <r>
      <rPr>
        <sz val="42"/>
        <rFont val="ＭＳ 明朝"/>
        <family val="1"/>
        <charset val="128"/>
      </rPr>
      <t>、家きん舎等施設の清掃及び消毒</t>
    </r>
    <rPh sb="16" eb="17">
      <t>カ</t>
    </rPh>
    <rPh sb="19" eb="20">
      <t>シャ</t>
    </rPh>
    <rPh sb="20" eb="21">
      <t>トウ</t>
    </rPh>
    <rPh sb="21" eb="23">
      <t>シセツ</t>
    </rPh>
    <rPh sb="24" eb="26">
      <t>セイソウ</t>
    </rPh>
    <rPh sb="26" eb="27">
      <t>オヨ</t>
    </rPh>
    <phoneticPr fontId="18"/>
  </si>
  <si>
    <t>衛生管理区域内は、ねずみ等の野生動物の隠れられる場所をなくすとともに、病原体が残存しないようにするため、不要な資材等の処分、除草及び資材、機材等の整理整頓等並びに家きん舎その他の衛生管理区域内にある施設の清掃を行うとともに、敷地及び家きん舎等の施設を定期的に消毒している。</t>
    <rPh sb="81" eb="82">
      <t>カ</t>
    </rPh>
    <rPh sb="116" eb="117">
      <t>カ</t>
    </rPh>
    <rPh sb="119" eb="120">
      <t>シャ</t>
    </rPh>
    <phoneticPr fontId="18"/>
  </si>
  <si>
    <t>31　衛生管理区域から搬出する物品の消毒等</t>
    <phoneticPr fontId="18"/>
  </si>
  <si>
    <t>●衛生管理区域から家きんの排せつ物等が付着した又は付着したおそれのある物品をから持ち出す場合にあっては、洗浄、消毒その他の必要な措置を講じているとともに、家きんの死体又は排せつ物を持ち出す場合にあっては、漏出が生じないようにすること。</t>
    <rPh sb="1" eb="7">
      <t>エイセイカンリクイキ</t>
    </rPh>
    <rPh sb="77" eb="78">
      <t>カ</t>
    </rPh>
    <rPh sb="81" eb="83">
      <t>シタイ</t>
    </rPh>
    <rPh sb="83" eb="84">
      <t>マタ</t>
    </rPh>
    <rPh sb="85" eb="86">
      <t>ハイ</t>
    </rPh>
    <rPh sb="88" eb="89">
      <t>ブツ</t>
    </rPh>
    <rPh sb="90" eb="91">
      <t>モ</t>
    </rPh>
    <rPh sb="92" eb="93">
      <t>ダ</t>
    </rPh>
    <rPh sb="94" eb="96">
      <t>バアイ</t>
    </rPh>
    <rPh sb="102" eb="104">
      <t>ロウシュツ</t>
    </rPh>
    <rPh sb="105" eb="106">
      <t>ショウ</t>
    </rPh>
    <phoneticPr fontId="18"/>
  </si>
  <si>
    <t>32　特定症状が確認された場合の早期通報並びに出荷及び移動の停止</t>
    <phoneticPr fontId="18"/>
  </si>
  <si>
    <t>家_11</t>
    <phoneticPr fontId="4"/>
  </si>
  <si>
    <t>□ 該当しない</t>
    <phoneticPr fontId="18"/>
  </si>
  <si>
    <t>③（特定症状が確認された場合）農場からの家きん及びその死体、畜産物並びに排せつ物の出荷及び移動を行わないこととしている。</t>
    <phoneticPr fontId="18"/>
  </si>
  <si>
    <t>④（特定症状が確認された場合）衛生管理区域内にある物品を衛生管理区域外に持ち出さないこととしている。</t>
    <phoneticPr fontId="18"/>
  </si>
  <si>
    <t>33　特定症状以外の異状が確認された場合の出荷及び移動の停止</t>
    <phoneticPr fontId="18"/>
  </si>
  <si>
    <t>①特定症状以外の異状であって、家きんの死亡率の急激な上昇又は同様の症状を呈している家きんの増加が確認された場合には、直ちに獣医師の診療若しくは指導又は家畜保健衛生所の指導を受けている。</t>
    <phoneticPr fontId="18"/>
  </si>
  <si>
    <t>②（獣医師の診療若しくは指導又は家畜保健衛生所の指導があった場合）当該家きんが監視伝染病にかかっていないことが確認されるまでの間、農場からの家きんの出荷及び移動を行なっていない。</t>
    <phoneticPr fontId="18"/>
  </si>
  <si>
    <t>③（当該家きんが監視伝染病にかかっていることが確認された場合）家畜保健衛生所の指導に従うこととしている。</t>
    <phoneticPr fontId="18"/>
  </si>
  <si>
    <t>④（飼養する家きんにその他の特定症状以外の異状が確認された場合）速やかに獣医師の診療を受け、又は指導を求めている。</t>
    <phoneticPr fontId="18"/>
  </si>
  <si>
    <t>※　特定症状（対象とする家畜伝染病：高病原性鳥インフルエンザ又は低病原性鳥インフルエンザ）
①同一の家きん舎内において、一日の家きんの死亡率が対象期間（当日から遡って21日間）における平均の家きんの死亡率の二倍以上となること。ただし、家きんの飼養管理のための設備の故障、気温の急激な変化、火災、風水害その他の非常災害等高病原性鳥インフルエンザ以外の事情によるものであることが明らかな場合は、この限りでない。
②家きんに対して動物用生物学的製剤を使用した場合において、当該家きんにＡ型インフルエンザウイルスの抗原又はＡ型インフルエンザウイルスに対する抗体が確認されること。</t>
    <phoneticPr fontId="18"/>
  </si>
  <si>
    <t>２．飼養衛生管理基準の遵守状況及び遵守するための措置の実施状況
（４）馬の場合</t>
    <phoneticPr fontId="4"/>
  </si>
  <si>
    <t>※記載方法
・自らの農場に関する飼養衛生管理基準の遵守状況及び遵守するための措置の実施状況について、自己点検を行うこと。
・１から22までの各項目の設問に対し、自己点検の結果を元に「できている」、「一部できている」、「できていない」又は「該当しない」にチェックを付けること。
・「記入欄」がある設問には、措置の状況を記載又は該当する事項にチェックを付けること。　
・「一部できている」「できていない」と回答した項目については、記入欄に一部できている項目のうち、できていない部分の具体的な内容/今後の改善方針を記載すること。　　　　　　　　　　　　　　　　　　　　　　　　　　　　　　　　　　　　　　　　　　　　　　　　　　　　　　　　　</t>
    <phoneticPr fontId="4"/>
  </si>
  <si>
    <t xml:space="preserve"> </t>
    <phoneticPr fontId="4"/>
  </si>
  <si>
    <t>●飼養衛生管理基準の構成について
飼養衛生管理基準は全22項目あり、各項目を取組の目的ごとに以下のⅠ～Ⅳに体系化しながら、分類している。　　　　　　　　　　　　　　　　　　　　　　　　　　　　　　　　　　　　　　　　　　　　　　　　　　　　　　　　　　　　　　　　　　　　　　　　　　　　　　　　　　　　　　　　　　　　　　　　　　　　　　　　　　　　　　　　　　　　　　　　　　　　　　　　　　　　　　　　　　　　　　　　　　　　　　　　　　　　　　　　　　　　　　　　　　　　　　　　　　　　　　　　　　　　　　　　　　　　　　　　　　　　　　　　　　　　　　　　　　　</t>
    <phoneticPr fontId="4"/>
  </si>
  <si>
    <t>家畜防疫に関する基本的事項【項目１～7】</t>
    <rPh sb="0" eb="2">
      <t>カチク</t>
    </rPh>
    <rPh sb="2" eb="4">
      <t>ボウエキ</t>
    </rPh>
    <rPh sb="5" eb="6">
      <t>カン</t>
    </rPh>
    <rPh sb="8" eb="10">
      <t>キホン</t>
    </rPh>
    <rPh sb="10" eb="11">
      <t>テキ</t>
    </rPh>
    <rPh sb="11" eb="13">
      <t>ジコウ</t>
    </rPh>
    <rPh sb="14" eb="16">
      <t>コウモク</t>
    </rPh>
    <phoneticPr fontId="13"/>
  </si>
  <si>
    <t>衛生管理区域への病原体の侵入防止【項目８～12】</t>
    <rPh sb="0" eb="2">
      <t>エイセイ</t>
    </rPh>
    <rPh sb="2" eb="4">
      <t>カンリ</t>
    </rPh>
    <rPh sb="4" eb="6">
      <t>クイキ</t>
    </rPh>
    <rPh sb="8" eb="11">
      <t>ビョウゲンタイ</t>
    </rPh>
    <rPh sb="12" eb="14">
      <t>シンニュウ</t>
    </rPh>
    <rPh sb="14" eb="16">
      <t>ボウシ</t>
    </rPh>
    <rPh sb="17" eb="19">
      <t>コウモク</t>
    </rPh>
    <phoneticPr fontId="13"/>
  </si>
  <si>
    <t>衛生管理区域内における病原体による汚染拡大防止【項目13～18】</t>
    <rPh sb="0" eb="2">
      <t>エイセイ</t>
    </rPh>
    <rPh sb="2" eb="4">
      <t>カンリ</t>
    </rPh>
    <rPh sb="4" eb="6">
      <t>クイキ</t>
    </rPh>
    <rPh sb="6" eb="7">
      <t>ナイ</t>
    </rPh>
    <rPh sb="11" eb="14">
      <t>ビョウゲンタイ</t>
    </rPh>
    <rPh sb="17" eb="19">
      <t>オセン</t>
    </rPh>
    <rPh sb="19" eb="21">
      <t>カクダイ</t>
    </rPh>
    <rPh sb="21" eb="23">
      <t>ボウシ</t>
    </rPh>
    <rPh sb="24" eb="26">
      <t>コウモク</t>
    </rPh>
    <phoneticPr fontId="13"/>
  </si>
  <si>
    <t>衛生管理区域外への病原体の拡散防止【項目19～22】</t>
    <rPh sb="0" eb="2">
      <t>エイセイ</t>
    </rPh>
    <rPh sb="2" eb="4">
      <t>カンリ</t>
    </rPh>
    <rPh sb="4" eb="6">
      <t>クイキ</t>
    </rPh>
    <rPh sb="6" eb="7">
      <t>ソト</t>
    </rPh>
    <rPh sb="9" eb="12">
      <t>ビョウゲンタイ</t>
    </rPh>
    <rPh sb="13" eb="15">
      <t>カクサン</t>
    </rPh>
    <rPh sb="15" eb="17">
      <t>ボウシ</t>
    </rPh>
    <rPh sb="18" eb="20">
      <t>コウモク</t>
    </rPh>
    <phoneticPr fontId="13"/>
  </si>
  <si>
    <t>馬_2</t>
    <rPh sb="0" eb="1">
      <t>ウマ</t>
    </rPh>
    <phoneticPr fontId="4"/>
  </si>
  <si>
    <t>１　馬の所有者の責務</t>
    <rPh sb="2" eb="3">
      <t>ウマ</t>
    </rPh>
    <rPh sb="4" eb="7">
      <t>ショユウシャ</t>
    </rPh>
    <rPh sb="8" eb="10">
      <t>セキム</t>
    </rPh>
    <phoneticPr fontId="18"/>
  </si>
  <si>
    <r>
      <t xml:space="preserve">①関係法令を遵守している。
</t>
    </r>
    <r>
      <rPr>
        <sz val="36"/>
        <color theme="1"/>
        <rFont val="ＭＳ 明朝"/>
        <family val="1"/>
        <charset val="128"/>
      </rPr>
      <t>〈関係法令の例〉
・家畜伝染病予防法　・飼料の安全性の確保及び品質の改善に関する法律　・獣医師法
・家畜排せつ物の管理の適正化及び利用の促進に関する法律　・水質汚濁防止法　・悪臭防止法
・廃棄物の処理及び清掃に関する法律　・化製場等に関する法律　　
・医薬品、医療機器等の品質、有効性及び安全性の確保等に関する法律　</t>
    </r>
    <phoneticPr fontId="18"/>
  </si>
  <si>
    <r>
      <t xml:space="preserve">②農場の所在地域で飼養されている馬の所有者その他の関係者と協力して衛生管理の意識を高め、衛生管理を行っている。
</t>
    </r>
    <r>
      <rPr>
        <sz val="36"/>
        <color theme="1"/>
        <rFont val="ＭＳ 明朝"/>
        <family val="1"/>
        <charset val="128"/>
      </rPr>
      <t>〈協力者の例〉
・地域の他の馬の所有者（飼養衛生管理者）　・都道府県　・市町村　・関係団体　・地域自衛防疫団体</t>
    </r>
    <phoneticPr fontId="18"/>
  </si>
  <si>
    <r>
      <t xml:space="preserve">①必要事項を規定した飼養衛生管理マニュアルを獣医師等の専門家の意見を反映させて、作成している。
</t>
    </r>
    <r>
      <rPr>
        <sz val="36"/>
        <rFont val="ＭＳ 明朝"/>
        <family val="1"/>
        <charset val="128"/>
      </rPr>
      <t>※飼養衛生管理マニュアルの必要事項
（１）従事者が当該農場以外で行う動物の飼養及び狩猟における禁止事項
（２）海外渡航時及び帰国後の注意事項 
（３）海外からの肉製品の持込み（郵便物による持込みを含む。）に関する注意喚起
（４）衛生管理区域及びその出入口並びに消毒設備等の衛生対策設備の設置箇所を明示した農場の最新の防疫体制を確認できる平面図
（５）農場内への不適切な物品の持込みの禁止
（６）可能な限り、工具、機材等を農場内へ持ち込まないための取組
（７）持ち込む工具、機材、食品等の取扱い
（８）野生動物の衛生管理区域内への侵入防止
（９）手指、衣服、靴、物品、車両、施設等の洗浄及び消毒に関する具体的な方法、消毒薬の種類、作用時間及び乾燥時間等</t>
    </r>
    <r>
      <rPr>
        <strike/>
        <sz val="36"/>
        <rFont val="ＭＳ 明朝"/>
        <family val="1"/>
        <charset val="128"/>
      </rPr>
      <t xml:space="preserve">
</t>
    </r>
    <r>
      <rPr>
        <sz val="36"/>
        <rFont val="ＭＳ 明朝"/>
        <family val="1"/>
        <charset val="128"/>
      </rPr>
      <t xml:space="preserve">
※飼養衛生管理マニュアルの写しを添付</t>
    </r>
    <rPh sb="193" eb="195">
      <t>カショ</t>
    </rPh>
    <phoneticPr fontId="18"/>
  </si>
  <si>
    <t>②従事者及び外部事業者が飼養衛生管理マニュアルを遵守するよう、当該マニュアルを印字した冊子の配布、看板の設置その他の必要な措置を講じている。</t>
    <phoneticPr fontId="18"/>
  </si>
  <si>
    <t>③馬の伝染性疾病の発生の予防及びまん延の防止に関する情報を従事者及び外部事業者に周知徹底している。</t>
    <phoneticPr fontId="18"/>
  </si>
  <si>
    <t>４　記録の作成及び保管</t>
    <phoneticPr fontId="18"/>
  </si>
  <si>
    <t>馬_3</t>
    <phoneticPr fontId="4"/>
  </si>
  <si>
    <t>以下に掲げる事項に関する記録を作成し、少なくとも１年間保存している。</t>
    <phoneticPr fontId="18"/>
  </si>
  <si>
    <t>⑤・導入、出荷又は移動を行った馬の種類、頭数、健康状態
　・導入元、出荷先、移動先の農場等の名称
　・導入、出荷、移動の年月日</t>
    <rPh sb="15" eb="16">
      <t>ウマ</t>
    </rPh>
    <rPh sb="20" eb="21">
      <t>トウ</t>
    </rPh>
    <phoneticPr fontId="4"/>
  </si>
  <si>
    <t>⑥飼養する馬の頭数、月齢、異状の有無、異状がある場合にあっては、その症状並びに獣医師による診療結果及び投薬その他の処置の状況</t>
    <phoneticPr fontId="18"/>
  </si>
  <si>
    <t>５　獣医師等の健康管理指導</t>
    <phoneticPr fontId="18"/>
  </si>
  <si>
    <r>
      <t xml:space="preserve">●家畜保健衛生所と緊密に連絡を行っている担当の獣医師又は診療施設を定め、定期的に当該獣医師又は診療施設から飼養する馬の健康管理について指導を受けている。
</t>
    </r>
    <r>
      <rPr>
        <sz val="36"/>
        <rFont val="ＭＳ 明朝"/>
        <family val="1"/>
        <charset val="128"/>
      </rPr>
      <t>※診療施設に家畜保健衛生所を含む</t>
    </r>
    <phoneticPr fontId="18"/>
  </si>
  <si>
    <t>担当の診療施設の名称</t>
    <phoneticPr fontId="4"/>
  </si>
  <si>
    <t>６　衛生管理区域の設定</t>
    <phoneticPr fontId="18"/>
  </si>
  <si>
    <r>
      <t xml:space="preserve">②衛生管理区域は、厩舎、馬に直接接触する物品の保管場所並びに馬に直接触れた者が消毒並びに衣服及び靴の交換を行わずに行動する範囲の全てを網羅している。
</t>
    </r>
    <r>
      <rPr>
        <sz val="36"/>
        <color theme="1"/>
        <rFont val="ＭＳ 明朝"/>
        <family val="1"/>
        <charset val="128"/>
      </rPr>
      <t>※厩舎の他に、飼料給与、清掃、馬の出荷及び死亡馬の管理等の一連の作業に関連する農場内の敷地の全てを衛生管理区域とすること。</t>
    </r>
    <phoneticPr fontId="18"/>
  </si>
  <si>
    <t>③出入口の数を必要最小限とし、馬、資材、死体等の持込み又は持出し場所を可能な限り衛生管理区域の境界に位置するよう設定している。</t>
    <phoneticPr fontId="18"/>
  </si>
  <si>
    <t>７　飼養する馬の健康観察</t>
    <rPh sb="2" eb="4">
      <t>シヨウ</t>
    </rPh>
    <rPh sb="6" eb="7">
      <t>ウマ</t>
    </rPh>
    <rPh sb="8" eb="12">
      <t>ケンコウカンサツ</t>
    </rPh>
    <phoneticPr fontId="4"/>
  </si>
  <si>
    <t>馬_4</t>
    <phoneticPr fontId="4"/>
  </si>
  <si>
    <t>①毎日、飼養する馬の健康観察（出生及び死亡の状況並びに異状の有無を含む。）を行っている。</t>
    <rPh sb="8" eb="9">
      <t>ウマ</t>
    </rPh>
    <phoneticPr fontId="4"/>
  </si>
  <si>
    <t>②他の農場等から馬を導入する場合には、導入元の農場等における馬の伝染性疾病の発生状況、導入する馬の健康状態の確認等を行い、健康な馬を導入している。</t>
    <rPh sb="8" eb="9">
      <t>ウマ</t>
    </rPh>
    <rPh sb="30" eb="31">
      <t>ウマ</t>
    </rPh>
    <rPh sb="47" eb="48">
      <t>ウマ</t>
    </rPh>
    <rPh sb="64" eb="65">
      <t>ウマ</t>
    </rPh>
    <phoneticPr fontId="4"/>
  </si>
  <si>
    <r>
      <t xml:space="preserve">③導入した馬が伝染病を疑う異状を示さないことを確認するまでの間、他の馬と直接接触させないようにしている。
</t>
    </r>
    <r>
      <rPr>
        <sz val="36"/>
        <rFont val="ＭＳ 明朝"/>
        <family val="1"/>
        <charset val="128"/>
      </rPr>
      <t>〈隔離方法の例〉
・隔離厩舎　・隔離畜房</t>
    </r>
    <rPh sb="5" eb="6">
      <t>ウマ</t>
    </rPh>
    <rPh sb="7" eb="10">
      <t>デンセンビョウ</t>
    </rPh>
    <rPh sb="11" eb="12">
      <t>ウタガ</t>
    </rPh>
    <rPh sb="16" eb="17">
      <t>シメ</t>
    </rPh>
    <rPh sb="34" eb="35">
      <t>ウマ</t>
    </rPh>
    <rPh sb="65" eb="67">
      <t>キュウシャ</t>
    </rPh>
    <phoneticPr fontId="4"/>
  </si>
  <si>
    <t>④馬を出荷等により農場外へ移動させる場合には、移動の直前に当該馬の健康状態を確認している。</t>
    <rPh sb="1" eb="2">
      <t>ウマ</t>
    </rPh>
    <rPh sb="31" eb="32">
      <t>ウマ</t>
    </rPh>
    <phoneticPr fontId="4"/>
  </si>
  <si>
    <t>８　衛生管理区域への必要のない者の立入りの制限</t>
    <phoneticPr fontId="18"/>
  </si>
  <si>
    <r>
      <t xml:space="preserve">●必要のない者を衛生管理区域に立ち入らせないようにしている。さらに、衛生管理区域に立ち入った者が飼養する馬に接触する機会を最小限とするよう必要な措置を講じている。
</t>
    </r>
    <r>
      <rPr>
        <sz val="36"/>
        <color theme="1"/>
        <rFont val="ＭＳ 明朝"/>
        <family val="1"/>
        <charset val="128"/>
      </rPr>
      <t>※不特定かつ多数の者が立ち入ることが想定される施設（競馬場、乗馬施設等）において、衛生管理区域の出入口における手指及び靴の消毒等、病原体の持込み及び持出しを防止するための規則をあらかじめ作成し、家畜防疫員が適切なものであることを確認した場合は、この限りではない。</t>
    </r>
    <phoneticPr fontId="18"/>
  </si>
  <si>
    <t>９　他の馬の飼養施設等に立ち入った者等が衛生管理区域に立ち入る際の措置</t>
    <phoneticPr fontId="18"/>
  </si>
  <si>
    <r>
      <t>●当日に他の馬の飼養施設等に立ち入った者（※）</t>
    </r>
    <r>
      <rPr>
        <sz val="42"/>
        <rFont val="ＭＳ 明朝"/>
        <family val="1"/>
        <charset val="128"/>
      </rPr>
      <t xml:space="preserve">又は過去一週間以内に海外から入国し、又は帰国した者を衛生管理区域に立ち入らせないようにしている。
</t>
    </r>
    <r>
      <rPr>
        <sz val="36"/>
        <rFont val="ＭＳ 明朝"/>
        <family val="1"/>
        <charset val="128"/>
      </rPr>
      <t>※農場の従事者、家畜防疫員、獣医師、装蹄師、飼料運搬業者等は除く。</t>
    </r>
    <rPh sb="23" eb="24">
      <t>マタ</t>
    </rPh>
    <phoneticPr fontId="18"/>
  </si>
  <si>
    <t>10　衛生管理区域に立ち入る者の手指消毒等</t>
    <phoneticPr fontId="18"/>
  </si>
  <si>
    <t>19　衛生管理区域から退出する者の手指消毒等（Ⅳ　衛生管理区域外への病原体の拡散防止）</t>
    <phoneticPr fontId="18"/>
  </si>
  <si>
    <t>□ 項目10と同じ　　□ 設置されたスプレー　　　□ 衛生管理区域専用の手袋の着用</t>
    <phoneticPr fontId="18"/>
  </si>
  <si>
    <t>11　衛生管理区域に立ち入る車両の消毒等</t>
    <phoneticPr fontId="18"/>
  </si>
  <si>
    <t>馬_5</t>
    <phoneticPr fontId="4"/>
  </si>
  <si>
    <r>
      <t xml:space="preserve">●衛生管理区域の入口付近に消毒設備を設置し、車両の消毒をさせている。
</t>
    </r>
    <r>
      <rPr>
        <sz val="36"/>
        <color theme="1"/>
        <rFont val="ＭＳ 明朝"/>
        <family val="1"/>
        <charset val="128"/>
      </rPr>
      <t>※立ち入る者が消毒機器を携行し、当該機器を使用して消毒している場合を除く。</t>
    </r>
    <phoneticPr fontId="18"/>
  </si>
  <si>
    <t>□ 消石灰帯（幅：　　ｍ）</t>
  </si>
  <si>
    <t>20　衛生管理区域から退出する車両の消毒（Ⅳ　衛生管理区域外への病原体の拡散防止）</t>
    <phoneticPr fontId="18"/>
  </si>
  <si>
    <t>□ 項目11と同じ　　□ ゲート式車両消毒装置　　□ プール式車両消毒装置　　□ 動力噴霧器　　□ 蓄圧式噴霧器</t>
    <phoneticPr fontId="18"/>
  </si>
  <si>
    <t>12　他の馬の飼養施設等で使用した物品等を衛生管理区域に持ち込む際の措置</t>
    <rPh sb="5" eb="6">
      <t>ウマ</t>
    </rPh>
    <rPh sb="7" eb="9">
      <t>シヨウ</t>
    </rPh>
    <rPh sb="9" eb="11">
      <t>シセツ</t>
    </rPh>
    <rPh sb="11" eb="12">
      <t>トウ</t>
    </rPh>
    <rPh sb="13" eb="15">
      <t>シヨウ</t>
    </rPh>
    <rPh sb="17" eb="19">
      <t>ブッピン</t>
    </rPh>
    <rPh sb="19" eb="20">
      <t>トウ</t>
    </rPh>
    <rPh sb="21" eb="23">
      <t>エイセイ</t>
    </rPh>
    <rPh sb="23" eb="25">
      <t>カンリ</t>
    </rPh>
    <rPh sb="25" eb="27">
      <t>クイキ</t>
    </rPh>
    <rPh sb="28" eb="29">
      <t>モ</t>
    </rPh>
    <rPh sb="30" eb="31">
      <t>コ</t>
    </rPh>
    <rPh sb="32" eb="33">
      <t>サイ</t>
    </rPh>
    <rPh sb="34" eb="36">
      <t>ソチ</t>
    </rPh>
    <phoneticPr fontId="18"/>
  </si>
  <si>
    <r>
      <t xml:space="preserve">●他の馬の飼養施設等で使用し、又は使用したおそれがある物品及び過去二月以内に海外で使用した衣服及び靴は、原則、衛生管理区域内に持ち込んでいない。やむを得ず持ち込む場合には、洗浄、消毒その他の必要な措置を講じている。
</t>
    </r>
    <r>
      <rPr>
        <sz val="36"/>
        <rFont val="ＭＳ 明朝"/>
        <family val="1"/>
        <charset val="128"/>
      </rPr>
      <t>※他の馬の飼養施設等で使用し、又は使用したおそれがある物品をやむを得ず持ち込む場合に必要な措置については飼養衛生管理マニュアルに記載する。</t>
    </r>
    <r>
      <rPr>
        <sz val="42"/>
        <rFont val="ＭＳ 明朝"/>
        <family val="1"/>
        <charset val="128"/>
      </rPr>
      <t xml:space="preserve">
</t>
    </r>
    <r>
      <rPr>
        <sz val="36"/>
        <rFont val="ＭＳ 明朝"/>
        <family val="1"/>
        <charset val="128"/>
      </rPr>
      <t>※過去二月以内に海外で使用した衣服及び靴をやむを得ず持ち込む場合に必要な措置については飼養衛生管理マニュアルに記載する。</t>
    </r>
    <rPh sb="29" eb="30">
      <t>オヨ</t>
    </rPh>
    <rPh sb="31" eb="33">
      <t>カコ</t>
    </rPh>
    <rPh sb="33" eb="35">
      <t>フタツキ</t>
    </rPh>
    <rPh sb="35" eb="37">
      <t>イナイ</t>
    </rPh>
    <rPh sb="38" eb="40">
      <t>カイガイ</t>
    </rPh>
    <rPh sb="41" eb="43">
      <t>シヨウ</t>
    </rPh>
    <rPh sb="45" eb="47">
      <t>イフク</t>
    </rPh>
    <rPh sb="47" eb="48">
      <t>オヨ</t>
    </rPh>
    <rPh sb="49" eb="50">
      <t>クツ</t>
    </rPh>
    <rPh sb="111" eb="112">
      <t>ウマ</t>
    </rPh>
    <rPh sb="179" eb="181">
      <t>カコ</t>
    </rPh>
    <rPh sb="181" eb="183">
      <t>フタツキ</t>
    </rPh>
    <rPh sb="183" eb="185">
      <t>イナイ</t>
    </rPh>
    <rPh sb="186" eb="188">
      <t>カイガイ</t>
    </rPh>
    <rPh sb="189" eb="191">
      <t>シヨウ</t>
    </rPh>
    <rPh sb="193" eb="195">
      <t>イフク</t>
    </rPh>
    <rPh sb="195" eb="196">
      <t>オヨ</t>
    </rPh>
    <rPh sb="197" eb="198">
      <t>クツ</t>
    </rPh>
    <rPh sb="202" eb="203">
      <t>エ</t>
    </rPh>
    <rPh sb="204" eb="205">
      <t>モ</t>
    </rPh>
    <rPh sb="206" eb="207">
      <t>コ</t>
    </rPh>
    <rPh sb="208" eb="210">
      <t>バアイ</t>
    </rPh>
    <rPh sb="211" eb="213">
      <t>ヒツヨウ</t>
    </rPh>
    <rPh sb="214" eb="216">
      <t>ソチ</t>
    </rPh>
    <rPh sb="221" eb="227">
      <t>シヨウエイセイカンリ</t>
    </rPh>
    <rPh sb="233" eb="235">
      <t>キサイ</t>
    </rPh>
    <phoneticPr fontId="18"/>
  </si>
  <si>
    <t>13　厩舎に立ち入る者の手指消毒等</t>
    <phoneticPr fontId="18"/>
  </si>
  <si>
    <r>
      <t xml:space="preserve">●厩舎の入口付近に消毒設備を設置し、立ち入る者に対し、厩舎に出入りする際に手指の洗浄及び消毒をさせている。
</t>
    </r>
    <r>
      <rPr>
        <sz val="36"/>
        <rFont val="ＭＳ 明朝"/>
        <family val="1"/>
        <charset val="128"/>
      </rPr>
      <t>〈消毒設備の例〉
・設置されたスプレー　　・厩舎専用の手袋の着用</t>
    </r>
    <r>
      <rPr>
        <sz val="42"/>
        <rFont val="ＭＳ 明朝"/>
        <family val="1"/>
        <charset val="128"/>
      </rPr>
      <t xml:space="preserve">
</t>
    </r>
    <r>
      <rPr>
        <sz val="36"/>
        <rFont val="ＭＳ 明朝"/>
        <family val="1"/>
        <charset val="128"/>
      </rPr>
      <t>〈「該当しない」場合の例〉
畜舎と飼養衛生管理区域が同じ場合</t>
    </r>
    <phoneticPr fontId="18"/>
  </si>
  <si>
    <t>14　厩舎の入口における靴の交換又は消毒</t>
    <phoneticPr fontId="18"/>
  </si>
  <si>
    <r>
      <t xml:space="preserve">①厩舎ごとの専用の靴を設置し、厩舎に入る者に対し、これらを着実に着用させている又は靴の消毒をさせている。
</t>
    </r>
    <r>
      <rPr>
        <sz val="36"/>
        <color theme="1"/>
        <rFont val="ＭＳ 明朝"/>
        <family val="1"/>
        <charset val="128"/>
      </rPr>
      <t>〈着用又は消毒設備の例〉</t>
    </r>
    <r>
      <rPr>
        <strike/>
        <sz val="36"/>
        <color rgb="FFFF0000"/>
        <rFont val="ＭＳ 明朝"/>
        <family val="1"/>
        <charset val="128"/>
      </rPr>
      <t xml:space="preserve">
</t>
    </r>
    <r>
      <rPr>
        <sz val="36"/>
        <color theme="1"/>
        <rFont val="ＭＳ 明朝"/>
        <family val="1"/>
        <charset val="128"/>
      </rPr>
      <t>　靴：　　専用靴、ブーツカバー、（消毒の場合）踏込消毒槽</t>
    </r>
    <phoneticPr fontId="18"/>
  </si>
  <si>
    <t>②靴に排せつ物、汚泥等が付着した場合には、洗浄及び消毒を行っている。</t>
    <phoneticPr fontId="18"/>
  </si>
  <si>
    <t>15　器具の定期的な清掃又は消毒等</t>
    <phoneticPr fontId="18"/>
  </si>
  <si>
    <t>馬_6</t>
    <phoneticPr fontId="4"/>
  </si>
  <si>
    <r>
      <t>●飼養管理に使用する器具は</t>
    </r>
    <r>
      <rPr>
        <sz val="42"/>
        <rFont val="ＭＳ 明朝"/>
        <family val="1"/>
        <charset val="128"/>
      </rPr>
      <t>厩舎に持ち込む際に消毒するとともに、清掃又は消毒を定期的にしている。</t>
    </r>
    <rPh sb="13" eb="15">
      <t>キュウシャ</t>
    </rPh>
    <rPh sb="16" eb="17">
      <t>モ</t>
    </rPh>
    <rPh sb="18" eb="19">
      <t>コ</t>
    </rPh>
    <rPh sb="20" eb="21">
      <t>サイ</t>
    </rPh>
    <rPh sb="22" eb="24">
      <t>ショウドク</t>
    </rPh>
    <phoneticPr fontId="18"/>
  </si>
  <si>
    <t>16　野生動物の侵入防止のための死体の適正な保管</t>
    <phoneticPr fontId="18"/>
  </si>
  <si>
    <t>●馬の死体を保管する場合には、その保管場所への野生動物の侵入を防止するための措置を講じている。</t>
    <phoneticPr fontId="18"/>
  </si>
  <si>
    <r>
      <t>17　給餌設備、給水設備等</t>
    </r>
    <r>
      <rPr>
        <sz val="42"/>
        <rFont val="ＭＳ 明朝"/>
        <family val="1"/>
        <charset val="128"/>
      </rPr>
      <t>の病原体による汚染の防止</t>
    </r>
    <rPh sb="14" eb="17">
      <t>ビョウゲンタイ</t>
    </rPh>
    <rPh sb="20" eb="22">
      <t>オセン</t>
    </rPh>
    <phoneticPr fontId="18"/>
  </si>
  <si>
    <t>①厩舎の給餌設備及び給水設備並びに飼料の保管場所にねずみ、野鳥等の野生動物の排せつ物等が混入しないよう必要な措置を講じている。</t>
    <phoneticPr fontId="18"/>
  </si>
  <si>
    <t>②飼養する馬には飲用に適した水を給与することとし、適さない水を給与する場合には、消毒して給与している。</t>
    <phoneticPr fontId="18"/>
  </si>
  <si>
    <t>□ 実施していない　　□ 実施している（　　回/年）　　　□ 検査不要</t>
    <rPh sb="31" eb="33">
      <t>ケンサ</t>
    </rPh>
    <rPh sb="33" eb="35">
      <t>フヨウ</t>
    </rPh>
    <phoneticPr fontId="18"/>
  </si>
  <si>
    <t>□ 実施していない　　□ 実施している　　□ 消毒不要</t>
    <rPh sb="23" eb="27">
      <t>ショウドクフヨウ</t>
    </rPh>
    <phoneticPr fontId="18"/>
  </si>
  <si>
    <r>
      <t>18　衛生管理区域内の整理整頓</t>
    </r>
    <r>
      <rPr>
        <sz val="42"/>
        <rFont val="ＭＳ 明朝"/>
        <family val="1"/>
        <charset val="128"/>
      </rPr>
      <t>、厩舎等施設の清掃及び消毒</t>
    </r>
    <rPh sb="16" eb="18">
      <t>キュウシャ</t>
    </rPh>
    <rPh sb="18" eb="19">
      <t>トウ</t>
    </rPh>
    <rPh sb="19" eb="21">
      <t>シセツ</t>
    </rPh>
    <rPh sb="22" eb="24">
      <t>セイソウ</t>
    </rPh>
    <phoneticPr fontId="18"/>
  </si>
  <si>
    <t>衛生管理区域内は、ねずみ等の野生動物の隠れられる場所をなくすとともに、病原体が残存しないようにするため、不要な資材等の処分、除草及び資材、機材等の整理整頓等並びに厩舎その他の衛生管理区域内にある施設の清掃を行うとともに、敷地及び厩舎等の施設を定期的に消毒している。</t>
    <rPh sb="81" eb="83">
      <t>キュウシャ</t>
    </rPh>
    <rPh sb="114" eb="116">
      <t>キュウシャ</t>
    </rPh>
    <phoneticPr fontId="18"/>
  </si>
  <si>
    <t>馬_7</t>
    <phoneticPr fontId="4"/>
  </si>
  <si>
    <t>21　衛生管理区域から搬出する物品の消毒等</t>
    <phoneticPr fontId="18"/>
  </si>
  <si>
    <r>
      <t>●</t>
    </r>
    <r>
      <rPr>
        <sz val="42"/>
        <rFont val="ＭＳ 明朝"/>
        <family val="1"/>
        <charset val="128"/>
      </rPr>
      <t>衛生管理区域から、馬の排せつ物等の付着した又は付着したおそれのある物品を持ち出す場合にあっては、洗浄、消毒その他の必要な措置を講じているるとともに、馬の死体又は排せつ物を持ち出すにあっては、漏出が生じないようにすること。</t>
    </r>
    <rPh sb="75" eb="76">
      <t>ウマ</t>
    </rPh>
    <rPh sb="77" eb="79">
      <t>シタイ</t>
    </rPh>
    <rPh sb="79" eb="80">
      <t>マタ</t>
    </rPh>
    <rPh sb="81" eb="82">
      <t>ハイ</t>
    </rPh>
    <rPh sb="84" eb="85">
      <t>ブツ</t>
    </rPh>
    <rPh sb="86" eb="87">
      <t>モ</t>
    </rPh>
    <rPh sb="88" eb="89">
      <t>ダ</t>
    </rPh>
    <rPh sb="96" eb="98">
      <t>ロウシュツ</t>
    </rPh>
    <rPh sb="99" eb="100">
      <t>ショウ</t>
    </rPh>
    <phoneticPr fontId="18"/>
  </si>
  <si>
    <t>22　異状が確認された場合の出荷及び移動の停止</t>
    <phoneticPr fontId="18"/>
  </si>
  <si>
    <t>①馬の死亡率の急激な上昇又は同様の症状を呈している馬の増加が確認された場合には、直ちに獣医師の診療若しくは指導又は家畜保健衛生所の指導を受けている。</t>
    <phoneticPr fontId="18"/>
  </si>
  <si>
    <t>②（獣医師の診療若しくは指導又は家畜保健衛生所の指導があった場合）当該馬が監視伝染病にかかっていないことが確認されるまでの間、農場からの馬の出荷及び移動を行なっていない。</t>
    <phoneticPr fontId="18"/>
  </si>
  <si>
    <t>③（当該馬が監視伝染病にかかっていることが確認された場合）家畜保健衛生所の指導に従うこととしている。</t>
    <phoneticPr fontId="18"/>
  </si>
  <si>
    <t>④（飼養する馬にその他の異状が確認された場合）速やかに獣医師の診療を受け、又は指導を求めている。</t>
    <phoneticPr fontId="1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4" x14ac:knownFonts="1">
    <font>
      <sz val="11"/>
      <color theme="1"/>
      <name val="ＭＳ Ｐゴシック"/>
      <family val="2"/>
      <charset val="128"/>
      <scheme val="minor"/>
    </font>
    <font>
      <sz val="11"/>
      <name val="ＭＳ Ｐゴシック"/>
      <family val="3"/>
      <charset val="128"/>
    </font>
    <font>
      <b/>
      <sz val="60"/>
      <color theme="1"/>
      <name val="ＭＳ 明朝"/>
      <family val="1"/>
    </font>
    <font>
      <sz val="6"/>
      <name val="ＭＳ 明朝"/>
      <family val="2"/>
      <charset val="128"/>
    </font>
    <font>
      <sz val="6"/>
      <name val="ＭＳ Ｐゴシック"/>
      <family val="2"/>
      <charset val="128"/>
      <scheme val="minor"/>
    </font>
    <font>
      <u/>
      <sz val="12"/>
      <color theme="1"/>
      <name val="ＭＳ 明朝"/>
      <family val="1"/>
    </font>
    <font>
      <u/>
      <sz val="12"/>
      <name val="ＭＳ 明朝"/>
      <family val="1"/>
    </font>
    <font>
      <sz val="12"/>
      <name val="ＭＳ 明朝"/>
      <family val="1"/>
    </font>
    <font>
      <sz val="48"/>
      <name val="ＭＳ 明朝"/>
      <family val="1"/>
    </font>
    <font>
      <sz val="48"/>
      <name val="ＭＳ 明朝"/>
      <family val="1"/>
      <charset val="128"/>
    </font>
    <font>
      <sz val="48"/>
      <color theme="1"/>
      <name val="ＭＳ 明朝"/>
      <family val="1"/>
    </font>
    <font>
      <sz val="36"/>
      <color theme="1"/>
      <name val="ＭＳ 明朝"/>
      <family val="1"/>
    </font>
    <font>
      <sz val="42"/>
      <color theme="1"/>
      <name val="ＭＳ 明朝"/>
      <family val="1"/>
    </font>
    <font>
      <sz val="6"/>
      <name val="ＭＳ Ｐゴシック"/>
      <family val="2"/>
      <charset val="128"/>
    </font>
    <font>
      <sz val="42"/>
      <name val="ＭＳ 明朝"/>
      <family val="1"/>
    </font>
    <font>
      <sz val="42"/>
      <name val="ＭＳ 明朝"/>
      <family val="1"/>
      <charset val="128"/>
    </font>
    <font>
      <u/>
      <sz val="42"/>
      <color theme="1"/>
      <name val="ＭＳ 明朝"/>
      <family val="1"/>
    </font>
    <font>
      <u/>
      <sz val="42"/>
      <name val="ＭＳ 明朝"/>
      <family val="1"/>
    </font>
    <font>
      <sz val="6"/>
      <name val="ＭＳ Ｐゴシック"/>
      <family val="3"/>
      <charset val="128"/>
    </font>
    <font>
      <sz val="12"/>
      <color theme="1"/>
      <name val="ＭＳ 明朝"/>
      <family val="1"/>
    </font>
    <font>
      <b/>
      <sz val="60"/>
      <name val="ＭＳ 明朝"/>
      <family val="1"/>
      <charset val="128"/>
    </font>
    <font>
      <b/>
      <sz val="42"/>
      <color theme="1"/>
      <name val="ＭＳ Ｐゴシック"/>
      <family val="3"/>
      <charset val="128"/>
    </font>
    <font>
      <sz val="28"/>
      <color theme="1"/>
      <name val="ＭＳ 明朝"/>
      <family val="1"/>
    </font>
    <font>
      <sz val="36"/>
      <name val="ＭＳ 明朝"/>
      <family val="1"/>
    </font>
    <font>
      <b/>
      <sz val="60"/>
      <name val="ＭＳ 明朝"/>
      <family val="1"/>
    </font>
    <font>
      <sz val="36"/>
      <name val="ＭＳ 明朝"/>
      <family val="1"/>
      <charset val="128"/>
    </font>
    <font>
      <u/>
      <sz val="12"/>
      <color theme="1"/>
      <name val="ＭＳ 明朝"/>
      <family val="1"/>
      <charset val="128"/>
    </font>
    <font>
      <u/>
      <sz val="12"/>
      <name val="ＭＳ 明朝"/>
      <family val="1"/>
      <charset val="128"/>
    </font>
    <font>
      <sz val="12"/>
      <name val="ＭＳ 明朝"/>
      <family val="1"/>
      <charset val="128"/>
    </font>
    <font>
      <sz val="24"/>
      <color theme="1"/>
      <name val="HG丸ｺﾞｼｯｸM-PRO"/>
      <family val="3"/>
      <charset val="128"/>
    </font>
    <font>
      <sz val="36"/>
      <color theme="1"/>
      <name val="ＭＳ 明朝"/>
      <family val="1"/>
      <charset val="128"/>
    </font>
    <font>
      <sz val="22"/>
      <color theme="1"/>
      <name val="HG丸ｺﾞｼｯｸM-PRO"/>
      <family val="3"/>
      <charset val="128"/>
    </font>
    <font>
      <sz val="42"/>
      <color theme="1"/>
      <name val="ＭＳ 明朝"/>
      <family val="1"/>
      <charset val="128"/>
    </font>
    <font>
      <strike/>
      <sz val="42"/>
      <color theme="1"/>
      <name val="ＭＳ 明朝"/>
      <family val="1"/>
    </font>
    <font>
      <strike/>
      <sz val="42"/>
      <name val="ＭＳ 明朝"/>
      <family val="1"/>
    </font>
    <font>
      <sz val="42"/>
      <name val="ＭＳ Ｐゴシック"/>
      <family val="3"/>
      <charset val="128"/>
    </font>
    <font>
      <sz val="42"/>
      <color theme="1"/>
      <name val="ＭＳ Ｐゴシック"/>
      <family val="3"/>
      <charset val="128"/>
    </font>
    <font>
      <sz val="22"/>
      <name val="ＭＳ Ｐゴシック"/>
      <family val="3"/>
      <charset val="128"/>
    </font>
    <font>
      <sz val="24"/>
      <name val="ＭＳ Ｐゴシック"/>
      <family val="3"/>
      <charset val="128"/>
    </font>
    <font>
      <sz val="22"/>
      <name val="HG丸ｺﾞｼｯｸM-PRO"/>
      <family val="3"/>
      <charset val="128"/>
    </font>
    <font>
      <sz val="22"/>
      <color theme="1"/>
      <name val="ＭＳ 明朝"/>
      <family val="1"/>
    </font>
    <font>
      <sz val="22"/>
      <name val="ＭＳ 明朝"/>
      <family val="1"/>
    </font>
    <font>
      <sz val="12"/>
      <color rgb="FFFF0000"/>
      <name val="ＭＳ 明朝"/>
      <family val="1"/>
      <charset val="128"/>
    </font>
    <font>
      <sz val="12"/>
      <color theme="1"/>
      <name val="ＭＳ 明朝"/>
      <family val="1"/>
      <charset val="128"/>
    </font>
    <font>
      <b/>
      <sz val="60"/>
      <color theme="1"/>
      <name val="ＭＳ 明朝"/>
      <family val="1"/>
      <charset val="128"/>
    </font>
    <font>
      <sz val="48"/>
      <color theme="1"/>
      <name val="ＭＳ 明朝"/>
      <family val="1"/>
      <charset val="128"/>
    </font>
    <font>
      <u/>
      <sz val="42"/>
      <name val="ＭＳ 明朝"/>
      <family val="1"/>
      <charset val="128"/>
    </font>
    <font>
      <b/>
      <sz val="42"/>
      <name val="ＭＳ 明朝"/>
      <family val="1"/>
      <charset val="128"/>
    </font>
    <font>
      <b/>
      <sz val="36"/>
      <color theme="1"/>
      <name val="ＭＳ 明朝"/>
      <family val="1"/>
      <charset val="128"/>
    </font>
    <font>
      <strike/>
      <sz val="42"/>
      <color theme="1"/>
      <name val="ＭＳ 明朝"/>
      <family val="1"/>
      <charset val="128"/>
    </font>
    <font>
      <strike/>
      <sz val="42"/>
      <name val="ＭＳ 明朝"/>
      <family val="1"/>
      <charset val="128"/>
    </font>
    <font>
      <sz val="42"/>
      <color rgb="FFFF0000"/>
      <name val="ＭＳ 明朝"/>
      <family val="1"/>
    </font>
    <font>
      <sz val="24"/>
      <name val="HG丸ｺﾞｼｯｸM-PRO"/>
      <family val="3"/>
      <charset val="128"/>
    </font>
    <font>
      <strike/>
      <sz val="42"/>
      <color theme="1"/>
      <name val="ＭＳ Ｐゴシック"/>
      <family val="3"/>
      <charset val="128"/>
    </font>
    <font>
      <strike/>
      <sz val="24"/>
      <color theme="1"/>
      <name val="ＭＳ Ｐゴシック"/>
      <family val="3"/>
      <charset val="128"/>
    </font>
    <font>
      <strike/>
      <sz val="42"/>
      <name val="ＭＳ Ｐゴシック"/>
      <family val="3"/>
      <charset val="128"/>
    </font>
    <font>
      <sz val="22"/>
      <name val="ＭＳ 明朝"/>
      <family val="1"/>
      <charset val="128"/>
    </font>
    <font>
      <sz val="36"/>
      <color rgb="FFFF0000"/>
      <name val="ＭＳ 明朝"/>
      <family val="1"/>
      <charset val="128"/>
    </font>
    <font>
      <b/>
      <sz val="42"/>
      <color theme="0"/>
      <name val="ＭＳ Ｐゴシック"/>
      <family val="3"/>
      <charset val="128"/>
    </font>
    <font>
      <sz val="42"/>
      <color rgb="FFFF0000"/>
      <name val="ＭＳ 明朝"/>
      <family val="1"/>
      <charset val="128"/>
    </font>
    <font>
      <strike/>
      <sz val="36"/>
      <name val="ＭＳ 明朝"/>
      <family val="1"/>
      <charset val="128"/>
    </font>
    <font>
      <strike/>
      <sz val="24"/>
      <name val="ＭＳ Ｐゴシック"/>
      <family val="3"/>
      <charset val="128"/>
    </font>
    <font>
      <sz val="24"/>
      <color rgb="FFFF0000"/>
      <name val="HG丸ｺﾞｼｯｸM-PRO"/>
      <family val="3"/>
      <charset val="128"/>
    </font>
    <font>
      <strike/>
      <sz val="36"/>
      <color rgb="FFFF0000"/>
      <name val="ＭＳ 明朝"/>
      <family val="1"/>
      <charset val="128"/>
    </font>
  </fonts>
  <fills count="9">
    <fill>
      <patternFill patternType="none"/>
    </fill>
    <fill>
      <patternFill patternType="gray125"/>
    </fill>
    <fill>
      <patternFill patternType="solid">
        <fgColor theme="0"/>
        <bgColor indexed="64"/>
      </patternFill>
    </fill>
    <fill>
      <patternFill patternType="solid">
        <fgColor theme="3" tint="0.79998168889431442"/>
        <bgColor indexed="64"/>
      </patternFill>
    </fill>
    <fill>
      <patternFill patternType="solid">
        <fgColor theme="0" tint="-0.14999847407452621"/>
        <bgColor indexed="64"/>
      </patternFill>
    </fill>
    <fill>
      <patternFill patternType="solid">
        <fgColor theme="1"/>
        <bgColor indexed="64"/>
      </patternFill>
    </fill>
    <fill>
      <patternFill patternType="solid">
        <fgColor rgb="FFFFFF00"/>
        <bgColor indexed="64"/>
      </patternFill>
    </fill>
    <fill>
      <patternFill patternType="solid">
        <fgColor theme="4" tint="0.59999389629810485"/>
        <bgColor indexed="64"/>
      </patternFill>
    </fill>
    <fill>
      <patternFill patternType="solid">
        <fgColor theme="0" tint="-4.9989318521683403E-2"/>
        <bgColor indexed="64"/>
      </patternFill>
    </fill>
  </fills>
  <borders count="148">
    <border>
      <left/>
      <right/>
      <top/>
      <bottom/>
      <diagonal/>
    </border>
    <border>
      <left/>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style="dashDotDot">
        <color indexed="64"/>
      </bottom>
      <diagonal/>
    </border>
    <border>
      <left style="thin">
        <color indexed="64"/>
      </left>
      <right/>
      <top/>
      <bottom style="dashDotDot">
        <color indexed="64"/>
      </bottom>
      <diagonal/>
    </border>
    <border>
      <left/>
      <right/>
      <top/>
      <bottom style="dashDotDot">
        <color indexed="64"/>
      </bottom>
      <diagonal/>
    </border>
    <border>
      <left style="thin">
        <color indexed="64"/>
      </left>
      <right style="thin">
        <color indexed="64"/>
      </right>
      <top/>
      <bottom style="dashDotDot">
        <color indexed="64"/>
      </bottom>
      <diagonal/>
    </border>
    <border>
      <left style="thin">
        <color indexed="64"/>
      </left>
      <right style="medium">
        <color indexed="64"/>
      </right>
      <top/>
      <bottom style="dashDotDot">
        <color indexed="64"/>
      </bottom>
      <diagonal/>
    </border>
    <border>
      <left style="double">
        <color indexed="64"/>
      </left>
      <right style="double">
        <color indexed="64"/>
      </right>
      <top style="double">
        <color indexed="64"/>
      </top>
      <bottom style="double">
        <color indexed="64"/>
      </bottom>
      <diagonal/>
    </border>
    <border>
      <left style="medium">
        <color indexed="64"/>
      </left>
      <right/>
      <top style="dashDotDot">
        <color indexed="64"/>
      </top>
      <bottom style="dashDotDot">
        <color indexed="64"/>
      </bottom>
      <diagonal/>
    </border>
    <border>
      <left style="thin">
        <color indexed="64"/>
      </left>
      <right/>
      <top style="dashDotDot">
        <color indexed="64"/>
      </top>
      <bottom style="dashDotDot">
        <color indexed="64"/>
      </bottom>
      <diagonal/>
    </border>
    <border>
      <left/>
      <right/>
      <top style="dashDotDot">
        <color indexed="64"/>
      </top>
      <bottom style="dashDotDot">
        <color indexed="64"/>
      </bottom>
      <diagonal/>
    </border>
    <border>
      <left style="medium">
        <color indexed="64"/>
      </left>
      <right/>
      <top style="dashDotDot">
        <color indexed="64"/>
      </top>
      <bottom/>
      <diagonal/>
    </border>
    <border>
      <left style="thin">
        <color indexed="64"/>
      </left>
      <right/>
      <top style="dashDotDot">
        <color indexed="64"/>
      </top>
      <bottom/>
      <diagonal/>
    </border>
    <border>
      <left/>
      <right/>
      <top style="dashDotDot">
        <color indexed="64"/>
      </top>
      <bottom/>
      <diagonal/>
    </border>
    <border>
      <left style="thin">
        <color indexed="64"/>
      </left>
      <right style="thin">
        <color indexed="64"/>
      </right>
      <top style="dashDotDot">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style="medium">
        <color indexed="64"/>
      </left>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dashed">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style="thin">
        <color indexed="64"/>
      </left>
      <right style="medium">
        <color indexed="64"/>
      </right>
      <top style="thin">
        <color indexed="64"/>
      </top>
      <bottom style="dashed">
        <color indexed="64"/>
      </bottom>
      <diagonal/>
    </border>
    <border>
      <left style="medium">
        <color indexed="64"/>
      </left>
      <right/>
      <top style="dashed">
        <color indexed="64"/>
      </top>
      <bottom style="medium">
        <color indexed="64"/>
      </bottom>
      <diagonal/>
    </border>
    <border>
      <left style="thin">
        <color indexed="64"/>
      </left>
      <right/>
      <top style="dashed">
        <color indexed="64"/>
      </top>
      <bottom style="medium">
        <color indexed="64"/>
      </bottom>
      <diagonal/>
    </border>
    <border>
      <left/>
      <right/>
      <top style="dashed">
        <color indexed="64"/>
      </top>
      <bottom style="medium">
        <color indexed="64"/>
      </bottom>
      <diagonal/>
    </border>
    <border>
      <left style="thin">
        <color indexed="64"/>
      </left>
      <right style="medium">
        <color indexed="64"/>
      </right>
      <top style="dashed">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double">
        <color indexed="64"/>
      </left>
      <right style="double">
        <color indexed="64"/>
      </right>
      <top style="double">
        <color indexed="64"/>
      </top>
      <bottom/>
      <diagonal/>
    </border>
    <border>
      <left style="medium">
        <color indexed="64"/>
      </left>
      <right/>
      <top style="thin">
        <color indexed="64"/>
      </top>
      <bottom/>
      <diagonal/>
    </border>
    <border>
      <left style="thin">
        <color indexed="64"/>
      </left>
      <right/>
      <top style="thin">
        <color indexed="64"/>
      </top>
      <bottom/>
      <diagonal/>
    </border>
    <border>
      <left style="thin">
        <color indexed="64"/>
      </left>
      <right style="medium">
        <color indexed="64"/>
      </right>
      <top style="dashDotDot">
        <color indexed="64"/>
      </top>
      <bottom/>
      <diagonal/>
    </border>
    <border>
      <left style="double">
        <color indexed="64"/>
      </left>
      <right style="double">
        <color indexed="64"/>
      </right>
      <top/>
      <bottom style="double">
        <color indexed="64"/>
      </bottom>
      <diagonal/>
    </border>
    <border>
      <left style="thin">
        <color indexed="64"/>
      </left>
      <right style="thin">
        <color indexed="64"/>
      </right>
      <top style="dashDotDot">
        <color indexed="64"/>
      </top>
      <bottom style="dashDotDot">
        <color indexed="64"/>
      </bottom>
      <diagonal/>
    </border>
    <border>
      <left style="medium">
        <color indexed="64"/>
      </left>
      <right/>
      <top style="medium">
        <color indexed="64"/>
      </top>
      <bottom style="dashed">
        <color indexed="64"/>
      </bottom>
      <diagonal/>
    </border>
    <border>
      <left/>
      <right/>
      <top style="medium">
        <color indexed="64"/>
      </top>
      <bottom style="dashed">
        <color indexed="64"/>
      </bottom>
      <diagonal/>
    </border>
    <border>
      <left/>
      <right style="thin">
        <color indexed="64"/>
      </right>
      <top style="medium">
        <color indexed="64"/>
      </top>
      <bottom style="dashed">
        <color indexed="64"/>
      </bottom>
      <diagonal/>
    </border>
    <border>
      <left/>
      <right style="medium">
        <color indexed="64"/>
      </right>
      <top style="dashed">
        <color indexed="64"/>
      </top>
      <bottom style="medium">
        <color indexed="64"/>
      </bottom>
      <diagonal/>
    </border>
    <border>
      <left style="medium">
        <color indexed="64"/>
      </left>
      <right/>
      <top style="thin">
        <color indexed="64"/>
      </top>
      <bottom style="dashDotDot">
        <color indexed="64"/>
      </bottom>
      <diagonal/>
    </border>
    <border>
      <left/>
      <right/>
      <top style="thin">
        <color indexed="64"/>
      </top>
      <bottom style="dashDotDot">
        <color indexed="64"/>
      </bottom>
      <diagonal/>
    </border>
    <border>
      <left/>
      <right style="thin">
        <color indexed="64"/>
      </right>
      <top style="thin">
        <color indexed="64"/>
      </top>
      <bottom style="dashDotDot">
        <color indexed="64"/>
      </bottom>
      <diagonal/>
    </border>
    <border>
      <left/>
      <right style="medium">
        <color indexed="64"/>
      </right>
      <top style="thin">
        <color indexed="64"/>
      </top>
      <bottom style="thin">
        <color indexed="64"/>
      </bottom>
      <diagonal/>
    </border>
    <border>
      <left style="medium">
        <color indexed="64"/>
      </left>
      <right/>
      <top style="dashDotDot">
        <color indexed="64"/>
      </top>
      <bottom style="thin">
        <color indexed="64"/>
      </bottom>
      <diagonal/>
    </border>
    <border>
      <left/>
      <right/>
      <top style="dashDotDot">
        <color indexed="64"/>
      </top>
      <bottom style="thin">
        <color indexed="64"/>
      </bottom>
      <diagonal/>
    </border>
    <border>
      <left/>
      <right style="thin">
        <color indexed="64"/>
      </right>
      <top style="dashDotDot">
        <color indexed="64"/>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right style="thin">
        <color indexed="64"/>
      </right>
      <top/>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top style="thin">
        <color indexed="64"/>
      </top>
      <bottom/>
      <diagonal/>
    </border>
    <border>
      <left/>
      <right style="medium">
        <color indexed="64"/>
      </right>
      <top style="thin">
        <color indexed="64"/>
      </top>
      <bottom/>
      <diagonal/>
    </border>
    <border>
      <left/>
      <right style="medium">
        <color indexed="64"/>
      </right>
      <top style="dashDotDot">
        <color indexed="64"/>
      </top>
      <bottom/>
      <diagonal/>
    </border>
    <border>
      <left style="medium">
        <color indexed="64"/>
      </left>
      <right/>
      <top/>
      <bottom style="thin">
        <color indexed="64"/>
      </bottom>
      <diagonal/>
    </border>
    <border>
      <left/>
      <right style="thin">
        <color indexed="64"/>
      </right>
      <top/>
      <bottom style="thin">
        <color indexed="64"/>
      </bottom>
      <diagonal/>
    </border>
    <border>
      <left/>
      <right style="medium">
        <color indexed="64"/>
      </right>
      <top/>
      <bottom/>
      <diagonal/>
    </border>
    <border>
      <left style="medium">
        <color indexed="64"/>
      </left>
      <right/>
      <top style="dashed">
        <color indexed="64"/>
      </top>
      <bottom/>
      <diagonal/>
    </border>
    <border>
      <left/>
      <right/>
      <top style="dashed">
        <color indexed="64"/>
      </top>
      <bottom/>
      <diagonal/>
    </border>
    <border>
      <left/>
      <right style="medium">
        <color indexed="64"/>
      </right>
      <top style="dashed">
        <color indexed="64"/>
      </top>
      <bottom/>
      <diagonal/>
    </border>
    <border>
      <left style="medium">
        <color indexed="64"/>
      </left>
      <right/>
      <top style="dotted">
        <color indexed="64"/>
      </top>
      <bottom style="medium">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style="thin">
        <color indexed="64"/>
      </left>
      <right style="medium">
        <color indexed="64"/>
      </right>
      <top style="thin">
        <color indexed="64"/>
      </top>
      <bottom/>
      <diagonal/>
    </border>
    <border>
      <left style="thin">
        <color indexed="64"/>
      </left>
      <right/>
      <top style="thin">
        <color indexed="64"/>
      </top>
      <bottom style="dashDotDot">
        <color indexed="64"/>
      </bottom>
      <diagonal/>
    </border>
    <border>
      <left/>
      <right style="medium">
        <color indexed="64"/>
      </right>
      <top style="thin">
        <color indexed="64"/>
      </top>
      <bottom style="dashDotDot">
        <color indexed="64"/>
      </bottom>
      <diagonal/>
    </border>
    <border>
      <left/>
      <right style="thin">
        <color indexed="64"/>
      </right>
      <top style="dashDotDot">
        <color indexed="64"/>
      </top>
      <bottom/>
      <diagonal/>
    </border>
    <border>
      <left/>
      <right style="medium">
        <color indexed="64"/>
      </right>
      <top style="dashDotDot">
        <color indexed="64"/>
      </top>
      <bottom style="dashDotDot">
        <color indexed="64"/>
      </bottom>
      <diagonal/>
    </border>
    <border>
      <left/>
      <right style="thin">
        <color indexed="64"/>
      </right>
      <top/>
      <bottom style="dashDotDot">
        <color indexed="64"/>
      </bottom>
      <diagonal/>
    </border>
    <border>
      <left style="thin">
        <color indexed="64"/>
      </left>
      <right/>
      <top style="dashDotDot">
        <color indexed="64"/>
      </top>
      <bottom style="thin">
        <color indexed="64"/>
      </bottom>
      <diagonal/>
    </border>
    <border>
      <left/>
      <right style="medium">
        <color indexed="64"/>
      </right>
      <top style="dashDotDot">
        <color indexed="64"/>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dashDot">
        <color indexed="64"/>
      </left>
      <right/>
      <top/>
      <bottom style="dashDot">
        <color indexed="64"/>
      </bottom>
      <diagonal/>
    </border>
    <border>
      <left/>
      <right/>
      <top/>
      <bottom style="dashDot">
        <color indexed="64"/>
      </bottom>
      <diagonal/>
    </border>
    <border>
      <left style="dashDot">
        <color indexed="64"/>
      </left>
      <right/>
      <top style="dashDot">
        <color indexed="64"/>
      </top>
      <bottom style="dashDot">
        <color indexed="64"/>
      </bottom>
      <diagonal/>
    </border>
    <border>
      <left/>
      <right/>
      <top style="dashDot">
        <color indexed="64"/>
      </top>
      <bottom style="dashDot">
        <color indexed="64"/>
      </bottom>
      <diagonal/>
    </border>
    <border>
      <left/>
      <right style="dashDot">
        <color indexed="64"/>
      </right>
      <top style="dashDot">
        <color indexed="64"/>
      </top>
      <bottom style="dashDot">
        <color indexed="64"/>
      </bottom>
      <diagonal/>
    </border>
    <border>
      <left/>
      <right style="thin">
        <color indexed="64"/>
      </right>
      <top style="dashDotDot">
        <color indexed="64"/>
      </top>
      <bottom style="dashDotDot">
        <color indexed="64"/>
      </bottom>
      <diagonal/>
    </border>
    <border>
      <left style="thin">
        <color indexed="64"/>
      </left>
      <right style="thin">
        <color indexed="64"/>
      </right>
      <top style="medium">
        <color indexed="64"/>
      </top>
      <bottom style="dashDotDot">
        <color indexed="64"/>
      </bottom>
      <diagonal/>
    </border>
    <border>
      <left style="thin">
        <color indexed="64"/>
      </left>
      <right style="medium">
        <color indexed="64"/>
      </right>
      <top style="medium">
        <color indexed="64"/>
      </top>
      <bottom style="dashDotDot">
        <color indexed="64"/>
      </bottom>
      <diagonal/>
    </border>
    <border>
      <left/>
      <right style="medium">
        <color indexed="64"/>
      </right>
      <top/>
      <bottom style="dashDotDot">
        <color indexed="64"/>
      </bottom>
      <diagonal/>
    </border>
    <border>
      <left/>
      <right/>
      <top style="medium">
        <color indexed="64"/>
      </top>
      <bottom/>
      <diagonal/>
    </border>
    <border>
      <left/>
      <right style="thin">
        <color indexed="64"/>
      </right>
      <top style="medium">
        <color indexed="64"/>
      </top>
      <bottom style="thin">
        <color indexed="64"/>
      </bottom>
      <diagonal/>
    </border>
    <border>
      <left style="medium">
        <color indexed="64"/>
      </left>
      <right/>
      <top style="medium">
        <color indexed="64"/>
      </top>
      <bottom style="dashDot">
        <color indexed="64"/>
      </bottom>
      <diagonal/>
    </border>
    <border>
      <left/>
      <right/>
      <top style="medium">
        <color indexed="64"/>
      </top>
      <bottom style="dashDot">
        <color indexed="64"/>
      </bottom>
      <diagonal/>
    </border>
    <border>
      <left/>
      <right style="thin">
        <color indexed="64"/>
      </right>
      <top style="medium">
        <color indexed="64"/>
      </top>
      <bottom style="dashDot">
        <color indexed="64"/>
      </bottom>
      <diagonal/>
    </border>
    <border>
      <left style="medium">
        <color indexed="64"/>
      </left>
      <right/>
      <top style="dashDot">
        <color indexed="64"/>
      </top>
      <bottom style="thin">
        <color indexed="64"/>
      </bottom>
      <diagonal/>
    </border>
    <border>
      <left/>
      <right/>
      <top style="dashDot">
        <color indexed="64"/>
      </top>
      <bottom style="thin">
        <color indexed="64"/>
      </bottom>
      <diagonal/>
    </border>
    <border>
      <left/>
      <right style="thin">
        <color indexed="64"/>
      </right>
      <top style="dashDot">
        <color indexed="64"/>
      </top>
      <bottom style="thin">
        <color indexed="64"/>
      </bottom>
      <diagonal/>
    </border>
    <border diagonalUp="1">
      <left style="thin">
        <color indexed="64"/>
      </left>
      <right style="thin">
        <color indexed="64"/>
      </right>
      <top style="medium">
        <color indexed="64"/>
      </top>
      <bottom style="dashDotDot">
        <color indexed="64"/>
      </bottom>
      <diagonal style="thin">
        <color indexed="64"/>
      </diagonal>
    </border>
    <border>
      <left style="thin">
        <color indexed="64"/>
      </left>
      <right style="thin">
        <color indexed="64"/>
      </right>
      <top style="thin">
        <color indexed="64"/>
      </top>
      <bottom style="dashDotDot">
        <color indexed="64"/>
      </bottom>
      <diagonal/>
    </border>
    <border>
      <left style="thin">
        <color indexed="64"/>
      </left>
      <right style="medium">
        <color indexed="64"/>
      </right>
      <top style="thin">
        <color indexed="64"/>
      </top>
      <bottom style="dashDotDot">
        <color indexed="64"/>
      </bottom>
      <diagonal/>
    </border>
    <border>
      <left style="thin">
        <color indexed="64"/>
      </left>
      <right style="thin">
        <color indexed="64"/>
      </right>
      <top style="dashDotDot">
        <color indexed="64"/>
      </top>
      <bottom style="thin">
        <color indexed="64"/>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style="dashDot">
        <color indexed="64"/>
      </top>
      <bottom style="dashDotDot">
        <color indexed="64"/>
      </bottom>
      <diagonal/>
    </border>
    <border>
      <left/>
      <right/>
      <top style="dashDot">
        <color indexed="64"/>
      </top>
      <bottom style="dashDotDot">
        <color indexed="64"/>
      </bottom>
      <diagonal/>
    </border>
    <border>
      <left/>
      <right style="thin">
        <color indexed="64"/>
      </right>
      <top style="dashDot">
        <color indexed="64"/>
      </top>
      <bottom style="dashDotDot">
        <color indexed="64"/>
      </bottom>
      <diagonal/>
    </border>
    <border>
      <left style="thin">
        <color indexed="64"/>
      </left>
      <right style="medium">
        <color indexed="64"/>
      </right>
      <top style="dashDotDot">
        <color indexed="64"/>
      </top>
      <bottom style="thin">
        <color indexed="64"/>
      </bottom>
      <diagonal/>
    </border>
    <border>
      <left style="medium">
        <color indexed="64"/>
      </left>
      <right/>
      <top style="medium">
        <color indexed="64"/>
      </top>
      <bottom/>
      <diagonal/>
    </border>
    <border>
      <left/>
      <right style="thin">
        <color indexed="64"/>
      </right>
      <top style="medium">
        <color indexed="64"/>
      </top>
      <bottom/>
      <diagonal/>
    </border>
    <border>
      <left/>
      <right style="medium">
        <color indexed="64"/>
      </right>
      <top style="medium">
        <color indexed="64"/>
      </top>
      <bottom style="thin">
        <color indexed="64"/>
      </bottom>
      <diagonal/>
    </border>
    <border>
      <left style="thin">
        <color indexed="64"/>
      </left>
      <right style="medium">
        <color indexed="64"/>
      </right>
      <top style="dashDotDot">
        <color indexed="64"/>
      </top>
      <bottom style="dashDotDot">
        <color indexed="64"/>
      </bottom>
      <diagonal/>
    </border>
    <border>
      <left/>
      <right style="medium">
        <color indexed="64"/>
      </right>
      <top style="thin">
        <color indexed="64"/>
      </top>
      <bottom style="dashed">
        <color indexed="64"/>
      </bottom>
      <diagonal/>
    </border>
    <border>
      <left/>
      <right style="double">
        <color indexed="64"/>
      </right>
      <top/>
      <bottom/>
      <diagonal/>
    </border>
    <border>
      <left/>
      <right style="double">
        <color indexed="64"/>
      </right>
      <top style="double">
        <color indexed="64"/>
      </top>
      <bottom style="double">
        <color indexed="64"/>
      </bottom>
      <diagonal/>
    </border>
    <border>
      <left style="medium">
        <color indexed="64"/>
      </left>
      <right/>
      <top style="medium">
        <color indexed="64"/>
      </top>
      <bottom style="dashDotDot">
        <color indexed="64"/>
      </bottom>
      <diagonal/>
    </border>
    <border>
      <left/>
      <right/>
      <top style="medium">
        <color indexed="64"/>
      </top>
      <bottom style="dashDotDot">
        <color indexed="64"/>
      </bottom>
      <diagonal/>
    </border>
    <border>
      <left/>
      <right style="thin">
        <color indexed="64"/>
      </right>
      <top style="medium">
        <color indexed="64"/>
      </top>
      <bottom style="dashDotDot">
        <color indexed="64"/>
      </bottom>
      <diagonal/>
    </border>
    <border>
      <left style="medium">
        <color indexed="64"/>
      </left>
      <right/>
      <top style="dashed">
        <color indexed="64"/>
      </top>
      <bottom style="double">
        <color indexed="64"/>
      </bottom>
      <diagonal/>
    </border>
    <border>
      <left style="thin">
        <color indexed="64"/>
      </left>
      <right/>
      <top style="dashed">
        <color indexed="64"/>
      </top>
      <bottom style="double">
        <color indexed="64"/>
      </bottom>
      <diagonal/>
    </border>
    <border>
      <left/>
      <right/>
      <top style="dashed">
        <color indexed="64"/>
      </top>
      <bottom style="double">
        <color indexed="64"/>
      </bottom>
      <diagonal/>
    </border>
    <border>
      <left style="thin">
        <color indexed="64"/>
      </left>
      <right style="medium">
        <color indexed="64"/>
      </right>
      <top style="dashed">
        <color indexed="64"/>
      </top>
      <bottom style="double">
        <color indexed="64"/>
      </bottom>
      <diagonal/>
    </border>
    <border>
      <left/>
      <right style="medium">
        <color indexed="64"/>
      </right>
      <top style="dashDot">
        <color indexed="64"/>
      </top>
      <bottom style="dashDot">
        <color indexed="64"/>
      </bottom>
      <diagonal/>
    </border>
    <border>
      <left/>
      <right/>
      <top style="dashDot">
        <color indexed="64"/>
      </top>
      <bottom/>
      <diagonal/>
    </border>
    <border>
      <left/>
      <right style="medium">
        <color indexed="64"/>
      </right>
      <top style="dashDot">
        <color indexed="64"/>
      </top>
      <bottom/>
      <diagonal/>
    </border>
    <border>
      <left style="thin">
        <color indexed="64"/>
      </left>
      <right/>
      <top style="dashDot">
        <color indexed="64"/>
      </top>
      <bottom style="thin">
        <color indexed="64"/>
      </bottom>
      <diagonal/>
    </border>
    <border>
      <left/>
      <right style="medium">
        <color indexed="64"/>
      </right>
      <top style="dashDot">
        <color indexed="64"/>
      </top>
      <bottom style="thin">
        <color indexed="64"/>
      </bottom>
      <diagonal/>
    </border>
    <border>
      <left style="thin">
        <color indexed="64"/>
      </left>
      <right/>
      <top style="dashDot">
        <color indexed="64"/>
      </top>
      <bottom/>
      <diagonal/>
    </border>
    <border>
      <left style="dashDot">
        <color indexed="64"/>
      </left>
      <right style="thin">
        <color indexed="64"/>
      </right>
      <top style="dashDot">
        <color indexed="64"/>
      </top>
      <bottom/>
      <diagonal/>
    </border>
    <border>
      <left style="thin">
        <color indexed="64"/>
      </left>
      <right style="medium">
        <color indexed="64"/>
      </right>
      <top style="dashDot">
        <color indexed="64"/>
      </top>
      <bottom/>
      <diagonal/>
    </border>
    <border>
      <left style="dashDot">
        <color indexed="64"/>
      </left>
      <right style="thin">
        <color indexed="64"/>
      </right>
      <top/>
      <bottom style="dashDotDot">
        <color indexed="64"/>
      </bottom>
      <diagonal/>
    </border>
    <border>
      <left style="thin">
        <color indexed="64"/>
      </left>
      <right style="thin">
        <color indexed="64"/>
      </right>
      <top style="dashDot">
        <color indexed="64"/>
      </top>
      <bottom style="dashDotDot">
        <color indexed="64"/>
      </bottom>
      <diagonal/>
    </border>
    <border>
      <left style="thin">
        <color indexed="64"/>
      </left>
      <right style="medium">
        <color indexed="64"/>
      </right>
      <top style="dashDot">
        <color indexed="64"/>
      </top>
      <bottom style="dashDotDot">
        <color indexed="64"/>
      </bottom>
      <diagonal/>
    </border>
    <border>
      <left style="dashDot">
        <color indexed="64"/>
      </left>
      <right/>
      <top style="medium">
        <color indexed="64"/>
      </top>
      <bottom style="dashDot">
        <color indexed="64"/>
      </bottom>
      <diagonal/>
    </border>
    <border>
      <left style="thin">
        <color indexed="64"/>
      </left>
      <right style="thin">
        <color indexed="64"/>
      </right>
      <top style="dashDot">
        <color indexed="64"/>
      </top>
      <bottom style="dashDot">
        <color indexed="64"/>
      </bottom>
      <diagonal/>
    </border>
    <border>
      <left style="thin">
        <color indexed="64"/>
      </left>
      <right style="thin">
        <color indexed="64"/>
      </right>
      <top style="thin">
        <color indexed="64"/>
      </top>
      <bottom style="dashDot">
        <color indexed="64"/>
      </bottom>
      <diagonal/>
    </border>
    <border>
      <left style="thin">
        <color indexed="64"/>
      </left>
      <right style="medium">
        <color indexed="64"/>
      </right>
      <top style="thin">
        <color indexed="64"/>
      </top>
      <bottom style="dashDot">
        <color indexed="64"/>
      </bottom>
      <diagonal/>
    </border>
    <border>
      <left style="thin">
        <color indexed="64"/>
      </left>
      <right style="thin">
        <color indexed="64"/>
      </right>
      <top style="dashDot">
        <color indexed="64"/>
      </top>
      <bottom/>
      <diagonal/>
    </border>
    <border>
      <left style="thin">
        <color indexed="64"/>
      </left>
      <right style="thin">
        <color indexed="64"/>
      </right>
      <top style="dashDot">
        <color indexed="64"/>
      </top>
      <bottom style="thin">
        <color indexed="64"/>
      </bottom>
      <diagonal/>
    </border>
  </borders>
  <cellStyleXfs count="3">
    <xf numFmtId="0" fontId="0" fillId="0" borderId="0">
      <alignment vertical="center"/>
    </xf>
    <xf numFmtId="0" fontId="1" fillId="0" borderId="0">
      <alignment vertical="center"/>
    </xf>
    <xf numFmtId="0" fontId="1" fillId="0" borderId="0">
      <alignment vertical="center"/>
    </xf>
  </cellStyleXfs>
  <cellXfs count="1359">
    <xf numFmtId="0" fontId="0" fillId="0" borderId="0" xfId="0">
      <alignment vertical="center"/>
    </xf>
    <xf numFmtId="0" fontId="2" fillId="2" borderId="0" xfId="1" applyFont="1" applyFill="1" applyAlignment="1">
      <alignment vertical="center" wrapText="1"/>
    </xf>
    <xf numFmtId="0" fontId="5" fillId="0" borderId="0" xfId="1" applyFont="1" applyAlignment="1">
      <alignment horizontal="left" vertical="center"/>
    </xf>
    <xf numFmtId="0" fontId="6" fillId="0" borderId="0" xfId="1" applyFont="1">
      <alignment vertical="center"/>
    </xf>
    <xf numFmtId="0" fontId="7" fillId="0" borderId="0" xfId="1" applyFont="1">
      <alignment vertical="center"/>
    </xf>
    <xf numFmtId="0" fontId="8" fillId="0" borderId="0" xfId="1" applyFont="1" applyAlignment="1">
      <alignment vertical="top" wrapText="1"/>
    </xf>
    <xf numFmtId="0" fontId="10" fillId="2" borderId="0" xfId="1" applyFont="1" applyFill="1" applyAlignment="1">
      <alignment horizontal="left" vertical="top" wrapText="1"/>
    </xf>
    <xf numFmtId="0" fontId="11" fillId="2" borderId="0" xfId="1" applyFont="1" applyFill="1" applyAlignment="1">
      <alignment horizontal="left" vertical="top" wrapText="1"/>
    </xf>
    <xf numFmtId="0" fontId="8" fillId="0" borderId="0" xfId="1" applyFont="1" applyAlignment="1">
      <alignment horizontal="left" vertical="top" wrapText="1"/>
    </xf>
    <xf numFmtId="0" fontId="12" fillId="2" borderId="0" xfId="1" applyFont="1" applyFill="1" applyAlignment="1">
      <alignment horizontal="left" vertical="top" wrapText="1"/>
    </xf>
    <xf numFmtId="0" fontId="12" fillId="2" borderId="0" xfId="1" applyFont="1" applyFill="1" applyAlignment="1">
      <alignment horizontal="left" vertical="top"/>
    </xf>
    <xf numFmtId="0" fontId="14" fillId="2" borderId="0" xfId="1" applyFont="1" applyFill="1" applyAlignment="1">
      <alignment horizontal="left" vertical="top"/>
    </xf>
    <xf numFmtId="0" fontId="15" fillId="2" borderId="0" xfId="1" applyFont="1" applyFill="1" applyAlignment="1">
      <alignment horizontal="left" vertical="top" wrapText="1"/>
    </xf>
    <xf numFmtId="0" fontId="15" fillId="0" borderId="0" xfId="1" applyFont="1" applyAlignment="1">
      <alignment horizontal="left" vertical="top" wrapText="1"/>
    </xf>
    <xf numFmtId="0" fontId="14" fillId="0" borderId="0" xfId="1" applyFont="1" applyAlignment="1">
      <alignment horizontal="left" vertical="top" wrapText="1"/>
    </xf>
    <xf numFmtId="0" fontId="12" fillId="2" borderId="0" xfId="1" applyFont="1" applyFill="1" applyAlignment="1">
      <alignment horizontal="left"/>
    </xf>
    <xf numFmtId="0" fontId="16" fillId="0" borderId="0" xfId="1" applyFont="1" applyAlignment="1">
      <alignment horizontal="left" vertical="center"/>
    </xf>
    <xf numFmtId="0" fontId="17" fillId="0" borderId="0" xfId="1" applyFont="1">
      <alignment vertical="center"/>
    </xf>
    <xf numFmtId="0" fontId="14" fillId="0" borderId="0" xfId="1" applyFont="1">
      <alignment vertical="center"/>
    </xf>
    <xf numFmtId="0" fontId="2" fillId="2" borderId="0" xfId="1" applyFont="1" applyFill="1" applyAlignment="1">
      <alignment horizontal="left" vertical="center" wrapText="1"/>
    </xf>
    <xf numFmtId="0" fontId="2" fillId="2" borderId="1" xfId="1" applyFont="1" applyFill="1" applyBorder="1" applyAlignment="1">
      <alignment horizontal="left"/>
    </xf>
    <xf numFmtId="0" fontId="2" fillId="2" borderId="1" xfId="1" applyFont="1" applyFill="1" applyBorder="1" applyAlignment="1">
      <alignment horizontal="left" vertical="center" wrapText="1"/>
    </xf>
    <xf numFmtId="0" fontId="2" fillId="2" borderId="1" xfId="1" applyFont="1" applyFill="1" applyBorder="1" applyAlignment="1">
      <alignment horizontal="left" vertical="center"/>
    </xf>
    <xf numFmtId="0" fontId="19" fillId="2" borderId="0" xfId="1" applyFont="1" applyFill="1" applyAlignment="1">
      <alignment horizontal="left" vertical="center"/>
    </xf>
    <xf numFmtId="0" fontId="14" fillId="0" borderId="2" xfId="1" applyFont="1" applyBorder="1" applyAlignment="1">
      <alignment horizontal="center" vertical="center" wrapText="1"/>
    </xf>
    <xf numFmtId="0" fontId="20" fillId="0" borderId="3" xfId="1" applyFont="1" applyBorder="1" applyAlignment="1">
      <alignment horizontal="center" vertical="center" wrapText="1"/>
    </xf>
    <xf numFmtId="0" fontId="20" fillId="0" borderId="4" xfId="1" applyFont="1" applyBorder="1" applyAlignment="1">
      <alignment horizontal="center" vertical="center" wrapText="1"/>
    </xf>
    <xf numFmtId="0" fontId="21" fillId="0" borderId="0" xfId="1" applyFont="1" applyAlignment="1">
      <alignment horizontal="center" vertical="center" wrapText="1"/>
    </xf>
    <xf numFmtId="0" fontId="22" fillId="2" borderId="0" xfId="1" applyFont="1" applyFill="1" applyAlignment="1">
      <alignment horizontal="left" vertical="center"/>
    </xf>
    <xf numFmtId="0" fontId="23" fillId="0" borderId="0" xfId="1" applyFont="1" applyAlignment="1">
      <alignment horizontal="left" vertical="center"/>
    </xf>
    <xf numFmtId="0" fontId="2" fillId="2" borderId="0" xfId="1" applyFont="1" applyFill="1" applyAlignment="1">
      <alignment horizontal="left" wrapText="1"/>
    </xf>
    <xf numFmtId="0" fontId="20" fillId="0" borderId="0" xfId="1" applyFont="1" applyAlignment="1">
      <alignment horizontal="left" vertical="center" wrapText="1"/>
    </xf>
    <xf numFmtId="0" fontId="24" fillId="0" borderId="0" xfId="1" applyFont="1" applyAlignment="1">
      <alignment horizontal="left" vertical="center" wrapText="1"/>
    </xf>
    <xf numFmtId="0" fontId="20" fillId="0" borderId="0" xfId="1" applyFont="1" applyAlignment="1">
      <alignment horizontal="left" wrapText="1"/>
    </xf>
    <xf numFmtId="0" fontId="25" fillId="0" borderId="0" xfId="1" applyFont="1" applyAlignment="1">
      <alignment horizontal="left" vertical="center"/>
    </xf>
    <xf numFmtId="0" fontId="20" fillId="2" borderId="0" xfId="1" applyFont="1" applyFill="1" applyAlignment="1">
      <alignment horizontal="left" vertical="center" wrapText="1"/>
    </xf>
    <xf numFmtId="0" fontId="26" fillId="0" borderId="0" xfId="1" applyFont="1" applyAlignment="1">
      <alignment horizontal="left" vertical="center"/>
    </xf>
    <xf numFmtId="0" fontId="27" fillId="0" borderId="0" xfId="1" applyFont="1">
      <alignment vertical="center"/>
    </xf>
    <xf numFmtId="0" fontId="28" fillId="0" borderId="0" xfId="1" applyFont="1">
      <alignment vertical="center"/>
    </xf>
    <xf numFmtId="0" fontId="12" fillId="3" borderId="2" xfId="1" applyFont="1" applyFill="1" applyBorder="1" applyAlignment="1">
      <alignment horizontal="left" vertical="center" shrinkToFit="1"/>
    </xf>
    <xf numFmtId="0" fontId="12" fillId="3" borderId="3" xfId="1" applyFont="1" applyFill="1" applyBorder="1" applyAlignment="1">
      <alignment horizontal="left" vertical="center" shrinkToFit="1"/>
    </xf>
    <xf numFmtId="0" fontId="12" fillId="3" borderId="4" xfId="1" applyFont="1" applyFill="1" applyBorder="1" applyAlignment="1">
      <alignment horizontal="left" vertical="center" shrinkToFit="1"/>
    </xf>
    <xf numFmtId="0" fontId="12" fillId="2" borderId="0" xfId="1" applyFont="1" applyFill="1" applyAlignment="1">
      <alignment horizontal="left" vertical="center" shrinkToFit="1"/>
    </xf>
    <xf numFmtId="0" fontId="12" fillId="2" borderId="0" xfId="1" applyFont="1" applyFill="1">
      <alignment vertical="center"/>
    </xf>
    <xf numFmtId="0" fontId="29" fillId="2" borderId="0" xfId="1" applyFont="1" applyFill="1" applyAlignment="1">
      <alignment horizontal="center" vertical="center" wrapText="1" shrinkToFit="1"/>
    </xf>
    <xf numFmtId="0" fontId="12" fillId="0" borderId="0" xfId="1" applyFont="1" applyAlignment="1">
      <alignment horizontal="left" vertical="center"/>
    </xf>
    <xf numFmtId="0" fontId="12" fillId="3" borderId="5" xfId="1" applyFont="1" applyFill="1" applyBorder="1" applyAlignment="1">
      <alignment horizontal="left" vertical="center" shrinkToFit="1"/>
    </xf>
    <xf numFmtId="0" fontId="12" fillId="3" borderId="6" xfId="1" applyFont="1" applyFill="1" applyBorder="1" applyAlignment="1">
      <alignment horizontal="left" vertical="center" shrinkToFit="1"/>
    </xf>
    <xf numFmtId="0" fontId="12" fillId="3" borderId="7" xfId="1" applyFont="1" applyFill="1" applyBorder="1" applyAlignment="1">
      <alignment horizontal="left" vertical="center" shrinkToFit="1"/>
    </xf>
    <xf numFmtId="0" fontId="12" fillId="2" borderId="8" xfId="1" applyFont="1" applyFill="1" applyBorder="1" applyAlignment="1">
      <alignment horizontal="left" vertical="center" wrapText="1" shrinkToFit="1"/>
    </xf>
    <xf numFmtId="0" fontId="12" fillId="2" borderId="9" xfId="1" applyFont="1" applyFill="1" applyBorder="1" applyAlignment="1">
      <alignment horizontal="left" vertical="center" wrapText="1" shrinkToFit="1"/>
    </xf>
    <xf numFmtId="0" fontId="12" fillId="2" borderId="10" xfId="1" applyFont="1" applyFill="1" applyBorder="1" applyAlignment="1">
      <alignment horizontal="left" vertical="center" wrapText="1" shrinkToFit="1"/>
    </xf>
    <xf numFmtId="0" fontId="11" fillId="2" borderId="11" xfId="1" applyFont="1" applyFill="1" applyBorder="1" applyAlignment="1">
      <alignment horizontal="center" vertical="center" wrapText="1" shrinkToFit="1"/>
    </xf>
    <xf numFmtId="0" fontId="30" fillId="2" borderId="11" xfId="1" applyFont="1" applyFill="1" applyBorder="1" applyAlignment="1">
      <alignment horizontal="center" vertical="center" wrapText="1" shrinkToFit="1"/>
    </xf>
    <xf numFmtId="0" fontId="30" fillId="2" borderId="12" xfId="1" applyFont="1" applyFill="1" applyBorder="1" applyAlignment="1">
      <alignment horizontal="center" vertical="center" wrapText="1" shrinkToFit="1"/>
    </xf>
    <xf numFmtId="0" fontId="12" fillId="2" borderId="0" xfId="1" applyFont="1" applyFill="1" applyAlignment="1">
      <alignment horizontal="left" vertical="center" wrapText="1" shrinkToFit="1"/>
    </xf>
    <xf numFmtId="0" fontId="31" fillId="2" borderId="13" xfId="1" applyFont="1" applyFill="1" applyBorder="1" applyAlignment="1">
      <alignment horizontal="center" vertical="center" shrinkToFit="1"/>
    </xf>
    <xf numFmtId="0" fontId="14" fillId="2" borderId="0" xfId="1" applyFont="1" applyFill="1">
      <alignment vertical="center"/>
    </xf>
    <xf numFmtId="0" fontId="12" fillId="2" borderId="14" xfId="1" applyFont="1" applyFill="1" applyBorder="1" applyAlignment="1">
      <alignment horizontal="left" vertical="center" wrapText="1" shrinkToFit="1"/>
    </xf>
    <xf numFmtId="0" fontId="12" fillId="2" borderId="15" xfId="1" applyFont="1" applyFill="1" applyBorder="1" applyAlignment="1">
      <alignment horizontal="left" vertical="center" wrapText="1" shrinkToFit="1"/>
    </xf>
    <xf numFmtId="0" fontId="12" fillId="2" borderId="16" xfId="1" applyFont="1" applyFill="1" applyBorder="1" applyAlignment="1">
      <alignment horizontal="left" vertical="center" wrapText="1" shrinkToFit="1"/>
    </xf>
    <xf numFmtId="0" fontId="30" fillId="2" borderId="9" xfId="1" applyFont="1" applyFill="1" applyBorder="1" applyAlignment="1">
      <alignment horizontal="center" vertical="center" wrapText="1" shrinkToFit="1"/>
    </xf>
    <xf numFmtId="0" fontId="30" fillId="2" borderId="12" xfId="1" applyFont="1" applyFill="1" applyBorder="1" applyAlignment="1">
      <alignment horizontal="center" vertical="center" shrinkToFit="1"/>
    </xf>
    <xf numFmtId="0" fontId="12" fillId="2" borderId="17" xfId="1" applyFont="1" applyFill="1" applyBorder="1" applyAlignment="1">
      <alignment horizontal="left" vertical="center" wrapText="1" shrinkToFit="1"/>
    </xf>
    <xf numFmtId="0" fontId="12" fillId="2" borderId="18" xfId="1" applyFont="1" applyFill="1" applyBorder="1" applyAlignment="1">
      <alignment horizontal="left" vertical="center" wrapText="1" shrinkToFit="1"/>
    </xf>
    <xf numFmtId="0" fontId="12" fillId="2" borderId="19" xfId="1" applyFont="1" applyFill="1" applyBorder="1" applyAlignment="1">
      <alignment horizontal="left" vertical="center" wrapText="1" shrinkToFit="1"/>
    </xf>
    <xf numFmtId="0" fontId="11" fillId="2" borderId="20" xfId="1" applyFont="1" applyFill="1" applyBorder="1" applyAlignment="1">
      <alignment horizontal="center" vertical="center" shrinkToFit="1"/>
    </xf>
    <xf numFmtId="0" fontId="30" fillId="2" borderId="21" xfId="1" applyFont="1" applyFill="1" applyBorder="1" applyAlignment="1">
      <alignment horizontal="center" vertical="center" wrapText="1" shrinkToFit="1"/>
    </xf>
    <xf numFmtId="0" fontId="30" fillId="2" borderId="22" xfId="1" applyFont="1" applyFill="1" applyBorder="1" applyAlignment="1">
      <alignment horizontal="center" vertical="center" wrapText="1" shrinkToFit="1"/>
    </xf>
    <xf numFmtId="0" fontId="30" fillId="2" borderId="23" xfId="1" applyFont="1" applyFill="1" applyBorder="1" applyAlignment="1">
      <alignment horizontal="center" vertical="center" shrinkToFit="1"/>
    </xf>
    <xf numFmtId="0" fontId="12" fillId="4" borderId="24" xfId="1" applyFont="1" applyFill="1" applyBorder="1" applyAlignment="1">
      <alignment horizontal="left" vertical="center" shrinkToFit="1"/>
    </xf>
    <xf numFmtId="0" fontId="12" fillId="4" borderId="25" xfId="1" applyFont="1" applyFill="1" applyBorder="1" applyAlignment="1">
      <alignment horizontal="left" vertical="center" shrinkToFit="1"/>
    </xf>
    <xf numFmtId="0" fontId="12" fillId="4" borderId="26" xfId="1" applyFont="1" applyFill="1" applyBorder="1" applyAlignment="1">
      <alignment horizontal="left" vertical="center" shrinkToFit="1"/>
    </xf>
    <xf numFmtId="0" fontId="12" fillId="4" borderId="27" xfId="1" applyFont="1" applyFill="1" applyBorder="1" applyAlignment="1">
      <alignment horizontal="left" vertical="center" shrinkToFit="1"/>
    </xf>
    <xf numFmtId="0" fontId="29" fillId="2" borderId="0" xfId="1" applyFont="1" applyFill="1" applyAlignment="1">
      <alignment horizontal="center" vertical="center" wrapText="1" shrinkToFit="1"/>
    </xf>
    <xf numFmtId="0" fontId="12" fillId="2" borderId="28" xfId="1" applyFont="1" applyFill="1" applyBorder="1" applyAlignment="1">
      <alignment horizontal="center" vertical="center" wrapText="1" shrinkToFit="1"/>
    </xf>
    <xf numFmtId="0" fontId="12" fillId="2" borderId="29" xfId="1" applyFont="1" applyFill="1" applyBorder="1" applyAlignment="1">
      <alignment horizontal="center" vertical="center" wrapText="1" shrinkToFit="1"/>
    </xf>
    <xf numFmtId="0" fontId="12" fillId="2" borderId="30" xfId="1" applyFont="1" applyFill="1" applyBorder="1" applyAlignment="1">
      <alignment horizontal="center" vertical="center" wrapText="1" shrinkToFit="1"/>
    </xf>
    <xf numFmtId="0" fontId="12" fillId="2" borderId="31" xfId="1" applyFont="1" applyFill="1" applyBorder="1" applyAlignment="1">
      <alignment horizontal="center" vertical="center" wrapText="1" shrinkToFit="1"/>
    </xf>
    <xf numFmtId="0" fontId="12" fillId="2" borderId="0" xfId="1" applyFont="1" applyFill="1" applyAlignment="1">
      <alignment vertical="center" wrapText="1" shrinkToFit="1"/>
    </xf>
    <xf numFmtId="0" fontId="12" fillId="2" borderId="32" xfId="1" applyFont="1" applyFill="1" applyBorder="1" applyAlignment="1">
      <alignment horizontal="center" vertical="center" wrapText="1" shrinkToFit="1"/>
    </xf>
    <xf numFmtId="0" fontId="12" fillId="2" borderId="33" xfId="1" applyFont="1" applyFill="1" applyBorder="1" applyAlignment="1">
      <alignment horizontal="center" vertical="center" wrapText="1" shrinkToFit="1"/>
    </xf>
    <xf numFmtId="0" fontId="12" fillId="2" borderId="34" xfId="1" applyFont="1" applyFill="1" applyBorder="1" applyAlignment="1">
      <alignment horizontal="center" vertical="center" wrapText="1" shrinkToFit="1"/>
    </xf>
    <xf numFmtId="0" fontId="12" fillId="2" borderId="35" xfId="1" applyFont="1" applyFill="1" applyBorder="1" applyAlignment="1">
      <alignment horizontal="center" vertical="center" wrapText="1" shrinkToFit="1"/>
    </xf>
    <xf numFmtId="0" fontId="12" fillId="3" borderId="2" xfId="1" applyFont="1" applyFill="1" applyBorder="1" applyAlignment="1">
      <alignment horizontal="left" vertical="center" wrapText="1" shrinkToFit="1"/>
    </xf>
    <xf numFmtId="0" fontId="12" fillId="3" borderId="36" xfId="1" applyFont="1" applyFill="1" applyBorder="1" applyAlignment="1">
      <alignment horizontal="left" vertical="center" wrapText="1" shrinkToFit="1"/>
    </xf>
    <xf numFmtId="0" fontId="12" fillId="3" borderId="3" xfId="1" applyFont="1" applyFill="1" applyBorder="1" applyAlignment="1">
      <alignment horizontal="left" vertical="center" wrapText="1" shrinkToFit="1"/>
    </xf>
    <xf numFmtId="0" fontId="12" fillId="3" borderId="37" xfId="1" applyFont="1" applyFill="1" applyBorder="1" applyAlignment="1">
      <alignment horizontal="left" vertical="center" wrapText="1" shrinkToFit="1"/>
    </xf>
    <xf numFmtId="0" fontId="14" fillId="0" borderId="8" xfId="1" applyFont="1" applyBorder="1" applyAlignment="1">
      <alignment horizontal="left" vertical="center" wrapText="1" shrinkToFit="1"/>
    </xf>
    <xf numFmtId="0" fontId="15" fillId="0" borderId="9" xfId="1" applyFont="1" applyBorder="1" applyAlignment="1">
      <alignment horizontal="left" vertical="center" wrapText="1" shrinkToFit="1"/>
    </xf>
    <xf numFmtId="0" fontId="15" fillId="0" borderId="10" xfId="1" applyFont="1" applyBorder="1" applyAlignment="1">
      <alignment horizontal="left" vertical="center" wrapText="1" shrinkToFit="1"/>
    </xf>
    <xf numFmtId="0" fontId="15" fillId="0" borderId="14" xfId="1" applyFont="1" applyBorder="1" applyAlignment="1">
      <alignment horizontal="left" vertical="center" wrapText="1" shrinkToFit="1"/>
    </xf>
    <xf numFmtId="0" fontId="15" fillId="0" borderId="15" xfId="1" applyFont="1" applyBorder="1" applyAlignment="1">
      <alignment horizontal="left" vertical="center" wrapText="1" shrinkToFit="1"/>
    </xf>
    <xf numFmtId="0" fontId="15" fillId="0" borderId="16" xfId="1" applyFont="1" applyBorder="1" applyAlignment="1">
      <alignment horizontal="left" vertical="center" wrapText="1" shrinkToFit="1"/>
    </xf>
    <xf numFmtId="0" fontId="15" fillId="0" borderId="17" xfId="1" applyFont="1" applyBorder="1" applyAlignment="1">
      <alignment horizontal="left" vertical="center" wrapText="1" shrinkToFit="1"/>
    </xf>
    <xf numFmtId="0" fontId="15" fillId="0" borderId="18" xfId="1" applyFont="1" applyBorder="1" applyAlignment="1">
      <alignment horizontal="left" vertical="center" wrapText="1" shrinkToFit="1"/>
    </xf>
    <xf numFmtId="0" fontId="15" fillId="0" borderId="19" xfId="1" applyFont="1" applyBorder="1" applyAlignment="1">
      <alignment horizontal="left" vertical="center" wrapText="1" shrinkToFit="1"/>
    </xf>
    <xf numFmtId="0" fontId="12" fillId="2" borderId="0" xfId="1" applyFont="1" applyFill="1" applyAlignment="1">
      <alignment vertical="top" wrapText="1"/>
    </xf>
    <xf numFmtId="0" fontId="14" fillId="0" borderId="0" xfId="1" applyFont="1" applyAlignment="1">
      <alignment vertical="top" wrapText="1"/>
    </xf>
    <xf numFmtId="0" fontId="14" fillId="0" borderId="38" xfId="1" applyFont="1" applyBorder="1" applyAlignment="1">
      <alignment horizontal="left" vertical="center" wrapText="1" shrinkToFit="1"/>
    </xf>
    <xf numFmtId="0" fontId="15" fillId="0" borderId="22" xfId="1" applyFont="1" applyBorder="1" applyAlignment="1">
      <alignment horizontal="left" vertical="center" wrapText="1" shrinkToFit="1"/>
    </xf>
    <xf numFmtId="0" fontId="15" fillId="0" borderId="0" xfId="1" applyFont="1" applyAlignment="1">
      <alignment horizontal="left" vertical="center" wrapText="1" shrinkToFit="1"/>
    </xf>
    <xf numFmtId="0" fontId="11" fillId="2" borderId="39" xfId="1" applyFont="1" applyFill="1" applyBorder="1" applyAlignment="1">
      <alignment horizontal="center" vertical="center" wrapText="1" shrinkToFit="1"/>
    </xf>
    <xf numFmtId="0" fontId="11" fillId="2" borderId="40" xfId="1" applyFont="1" applyFill="1" applyBorder="1" applyAlignment="1">
      <alignment horizontal="center" vertical="center" wrapText="1" shrinkToFit="1"/>
    </xf>
    <xf numFmtId="0" fontId="31" fillId="2" borderId="41" xfId="1" applyFont="1" applyFill="1" applyBorder="1" applyAlignment="1">
      <alignment horizontal="center" vertical="center" shrinkToFit="1"/>
    </xf>
    <xf numFmtId="0" fontId="12" fillId="0" borderId="0" xfId="1" applyFont="1" applyAlignment="1">
      <alignment horizontal="left" vertical="top" wrapText="1"/>
    </xf>
    <xf numFmtId="0" fontId="14" fillId="2" borderId="0" xfId="1" applyFont="1" applyFill="1" applyAlignment="1">
      <alignment vertical="top" wrapText="1"/>
    </xf>
    <xf numFmtId="0" fontId="15" fillId="0" borderId="42" xfId="1" applyFont="1" applyBorder="1" applyAlignment="1">
      <alignment horizontal="left" vertical="center" wrapText="1" shrinkToFit="1"/>
    </xf>
    <xf numFmtId="0" fontId="15" fillId="0" borderId="43" xfId="1" applyFont="1" applyBorder="1" applyAlignment="1">
      <alignment horizontal="left" vertical="center" wrapText="1" shrinkToFit="1"/>
    </xf>
    <xf numFmtId="0" fontId="11" fillId="2" borderId="11" xfId="1" applyFont="1" applyFill="1" applyBorder="1" applyAlignment="1">
      <alignment horizontal="center" vertical="center" wrapText="1" shrinkToFit="1"/>
    </xf>
    <xf numFmtId="0" fontId="11" fillId="2" borderId="12" xfId="1" applyFont="1" applyFill="1" applyBorder="1" applyAlignment="1">
      <alignment horizontal="center" vertical="center" wrapText="1" shrinkToFit="1"/>
    </xf>
    <xf numFmtId="0" fontId="31" fillId="2" borderId="13" xfId="1" applyFont="1" applyFill="1" applyBorder="1" applyAlignment="1">
      <alignment horizontal="center" vertical="center" shrinkToFit="1"/>
    </xf>
    <xf numFmtId="0" fontId="11" fillId="2" borderId="12" xfId="1" applyFont="1" applyFill="1" applyBorder="1" applyAlignment="1">
      <alignment horizontal="center" vertical="center" wrapText="1" shrinkToFit="1"/>
    </xf>
    <xf numFmtId="0" fontId="12" fillId="5" borderId="0" xfId="1" applyFont="1" applyFill="1" applyAlignment="1">
      <alignment vertical="center" wrapText="1" shrinkToFit="1"/>
    </xf>
    <xf numFmtId="0" fontId="21" fillId="2" borderId="0" xfId="1" applyFont="1" applyFill="1" applyAlignment="1">
      <alignment horizontal="center" vertical="center" wrapText="1"/>
    </xf>
    <xf numFmtId="0" fontId="12" fillId="2" borderId="12" xfId="1" applyFont="1" applyFill="1" applyBorder="1" applyAlignment="1">
      <alignment horizontal="left" vertical="center" wrapText="1" shrinkToFit="1"/>
    </xf>
    <xf numFmtId="0" fontId="11" fillId="2" borderId="20" xfId="1" applyFont="1" applyFill="1" applyBorder="1" applyAlignment="1">
      <alignment horizontal="center" vertical="center" wrapText="1" shrinkToFit="1"/>
    </xf>
    <xf numFmtId="0" fontId="30" fillId="2" borderId="20" xfId="1" applyFont="1" applyFill="1" applyBorder="1" applyAlignment="1">
      <alignment horizontal="center" vertical="center" wrapText="1" shrinkToFit="1"/>
    </xf>
    <xf numFmtId="0" fontId="30" fillId="2" borderId="44" xfId="1" applyFont="1" applyFill="1" applyBorder="1" applyAlignment="1">
      <alignment horizontal="center" vertical="center" shrinkToFit="1"/>
    </xf>
    <xf numFmtId="0" fontId="14" fillId="0" borderId="14" xfId="1" applyFont="1" applyBorder="1" applyAlignment="1">
      <alignment horizontal="left" vertical="center" wrapText="1" shrinkToFit="1"/>
    </xf>
    <xf numFmtId="0" fontId="30" fillId="2" borderId="11" xfId="1" applyFont="1" applyFill="1" applyBorder="1" applyAlignment="1">
      <alignment horizontal="center" vertical="center" wrapText="1" shrinkToFit="1"/>
    </xf>
    <xf numFmtId="0" fontId="30" fillId="2" borderId="12" xfId="1" applyFont="1" applyFill="1" applyBorder="1" applyAlignment="1">
      <alignment horizontal="center" vertical="center" shrinkToFit="1"/>
    </xf>
    <xf numFmtId="0" fontId="0" fillId="0" borderId="45" xfId="0" applyBorder="1" applyAlignment="1">
      <alignment horizontal="center" vertical="center" shrinkToFit="1"/>
    </xf>
    <xf numFmtId="0" fontId="11" fillId="2" borderId="46" xfId="1" applyFont="1" applyFill="1" applyBorder="1" applyAlignment="1">
      <alignment horizontal="center" vertical="center" shrinkToFit="1"/>
    </xf>
    <xf numFmtId="0" fontId="30" fillId="2" borderId="46" xfId="1" applyFont="1" applyFill="1" applyBorder="1" applyAlignment="1">
      <alignment horizontal="center" vertical="center" shrinkToFit="1"/>
    </xf>
    <xf numFmtId="0" fontId="11" fillId="2" borderId="11" xfId="1" applyFont="1" applyFill="1" applyBorder="1" applyAlignment="1">
      <alignment horizontal="center" vertical="center" shrinkToFit="1"/>
    </xf>
    <xf numFmtId="0" fontId="33" fillId="2" borderId="0" xfId="1" applyFont="1" applyFill="1" applyAlignment="1">
      <alignment horizontal="left" vertical="center" wrapText="1" shrinkToFit="1"/>
    </xf>
    <xf numFmtId="0" fontId="33" fillId="2" borderId="0" xfId="1" applyFont="1" applyFill="1" applyAlignment="1">
      <alignment horizontal="left" vertical="center"/>
    </xf>
    <xf numFmtId="0" fontId="31" fillId="2" borderId="13" xfId="1" applyFont="1" applyFill="1" applyBorder="1" applyAlignment="1">
      <alignment horizontal="left" vertical="center" shrinkToFit="1"/>
    </xf>
    <xf numFmtId="0" fontId="33" fillId="0" borderId="0" xfId="1" applyFont="1" applyAlignment="1">
      <alignment horizontal="left" vertical="top" wrapText="1"/>
    </xf>
    <xf numFmtId="0" fontId="34" fillId="2" borderId="0" xfId="1" applyFont="1" applyFill="1" applyAlignment="1">
      <alignment horizontal="left" vertical="top" wrapText="1"/>
    </xf>
    <xf numFmtId="0" fontId="34" fillId="2" borderId="0" xfId="1" applyFont="1" applyFill="1" applyAlignment="1">
      <alignment horizontal="left" vertical="center"/>
    </xf>
    <xf numFmtId="0" fontId="30" fillId="2" borderId="20" xfId="1" applyFont="1" applyFill="1" applyBorder="1" applyAlignment="1">
      <alignment horizontal="center" vertical="center" shrinkToFit="1"/>
    </xf>
    <xf numFmtId="0" fontId="33" fillId="2" borderId="0" xfId="1" applyFont="1" applyFill="1">
      <alignment vertical="center"/>
    </xf>
    <xf numFmtId="0" fontId="34" fillId="2" borderId="0" xfId="1" applyFont="1" applyFill="1" applyAlignment="1">
      <alignment vertical="top" wrapText="1"/>
    </xf>
    <xf numFmtId="0" fontId="34" fillId="2" borderId="0" xfId="1" applyFont="1" applyFill="1">
      <alignment vertical="center"/>
    </xf>
    <xf numFmtId="0" fontId="12" fillId="0" borderId="0" xfId="1" applyFont="1" applyAlignment="1">
      <alignment vertical="center" wrapText="1" shrinkToFit="1"/>
    </xf>
    <xf numFmtId="0" fontId="14" fillId="3" borderId="2" xfId="1" applyFont="1" applyFill="1" applyBorder="1" applyAlignment="1">
      <alignment horizontal="left" vertical="center" wrapText="1" shrinkToFit="1"/>
    </xf>
    <xf numFmtId="0" fontId="15" fillId="3" borderId="36" xfId="1" applyFont="1" applyFill="1" applyBorder="1" applyAlignment="1">
      <alignment horizontal="left" vertical="center" wrapText="1" shrinkToFit="1"/>
    </xf>
    <xf numFmtId="0" fontId="15" fillId="3" borderId="3" xfId="1" applyFont="1" applyFill="1" applyBorder="1" applyAlignment="1">
      <alignment horizontal="left" vertical="center" wrapText="1" shrinkToFit="1"/>
    </xf>
    <xf numFmtId="0" fontId="15" fillId="3" borderId="37" xfId="1" applyFont="1" applyFill="1" applyBorder="1" applyAlignment="1">
      <alignment horizontal="left" vertical="center" wrapText="1" shrinkToFit="1"/>
    </xf>
    <xf numFmtId="0" fontId="15" fillId="0" borderId="47" xfId="1" applyFont="1" applyBorder="1" applyAlignment="1">
      <alignment horizontal="left" vertical="center" wrapText="1" shrinkToFit="1"/>
    </xf>
    <xf numFmtId="0" fontId="15" fillId="0" borderId="48" xfId="1" applyFont="1" applyBorder="1" applyAlignment="1">
      <alignment horizontal="left" vertical="center" wrapText="1" shrinkToFit="1"/>
    </xf>
    <xf numFmtId="0" fontId="15" fillId="0" borderId="49" xfId="1" applyFont="1" applyBorder="1" applyAlignment="1">
      <alignment horizontal="left" vertical="center" wrapText="1" shrinkToFit="1"/>
    </xf>
    <xf numFmtId="0" fontId="25" fillId="0" borderId="21" xfId="1" applyFont="1" applyBorder="1" applyAlignment="1">
      <alignment horizontal="center" vertical="center" shrinkToFit="1"/>
    </xf>
    <xf numFmtId="0" fontId="25" fillId="0" borderId="11" xfId="1" applyFont="1" applyBorder="1" applyAlignment="1">
      <alignment horizontal="center" vertical="center" wrapText="1" shrinkToFit="1"/>
    </xf>
    <xf numFmtId="0" fontId="25" fillId="0" borderId="12" xfId="1" applyFont="1" applyBorder="1" applyAlignment="1">
      <alignment horizontal="center" vertical="center" wrapText="1" shrinkToFit="1"/>
    </xf>
    <xf numFmtId="0" fontId="12" fillId="2" borderId="50" xfId="1" applyFont="1" applyFill="1" applyBorder="1" applyAlignment="1">
      <alignment horizontal="center" vertical="center" wrapText="1" shrinkToFit="1"/>
    </xf>
    <xf numFmtId="0" fontId="14" fillId="4" borderId="24" xfId="1" applyFont="1" applyFill="1" applyBorder="1" applyAlignment="1">
      <alignment horizontal="left" vertical="center" shrinkToFit="1"/>
    </xf>
    <xf numFmtId="0" fontId="15" fillId="4" borderId="25" xfId="1" applyFont="1" applyFill="1" applyBorder="1" applyAlignment="1">
      <alignment horizontal="left" vertical="center" shrinkToFit="1"/>
    </xf>
    <xf numFmtId="0" fontId="15" fillId="4" borderId="26" xfId="1" applyFont="1" applyFill="1" applyBorder="1" applyAlignment="1">
      <alignment horizontal="left" vertical="center" shrinkToFit="1"/>
    </xf>
    <xf numFmtId="0" fontId="15" fillId="4" borderId="27" xfId="1" applyFont="1" applyFill="1" applyBorder="1" applyAlignment="1">
      <alignment horizontal="left" vertical="center" shrinkToFit="1"/>
    </xf>
    <xf numFmtId="0" fontId="12" fillId="4" borderId="51" xfId="1" applyFont="1" applyFill="1" applyBorder="1" applyAlignment="1">
      <alignment vertical="center" wrapText="1" shrinkToFit="1"/>
    </xf>
    <xf numFmtId="0" fontId="12" fillId="4" borderId="52" xfId="1" applyFont="1" applyFill="1" applyBorder="1" applyAlignment="1">
      <alignment vertical="center" wrapText="1" shrinkToFit="1"/>
    </xf>
    <xf numFmtId="0" fontId="12" fillId="4" borderId="53" xfId="1" applyFont="1" applyFill="1" applyBorder="1" applyAlignment="1">
      <alignment vertical="center" wrapText="1" shrinkToFit="1"/>
    </xf>
    <xf numFmtId="0" fontId="12" fillId="2" borderId="25" xfId="1" applyFont="1" applyFill="1" applyBorder="1" applyAlignment="1">
      <alignment horizontal="left" vertical="center" wrapText="1" shrinkToFit="1"/>
    </xf>
    <xf numFmtId="0" fontId="12" fillId="2" borderId="26" xfId="1" applyFont="1" applyFill="1" applyBorder="1" applyAlignment="1">
      <alignment horizontal="left" vertical="center" wrapText="1" shrinkToFit="1"/>
    </xf>
    <xf numFmtId="0" fontId="12" fillId="2" borderId="54" xfId="1" applyFont="1" applyFill="1" applyBorder="1" applyAlignment="1">
      <alignment horizontal="left" vertical="center" wrapText="1" shrinkToFit="1"/>
    </xf>
    <xf numFmtId="0" fontId="12" fillId="4" borderId="55" xfId="1" applyFont="1" applyFill="1" applyBorder="1" applyAlignment="1">
      <alignment vertical="center" wrapText="1" shrinkToFit="1"/>
    </xf>
    <xf numFmtId="0" fontId="12" fillId="4" borderId="56" xfId="1" applyFont="1" applyFill="1" applyBorder="1" applyAlignment="1">
      <alignment vertical="center" wrapText="1" shrinkToFit="1"/>
    </xf>
    <xf numFmtId="0" fontId="12" fillId="4" borderId="57" xfId="1" applyFont="1" applyFill="1" applyBorder="1" applyAlignment="1">
      <alignment vertical="center" wrapText="1" shrinkToFit="1"/>
    </xf>
    <xf numFmtId="0" fontId="12" fillId="2" borderId="58" xfId="1" applyFont="1" applyFill="1" applyBorder="1">
      <alignment vertical="center"/>
    </xf>
    <xf numFmtId="0" fontId="12" fillId="2" borderId="1" xfId="1" applyFont="1" applyFill="1" applyBorder="1">
      <alignment vertical="center"/>
    </xf>
    <xf numFmtId="0" fontId="11" fillId="2" borderId="1" xfId="1" applyFont="1" applyFill="1" applyBorder="1">
      <alignment vertical="center"/>
    </xf>
    <xf numFmtId="0" fontId="12" fillId="2" borderId="59" xfId="1" applyFont="1" applyFill="1" applyBorder="1">
      <alignment vertical="center"/>
    </xf>
    <xf numFmtId="0" fontId="12" fillId="2" borderId="0" xfId="1" applyFont="1" applyFill="1" applyAlignment="1">
      <alignment vertical="center" wrapText="1"/>
    </xf>
    <xf numFmtId="0" fontId="12" fillId="0" borderId="0" xfId="1" applyFont="1" applyAlignment="1">
      <alignment horizontal="left" vertical="center" wrapText="1"/>
    </xf>
    <xf numFmtId="0" fontId="14" fillId="2" borderId="0" xfId="1" applyFont="1" applyFill="1" applyAlignment="1">
      <alignment vertical="center" wrapText="1"/>
    </xf>
    <xf numFmtId="0" fontId="12" fillId="0" borderId="38" xfId="1" applyFont="1" applyBorder="1" applyAlignment="1">
      <alignment horizontal="left" vertical="center" wrapText="1" shrinkToFit="1"/>
    </xf>
    <xf numFmtId="0" fontId="12" fillId="0" borderId="22" xfId="1" applyFont="1" applyBorder="1" applyAlignment="1">
      <alignment horizontal="left" vertical="center" wrapText="1" shrinkToFit="1"/>
    </xf>
    <xf numFmtId="0" fontId="12" fillId="0" borderId="0" xfId="1" applyFont="1" applyAlignment="1">
      <alignment horizontal="left" vertical="center" wrapText="1" shrinkToFit="1"/>
    </xf>
    <xf numFmtId="0" fontId="12" fillId="3" borderId="4" xfId="1" applyFont="1" applyFill="1" applyBorder="1" applyAlignment="1">
      <alignment horizontal="left" vertical="center" wrapText="1" shrinkToFit="1"/>
    </xf>
    <xf numFmtId="0" fontId="12" fillId="2" borderId="38" xfId="1" applyFont="1" applyFill="1" applyBorder="1" applyAlignment="1">
      <alignment horizontal="left" vertical="center" wrapText="1" shrinkToFit="1"/>
    </xf>
    <xf numFmtId="0" fontId="12" fillId="2" borderId="0" xfId="1" applyFont="1" applyFill="1" applyAlignment="1">
      <alignment horizontal="left" vertical="center" wrapText="1" shrinkToFit="1"/>
    </xf>
    <xf numFmtId="0" fontId="12" fillId="2" borderId="60" xfId="1" applyFont="1" applyFill="1" applyBorder="1" applyAlignment="1">
      <alignment horizontal="left" vertical="center" wrapText="1" shrinkToFit="1"/>
    </xf>
    <xf numFmtId="0" fontId="25" fillId="0" borderId="61" xfId="1" applyFont="1" applyBorder="1" applyAlignment="1">
      <alignment horizontal="center" vertical="center" wrapText="1" shrinkToFit="1"/>
    </xf>
    <xf numFmtId="0" fontId="25" fillId="0" borderId="62" xfId="1" applyFont="1" applyBorder="1" applyAlignment="1">
      <alignment horizontal="center" vertical="center" wrapText="1" shrinkToFit="1"/>
    </xf>
    <xf numFmtId="0" fontId="15" fillId="4" borderId="54" xfId="1" applyFont="1" applyFill="1" applyBorder="1" applyAlignment="1">
      <alignment horizontal="left" vertical="center" shrinkToFit="1"/>
    </xf>
    <xf numFmtId="0" fontId="12" fillId="2" borderId="63" xfId="1" applyFont="1" applyFill="1" applyBorder="1" applyAlignment="1">
      <alignment horizontal="left" vertical="center" wrapText="1" shrinkToFit="1"/>
    </xf>
    <xf numFmtId="0" fontId="12" fillId="2" borderId="64" xfId="1" applyFont="1" applyFill="1" applyBorder="1" applyAlignment="1">
      <alignment horizontal="left" vertical="center" wrapText="1" shrinkToFit="1"/>
    </xf>
    <xf numFmtId="0" fontId="12" fillId="4" borderId="38" xfId="2" applyFont="1" applyFill="1" applyBorder="1" applyAlignment="1">
      <alignment horizontal="left" vertical="center" shrinkToFit="1"/>
    </xf>
    <xf numFmtId="0" fontId="12" fillId="4" borderId="0" xfId="2" applyFont="1" applyFill="1" applyAlignment="1">
      <alignment horizontal="left" vertical="center" shrinkToFit="1"/>
    </xf>
    <xf numFmtId="0" fontId="12" fillId="4" borderId="60" xfId="2" applyFont="1" applyFill="1" applyBorder="1" applyAlignment="1">
      <alignment horizontal="left" vertical="center" shrinkToFit="1"/>
    </xf>
    <xf numFmtId="0" fontId="12" fillId="2" borderId="18" xfId="2" applyFont="1" applyFill="1" applyBorder="1" applyAlignment="1">
      <alignment horizontal="left" vertical="center" wrapText="1" shrinkToFit="1"/>
    </xf>
    <xf numFmtId="0" fontId="12" fillId="2" borderId="19" xfId="2" applyFont="1" applyFill="1" applyBorder="1" applyAlignment="1">
      <alignment horizontal="left" vertical="center" wrapText="1" shrinkToFit="1"/>
    </xf>
    <xf numFmtId="0" fontId="12" fillId="2" borderId="65" xfId="2" applyFont="1" applyFill="1" applyBorder="1" applyAlignment="1">
      <alignment horizontal="left" vertical="center" wrapText="1" shrinkToFit="1"/>
    </xf>
    <xf numFmtId="0" fontId="12" fillId="2" borderId="0" xfId="2" applyFont="1" applyFill="1" applyAlignment="1">
      <alignment horizontal="left" vertical="center" wrapText="1" shrinkToFit="1"/>
    </xf>
    <xf numFmtId="0" fontId="12" fillId="2" borderId="0" xfId="2" applyFont="1" applyFill="1">
      <alignment vertical="center"/>
    </xf>
    <xf numFmtId="0" fontId="12" fillId="2" borderId="0" xfId="2" applyFont="1" applyFill="1" applyAlignment="1">
      <alignment vertical="top" wrapText="1"/>
    </xf>
    <xf numFmtId="0" fontId="12" fillId="0" borderId="0" xfId="2" applyFont="1" applyAlignment="1">
      <alignment horizontal="left" vertical="top" wrapText="1"/>
    </xf>
    <xf numFmtId="0" fontId="14" fillId="2" borderId="0" xfId="2" applyFont="1" applyFill="1" applyAlignment="1">
      <alignment vertical="top" wrapText="1"/>
    </xf>
    <xf numFmtId="0" fontId="14" fillId="2" borderId="0" xfId="2" applyFont="1" applyFill="1">
      <alignment vertical="center"/>
    </xf>
    <xf numFmtId="0" fontId="12" fillId="4" borderId="66" xfId="2" applyFont="1" applyFill="1" applyBorder="1" applyAlignment="1">
      <alignment horizontal="left" vertical="center" shrinkToFit="1"/>
    </xf>
    <xf numFmtId="0" fontId="12" fillId="4" borderId="1" xfId="2" applyFont="1" applyFill="1" applyBorder="1" applyAlignment="1">
      <alignment horizontal="left" vertical="center" shrinkToFit="1"/>
    </xf>
    <xf numFmtId="0" fontId="12" fillId="4" borderId="67" xfId="2" applyFont="1" applyFill="1" applyBorder="1" applyAlignment="1">
      <alignment horizontal="left" vertical="center" shrinkToFit="1"/>
    </xf>
    <xf numFmtId="0" fontId="12" fillId="2" borderId="22" xfId="2" applyFont="1" applyFill="1" applyBorder="1" applyAlignment="1">
      <alignment horizontal="left" vertical="center" wrapText="1" shrinkToFit="1"/>
    </xf>
    <xf numFmtId="0" fontId="12" fillId="2" borderId="0" xfId="2" applyFont="1" applyFill="1" applyAlignment="1">
      <alignment horizontal="left" vertical="center" wrapText="1" shrinkToFit="1"/>
    </xf>
    <xf numFmtId="0" fontId="12" fillId="2" borderId="68" xfId="2" applyFont="1" applyFill="1" applyBorder="1" applyAlignment="1">
      <alignment horizontal="left" vertical="center" wrapText="1" shrinkToFit="1"/>
    </xf>
    <xf numFmtId="0" fontId="12" fillId="2" borderId="0" xfId="2" applyFont="1" applyFill="1" applyAlignment="1">
      <alignment horizontal="left" vertical="center" shrinkToFit="1"/>
    </xf>
    <xf numFmtId="0" fontId="29" fillId="2" borderId="0" xfId="2" applyFont="1" applyFill="1" applyAlignment="1">
      <alignment horizontal="center" vertical="center" wrapText="1" shrinkToFit="1"/>
    </xf>
    <xf numFmtId="0" fontId="12" fillId="0" borderId="0" xfId="2" applyFont="1" applyAlignment="1">
      <alignment horizontal="left" vertical="center"/>
    </xf>
    <xf numFmtId="0" fontId="14" fillId="0" borderId="0" xfId="2" applyFont="1">
      <alignment vertical="center"/>
    </xf>
    <xf numFmtId="0" fontId="12" fillId="4" borderId="54" xfId="1" applyFont="1" applyFill="1" applyBorder="1" applyAlignment="1">
      <alignment horizontal="left" vertical="center" shrinkToFit="1"/>
    </xf>
    <xf numFmtId="0" fontId="12" fillId="2" borderId="69" xfId="1" applyFont="1" applyFill="1" applyBorder="1" applyAlignment="1">
      <alignment horizontal="center" vertical="center" wrapText="1" shrinkToFit="1"/>
    </xf>
    <xf numFmtId="0" fontId="12" fillId="2" borderId="70" xfId="1" applyFont="1" applyFill="1" applyBorder="1" applyAlignment="1">
      <alignment horizontal="center" vertical="center" wrapText="1" shrinkToFit="1"/>
    </xf>
    <xf numFmtId="0" fontId="12" fillId="2" borderId="71" xfId="1" applyFont="1" applyFill="1" applyBorder="1" applyAlignment="1">
      <alignment horizontal="center" vertical="center" wrapText="1" shrinkToFit="1"/>
    </xf>
    <xf numFmtId="0" fontId="12" fillId="2" borderId="72" xfId="1" applyFont="1" applyFill="1" applyBorder="1" applyAlignment="1">
      <alignment horizontal="center" vertical="center" wrapText="1" shrinkToFit="1"/>
    </xf>
    <xf numFmtId="0" fontId="12" fillId="2" borderId="73" xfId="1" applyFont="1" applyFill="1" applyBorder="1" applyAlignment="1">
      <alignment horizontal="center" vertical="center" wrapText="1" shrinkToFit="1"/>
    </xf>
    <xf numFmtId="0" fontId="12" fillId="2" borderId="74" xfId="1" applyFont="1" applyFill="1" applyBorder="1" applyAlignment="1">
      <alignment horizontal="center" vertical="center" wrapText="1" shrinkToFit="1"/>
    </xf>
    <xf numFmtId="0" fontId="12" fillId="2" borderId="75" xfId="1" applyFont="1" applyFill="1" applyBorder="1" applyAlignment="1">
      <alignment horizontal="center" vertical="center" wrapText="1" shrinkToFit="1"/>
    </xf>
    <xf numFmtId="0" fontId="12" fillId="2" borderId="22" xfId="1" applyFont="1" applyFill="1" applyBorder="1" applyAlignment="1">
      <alignment horizontal="left" vertical="center" wrapText="1" shrinkToFit="1"/>
    </xf>
    <xf numFmtId="0" fontId="11" fillId="2" borderId="21" xfId="1" applyFont="1" applyFill="1" applyBorder="1" applyAlignment="1">
      <alignment horizontal="center" vertical="center" shrinkToFit="1"/>
    </xf>
    <xf numFmtId="0" fontId="14" fillId="4" borderId="42" xfId="1" applyFont="1" applyFill="1" applyBorder="1" applyAlignment="1">
      <alignment horizontal="left" vertical="center" shrinkToFit="1"/>
    </xf>
    <xf numFmtId="0" fontId="15" fillId="4" borderId="43" xfId="1" applyFont="1" applyFill="1" applyBorder="1" applyAlignment="1">
      <alignment horizontal="left" vertical="center" shrinkToFit="1"/>
    </xf>
    <xf numFmtId="0" fontId="15" fillId="4" borderId="63" xfId="1" applyFont="1" applyFill="1" applyBorder="1" applyAlignment="1">
      <alignment horizontal="left" vertical="center" shrinkToFit="1"/>
    </xf>
    <xf numFmtId="0" fontId="15" fillId="4" borderId="76" xfId="1" applyFont="1" applyFill="1" applyBorder="1" applyAlignment="1">
      <alignment horizontal="left" vertical="center" shrinkToFit="1"/>
    </xf>
    <xf numFmtId="0" fontId="12" fillId="4" borderId="66" xfId="1" applyFont="1" applyFill="1" applyBorder="1" applyAlignment="1">
      <alignment vertical="center" shrinkToFit="1"/>
    </xf>
    <xf numFmtId="0" fontId="12" fillId="4" borderId="1" xfId="1" applyFont="1" applyFill="1" applyBorder="1" applyAlignment="1">
      <alignment vertical="center" shrinkToFit="1"/>
    </xf>
    <xf numFmtId="0" fontId="12" fillId="4" borderId="59" xfId="1" applyFont="1" applyFill="1" applyBorder="1" applyAlignment="1">
      <alignment vertical="center" shrinkToFit="1"/>
    </xf>
    <xf numFmtId="0" fontId="12" fillId="0" borderId="51" xfId="1" applyFont="1" applyBorder="1" applyAlignment="1">
      <alignment vertical="center" wrapText="1" shrinkToFit="1"/>
    </xf>
    <xf numFmtId="0" fontId="12" fillId="0" borderId="52" xfId="1" applyFont="1" applyBorder="1" applyAlignment="1">
      <alignment vertical="center" wrapText="1" shrinkToFit="1"/>
    </xf>
    <xf numFmtId="0" fontId="12" fillId="0" borderId="53" xfId="1" applyFont="1" applyBorder="1" applyAlignment="1">
      <alignment vertical="center" wrapText="1" shrinkToFit="1"/>
    </xf>
    <xf numFmtId="0" fontId="12" fillId="4" borderId="77" xfId="1" applyFont="1" applyFill="1" applyBorder="1" applyAlignment="1">
      <alignment horizontal="left" vertical="center" wrapText="1" shrinkToFit="1"/>
    </xf>
    <xf numFmtId="0" fontId="12" fillId="4" borderId="53" xfId="1" applyFont="1" applyFill="1" applyBorder="1" applyAlignment="1">
      <alignment horizontal="left" vertical="center" wrapText="1" shrinkToFit="1"/>
    </xf>
    <xf numFmtId="0" fontId="12" fillId="2" borderId="77" xfId="1" applyFont="1" applyFill="1" applyBorder="1" applyAlignment="1">
      <alignment horizontal="left" vertical="center" wrapText="1" shrinkToFit="1"/>
    </xf>
    <xf numFmtId="0" fontId="12" fillId="2" borderId="52" xfId="1" applyFont="1" applyFill="1" applyBorder="1" applyAlignment="1">
      <alignment horizontal="left" vertical="center" wrapText="1" shrinkToFit="1"/>
    </xf>
    <xf numFmtId="0" fontId="12" fillId="2" borderId="78" xfId="1" applyFont="1" applyFill="1" applyBorder="1" applyAlignment="1">
      <alignment horizontal="left" vertical="center" wrapText="1" shrinkToFit="1"/>
    </xf>
    <xf numFmtId="0" fontId="12" fillId="0" borderId="17" xfId="2" applyFont="1" applyBorder="1" applyAlignment="1">
      <alignment vertical="center" wrapText="1" shrinkToFit="1"/>
    </xf>
    <xf numFmtId="0" fontId="12" fillId="0" borderId="19" xfId="2" applyFont="1" applyBorder="1" applyAlignment="1">
      <alignment vertical="center" wrapText="1" shrinkToFit="1"/>
    </xf>
    <xf numFmtId="0" fontId="12" fillId="0" borderId="79" xfId="2" applyFont="1" applyBorder="1" applyAlignment="1">
      <alignment vertical="center" wrapText="1" shrinkToFit="1"/>
    </xf>
    <xf numFmtId="0" fontId="12" fillId="2" borderId="15" xfId="2" applyFont="1" applyFill="1" applyBorder="1" applyAlignment="1">
      <alignment horizontal="left" vertical="center" wrapText="1" shrinkToFit="1"/>
    </xf>
    <xf numFmtId="0" fontId="12" fillId="2" borderId="16" xfId="2" applyFont="1" applyFill="1" applyBorder="1" applyAlignment="1">
      <alignment horizontal="left" vertical="center" wrapText="1" shrinkToFit="1"/>
    </xf>
    <xf numFmtId="0" fontId="12" fillId="2" borderId="80" xfId="2" applyFont="1" applyFill="1" applyBorder="1" applyAlignment="1">
      <alignment horizontal="left" vertical="center" wrapText="1" shrinkToFit="1"/>
    </xf>
    <xf numFmtId="0" fontId="12" fillId="0" borderId="38" xfId="2" applyFont="1" applyBorder="1" applyAlignment="1">
      <alignment vertical="center" wrapText="1" shrinkToFit="1"/>
    </xf>
    <xf numFmtId="0" fontId="12" fillId="0" borderId="0" xfId="2" applyFont="1" applyAlignment="1">
      <alignment vertical="center" wrapText="1" shrinkToFit="1"/>
    </xf>
    <xf numFmtId="0" fontId="12" fillId="0" borderId="60" xfId="2" applyFont="1" applyBorder="1" applyAlignment="1">
      <alignment vertical="center" wrapText="1" shrinkToFit="1"/>
    </xf>
    <xf numFmtId="0" fontId="12" fillId="0" borderId="8" xfId="2" applyFont="1" applyBorder="1" applyAlignment="1">
      <alignment vertical="center" wrapText="1" shrinkToFit="1"/>
    </xf>
    <xf numFmtId="0" fontId="12" fillId="0" borderId="10" xfId="2" applyFont="1" applyBorder="1" applyAlignment="1">
      <alignment vertical="center" wrapText="1" shrinkToFit="1"/>
    </xf>
    <xf numFmtId="0" fontId="12" fillId="0" borderId="81" xfId="2" applyFont="1" applyBorder="1" applyAlignment="1">
      <alignment vertical="center" wrapText="1" shrinkToFit="1"/>
    </xf>
    <xf numFmtId="0" fontId="12" fillId="0" borderId="66" xfId="2" applyFont="1" applyBorder="1" applyAlignment="1">
      <alignment vertical="center" wrapText="1" shrinkToFit="1"/>
    </xf>
    <xf numFmtId="0" fontId="12" fillId="0" borderId="1" xfId="2" applyFont="1" applyBorder="1" applyAlignment="1">
      <alignment vertical="center" wrapText="1" shrinkToFit="1"/>
    </xf>
    <xf numFmtId="0" fontId="12" fillId="0" borderId="67" xfId="2" applyFont="1" applyBorder="1" applyAlignment="1">
      <alignment vertical="center" wrapText="1" shrinkToFit="1"/>
    </xf>
    <xf numFmtId="0" fontId="12" fillId="4" borderId="82" xfId="2" applyFont="1" applyFill="1" applyBorder="1" applyAlignment="1">
      <alignment horizontal="left" vertical="center" wrapText="1" shrinkToFit="1"/>
    </xf>
    <xf numFmtId="0" fontId="12" fillId="4" borderId="57" xfId="2" applyFont="1" applyFill="1" applyBorder="1" applyAlignment="1">
      <alignment horizontal="left" vertical="center" wrapText="1" shrinkToFit="1"/>
    </xf>
    <xf numFmtId="0" fontId="12" fillId="2" borderId="82" xfId="2" applyFont="1" applyFill="1" applyBorder="1" applyAlignment="1">
      <alignment horizontal="left" vertical="center" wrapText="1" shrinkToFit="1"/>
    </xf>
    <xf numFmtId="0" fontId="12" fillId="2" borderId="56" xfId="2" applyFont="1" applyFill="1" applyBorder="1" applyAlignment="1">
      <alignment horizontal="left" vertical="center" wrapText="1" shrinkToFit="1"/>
    </xf>
    <xf numFmtId="0" fontId="12" fillId="2" borderId="83" xfId="2" applyFont="1" applyFill="1" applyBorder="1" applyAlignment="1">
      <alignment horizontal="left" vertical="center" wrapText="1" shrinkToFit="1"/>
    </xf>
    <xf numFmtId="0" fontId="25" fillId="0" borderId="39" xfId="1" applyFont="1" applyBorder="1" applyAlignment="1">
      <alignment horizontal="center" vertical="center" wrapText="1" shrinkToFit="1"/>
    </xf>
    <xf numFmtId="0" fontId="25" fillId="0" borderId="40" xfId="1" applyFont="1" applyBorder="1" applyAlignment="1">
      <alignment horizontal="center" vertical="center" wrapText="1" shrinkToFit="1"/>
    </xf>
    <xf numFmtId="0" fontId="12" fillId="2" borderId="42" xfId="1" applyFont="1" applyFill="1" applyBorder="1" applyAlignment="1">
      <alignment horizontal="left" vertical="center" wrapText="1" shrinkToFit="1"/>
    </xf>
    <xf numFmtId="0" fontId="12" fillId="2" borderId="43" xfId="1" applyFont="1" applyFill="1" applyBorder="1" applyAlignment="1">
      <alignment horizontal="left" vertical="center" wrapText="1" shrinkToFit="1"/>
    </xf>
    <xf numFmtId="0" fontId="25" fillId="0" borderId="21" xfId="1" applyFont="1" applyBorder="1" applyAlignment="1">
      <alignment horizontal="center" vertical="center" wrapText="1" shrinkToFit="1"/>
    </xf>
    <xf numFmtId="0" fontId="25" fillId="0" borderId="23" xfId="1" applyFont="1" applyBorder="1" applyAlignment="1">
      <alignment horizontal="center" vertical="center" wrapText="1" shrinkToFit="1"/>
    </xf>
    <xf numFmtId="0" fontId="31" fillId="2" borderId="0" xfId="1" applyFont="1" applyFill="1" applyAlignment="1">
      <alignment horizontal="center" vertical="center" shrinkToFit="1"/>
    </xf>
    <xf numFmtId="0" fontId="25" fillId="0" borderId="84" xfId="1" applyFont="1" applyBorder="1" applyAlignment="1">
      <alignment horizontal="center" vertical="center" wrapText="1" shrinkToFit="1"/>
    </xf>
    <xf numFmtId="0" fontId="25" fillId="0" borderId="85" xfId="1" applyFont="1" applyBorder="1" applyAlignment="1">
      <alignment horizontal="center" vertical="center" wrapText="1" shrinkToFit="1"/>
    </xf>
    <xf numFmtId="0" fontId="12" fillId="2" borderId="24" xfId="1" applyFont="1" applyFill="1" applyBorder="1" applyAlignment="1">
      <alignment vertical="center" wrapText="1" shrinkToFit="1"/>
    </xf>
    <xf numFmtId="0" fontId="12" fillId="2" borderId="26" xfId="1" applyFont="1" applyFill="1" applyBorder="1" applyAlignment="1">
      <alignment vertical="center" wrapText="1" shrinkToFit="1"/>
    </xf>
    <xf numFmtId="0" fontId="12" fillId="2" borderId="54" xfId="1" applyFont="1" applyFill="1" applyBorder="1" applyAlignment="1">
      <alignment vertical="center" wrapText="1" shrinkToFit="1"/>
    </xf>
    <xf numFmtId="0" fontId="12" fillId="2" borderId="66" xfId="1" applyFont="1" applyFill="1" applyBorder="1" applyAlignment="1">
      <alignment horizontal="left" vertical="center" wrapText="1" shrinkToFit="1"/>
    </xf>
    <xf numFmtId="0" fontId="12" fillId="2" borderId="58" xfId="1" applyFont="1" applyFill="1" applyBorder="1" applyAlignment="1">
      <alignment horizontal="left" vertical="center" wrapText="1" shrinkToFit="1"/>
    </xf>
    <xf numFmtId="0" fontId="12" fillId="2" borderId="1" xfId="1" applyFont="1" applyFill="1" applyBorder="1" applyAlignment="1">
      <alignment horizontal="left" vertical="center" wrapText="1" shrinkToFit="1"/>
    </xf>
    <xf numFmtId="0" fontId="12" fillId="0" borderId="86" xfId="1" applyFont="1" applyBorder="1" applyAlignment="1">
      <alignment horizontal="left" vertical="center" wrapText="1" shrinkToFit="1"/>
    </xf>
    <xf numFmtId="0" fontId="12" fillId="0" borderId="87" xfId="1" applyFont="1" applyBorder="1" applyAlignment="1">
      <alignment horizontal="left" vertical="center" wrapText="1" shrinkToFit="1"/>
    </xf>
    <xf numFmtId="0" fontId="12" fillId="0" borderId="88" xfId="1" applyFont="1" applyBorder="1" applyAlignment="1">
      <alignment horizontal="left" vertical="center" wrapText="1" shrinkToFit="1"/>
    </xf>
    <xf numFmtId="0" fontId="12" fillId="4" borderId="66" xfId="1" applyFont="1" applyFill="1" applyBorder="1" applyAlignment="1">
      <alignment horizontal="left" vertical="center" shrinkToFit="1"/>
    </xf>
    <xf numFmtId="0" fontId="12" fillId="4" borderId="58" xfId="1" applyFont="1" applyFill="1" applyBorder="1" applyAlignment="1">
      <alignment horizontal="left" vertical="center" shrinkToFit="1"/>
    </xf>
    <xf numFmtId="0" fontId="12" fillId="4" borderId="1" xfId="1" applyFont="1" applyFill="1" applyBorder="1" applyAlignment="1">
      <alignment horizontal="left" vertical="center" shrinkToFit="1"/>
    </xf>
    <xf numFmtId="0" fontId="12" fillId="4" borderId="85" xfId="1" applyFont="1" applyFill="1" applyBorder="1" applyAlignment="1">
      <alignment horizontal="left" vertical="center" shrinkToFit="1"/>
    </xf>
    <xf numFmtId="0" fontId="15" fillId="3" borderId="4" xfId="1" applyFont="1" applyFill="1" applyBorder="1" applyAlignment="1">
      <alignment horizontal="left" vertical="center" wrapText="1" shrinkToFit="1"/>
    </xf>
    <xf numFmtId="0" fontId="15" fillId="0" borderId="89" xfId="1" applyFont="1" applyBorder="1" applyAlignment="1">
      <alignment horizontal="left" vertical="center" wrapText="1" shrinkToFit="1"/>
    </xf>
    <xf numFmtId="0" fontId="15" fillId="0" borderId="90" xfId="1" applyFont="1" applyBorder="1" applyAlignment="1">
      <alignment horizontal="left" vertical="center" wrapText="1" shrinkToFit="1"/>
    </xf>
    <xf numFmtId="0" fontId="15" fillId="0" borderId="38" xfId="1" applyFont="1" applyBorder="1" applyAlignment="1">
      <alignment horizontal="left" vertical="center" wrapText="1" shrinkToFit="1"/>
    </xf>
    <xf numFmtId="0" fontId="15" fillId="0" borderId="60" xfId="1" applyFont="1" applyBorder="1" applyAlignment="1">
      <alignment horizontal="left" vertical="center" wrapText="1" shrinkToFit="1"/>
    </xf>
    <xf numFmtId="0" fontId="25" fillId="0" borderId="46" xfId="1" applyFont="1" applyBorder="1" applyAlignment="1">
      <alignment horizontal="center" vertical="center" shrinkToFit="1"/>
    </xf>
    <xf numFmtId="0" fontId="25" fillId="0" borderId="9" xfId="1" applyFont="1" applyBorder="1" applyAlignment="1">
      <alignment horizontal="center" vertical="center" wrapText="1" shrinkToFit="1"/>
    </xf>
    <xf numFmtId="0" fontId="25" fillId="0" borderId="12" xfId="1" applyFont="1" applyBorder="1" applyAlignment="1">
      <alignment horizontal="center" vertical="center" shrinkToFit="1"/>
    </xf>
    <xf numFmtId="0" fontId="15" fillId="0" borderId="91" xfId="1" applyFont="1" applyBorder="1" applyAlignment="1">
      <alignment horizontal="left" vertical="center" wrapText="1" shrinkToFit="1"/>
    </xf>
    <xf numFmtId="0" fontId="15" fillId="0" borderId="92" xfId="1" applyFont="1" applyBorder="1" applyAlignment="1">
      <alignment horizontal="left" vertical="center" wrapText="1" shrinkToFit="1"/>
    </xf>
    <xf numFmtId="0" fontId="15" fillId="0" borderId="93" xfId="1" applyFont="1" applyBorder="1" applyAlignment="1">
      <alignment horizontal="left" vertical="center" wrapText="1" shrinkToFit="1"/>
    </xf>
    <xf numFmtId="0" fontId="25" fillId="0" borderId="94" xfId="1" applyFont="1" applyBorder="1" applyAlignment="1">
      <alignment horizontal="center" vertical="center" shrinkToFit="1"/>
    </xf>
    <xf numFmtId="0" fontId="15" fillId="0" borderId="66" xfId="1" applyFont="1" applyBorder="1" applyAlignment="1">
      <alignment horizontal="left" vertical="center" wrapText="1" shrinkToFit="1"/>
    </xf>
    <xf numFmtId="0" fontId="15" fillId="0" borderId="1" xfId="1" applyFont="1" applyBorder="1" applyAlignment="1">
      <alignment horizontal="left" vertical="center" wrapText="1" shrinkToFit="1"/>
    </xf>
    <xf numFmtId="0" fontId="15" fillId="0" borderId="67" xfId="1" applyFont="1" applyBorder="1" applyAlignment="1">
      <alignment horizontal="left" vertical="center" wrapText="1" shrinkToFit="1"/>
    </xf>
    <xf numFmtId="0" fontId="15" fillId="4" borderId="24" xfId="1" applyFont="1" applyFill="1" applyBorder="1" applyAlignment="1">
      <alignment horizontal="left" vertical="center" shrinkToFit="1"/>
    </xf>
    <xf numFmtId="0" fontId="15" fillId="0" borderId="28" xfId="1" applyFont="1" applyBorder="1" applyAlignment="1">
      <alignment horizontal="center" vertical="center" wrapText="1" shrinkToFit="1"/>
    </xf>
    <xf numFmtId="0" fontId="15" fillId="0" borderId="29" xfId="1" applyFont="1" applyBorder="1" applyAlignment="1">
      <alignment horizontal="center" vertical="center" wrapText="1" shrinkToFit="1"/>
    </xf>
    <xf numFmtId="0" fontId="15" fillId="0" borderId="30" xfId="1" applyFont="1" applyBorder="1" applyAlignment="1">
      <alignment horizontal="center" vertical="center" wrapText="1" shrinkToFit="1"/>
    </xf>
    <xf numFmtId="0" fontId="15" fillId="0" borderId="31" xfId="1" applyFont="1" applyBorder="1" applyAlignment="1">
      <alignment horizontal="center" vertical="center" wrapText="1" shrinkToFit="1"/>
    </xf>
    <xf numFmtId="0" fontId="15" fillId="0" borderId="32" xfId="1" applyFont="1" applyBorder="1" applyAlignment="1">
      <alignment horizontal="center" vertical="center" wrapText="1" shrinkToFit="1"/>
    </xf>
    <xf numFmtId="0" fontId="15" fillId="0" borderId="33" xfId="1" applyFont="1" applyBorder="1" applyAlignment="1">
      <alignment horizontal="center" vertical="center" wrapText="1" shrinkToFit="1"/>
    </xf>
    <xf numFmtId="0" fontId="15" fillId="0" borderId="34" xfId="1" applyFont="1" applyBorder="1" applyAlignment="1">
      <alignment horizontal="center" vertical="center" wrapText="1" shrinkToFit="1"/>
    </xf>
    <xf numFmtId="0" fontId="15" fillId="0" borderId="35" xfId="1" applyFont="1" applyBorder="1" applyAlignment="1">
      <alignment horizontal="center" vertical="center" wrapText="1" shrinkToFit="1"/>
    </xf>
    <xf numFmtId="0" fontId="12" fillId="3" borderId="2" xfId="1" applyFont="1" applyFill="1" applyBorder="1" applyAlignment="1">
      <alignment vertical="center" shrinkToFit="1"/>
    </xf>
    <xf numFmtId="0" fontId="12" fillId="3" borderId="3" xfId="1" applyFont="1" applyFill="1" applyBorder="1" applyAlignment="1">
      <alignment vertical="center" shrinkToFit="1"/>
    </xf>
    <xf numFmtId="0" fontId="12" fillId="3" borderId="4" xfId="1" applyFont="1" applyFill="1" applyBorder="1" applyAlignment="1">
      <alignment vertical="center" shrinkToFit="1"/>
    </xf>
    <xf numFmtId="0" fontId="12" fillId="2" borderId="42" xfId="2" applyFont="1" applyFill="1" applyBorder="1">
      <alignment vertical="center"/>
    </xf>
    <xf numFmtId="0" fontId="12" fillId="2" borderId="63" xfId="2" applyFont="1" applyFill="1" applyBorder="1">
      <alignment vertical="center"/>
    </xf>
    <xf numFmtId="0" fontId="12" fillId="2" borderId="64" xfId="2" applyFont="1" applyFill="1" applyBorder="1">
      <alignment vertical="center"/>
    </xf>
    <xf numFmtId="0" fontId="12" fillId="2" borderId="66" xfId="2" applyFont="1" applyFill="1" applyBorder="1" applyAlignment="1">
      <alignment vertical="center" wrapText="1" shrinkToFit="1"/>
    </xf>
    <xf numFmtId="0" fontId="12" fillId="2" borderId="1" xfId="2" applyFont="1" applyFill="1" applyBorder="1" applyAlignment="1">
      <alignment vertical="center" wrapText="1" shrinkToFit="1"/>
    </xf>
    <xf numFmtId="0" fontId="12" fillId="2" borderId="59" xfId="2" applyFont="1" applyFill="1" applyBorder="1" applyAlignment="1">
      <alignment vertical="center" wrapText="1" shrinkToFit="1"/>
    </xf>
    <xf numFmtId="0" fontId="12" fillId="0" borderId="42" xfId="2" applyFont="1" applyBorder="1">
      <alignment vertical="center"/>
    </xf>
    <xf numFmtId="0" fontId="12" fillId="0" borderId="63" xfId="2" applyFont="1" applyBorder="1">
      <alignment vertical="center"/>
    </xf>
    <xf numFmtId="0" fontId="12" fillId="0" borderId="64" xfId="2" applyFont="1" applyBorder="1">
      <alignment vertical="center"/>
    </xf>
    <xf numFmtId="0" fontId="15" fillId="3" borderId="2" xfId="1" applyFont="1" applyFill="1" applyBorder="1" applyAlignment="1">
      <alignment horizontal="left" vertical="center" wrapText="1" shrinkToFit="1"/>
    </xf>
    <xf numFmtId="0" fontId="35" fillId="0" borderId="0" xfId="1" applyFont="1" applyAlignment="1">
      <alignment horizontal="left" vertical="center" wrapText="1" shrinkToFit="1"/>
    </xf>
    <xf numFmtId="0" fontId="35" fillId="0" borderId="0" xfId="1" applyFont="1">
      <alignment vertical="center"/>
    </xf>
    <xf numFmtId="0" fontId="35" fillId="0" borderId="0" xfId="1" applyFont="1" applyAlignment="1">
      <alignment vertical="top" wrapText="1"/>
    </xf>
    <xf numFmtId="0" fontId="36" fillId="0" borderId="0" xfId="1" applyFont="1" applyAlignment="1">
      <alignment horizontal="left" vertical="top" wrapText="1"/>
    </xf>
    <xf numFmtId="0" fontId="35" fillId="6" borderId="0" xfId="1" applyFont="1" applyFill="1" applyAlignment="1">
      <alignment vertical="top" wrapText="1"/>
    </xf>
    <xf numFmtId="0" fontId="35" fillId="6" borderId="0" xfId="1" applyFont="1" applyFill="1">
      <alignment vertical="center"/>
    </xf>
    <xf numFmtId="0" fontId="15" fillId="2" borderId="38" xfId="1" applyFont="1" applyFill="1" applyBorder="1" applyAlignment="1">
      <alignment horizontal="left" vertical="center" wrapText="1" shrinkToFit="1"/>
    </xf>
    <xf numFmtId="0" fontId="15" fillId="2" borderId="0" xfId="1" applyFont="1" applyFill="1" applyAlignment="1">
      <alignment horizontal="left" vertical="center" wrapText="1" shrinkToFit="1"/>
    </xf>
    <xf numFmtId="0" fontId="15" fillId="2" borderId="60" xfId="1" applyFont="1" applyFill="1" applyBorder="1" applyAlignment="1">
      <alignment horizontal="left" vertical="center" wrapText="1" shrinkToFit="1"/>
    </xf>
    <xf numFmtId="0" fontId="25" fillId="2" borderId="61" xfId="1" applyFont="1" applyFill="1" applyBorder="1" applyAlignment="1">
      <alignment horizontal="center" vertical="center" wrapText="1" shrinkToFit="1"/>
    </xf>
    <xf numFmtId="0" fontId="25" fillId="2" borderId="62" xfId="1" applyFont="1" applyFill="1" applyBorder="1" applyAlignment="1">
      <alignment horizontal="center" vertical="center" wrapText="1" shrinkToFit="1"/>
    </xf>
    <xf numFmtId="0" fontId="37" fillId="0" borderId="13" xfId="1" applyFont="1" applyBorder="1" applyAlignment="1">
      <alignment horizontal="center" vertical="center" shrinkToFit="1"/>
    </xf>
    <xf numFmtId="0" fontId="15" fillId="4" borderId="42" xfId="1" applyFont="1" applyFill="1" applyBorder="1" applyAlignment="1">
      <alignment horizontal="left" vertical="center" shrinkToFit="1"/>
    </xf>
    <xf numFmtId="0" fontId="15" fillId="4" borderId="64" xfId="1" applyFont="1" applyFill="1" applyBorder="1" applyAlignment="1">
      <alignment horizontal="left" vertical="center" shrinkToFit="1"/>
    </xf>
    <xf numFmtId="0" fontId="35" fillId="0" borderId="0" xfId="1" applyFont="1" applyAlignment="1">
      <alignment horizontal="left" vertical="center" shrinkToFit="1"/>
    </xf>
    <xf numFmtId="0" fontId="38" fillId="0" borderId="0" xfId="1" applyFont="1" applyAlignment="1">
      <alignment horizontal="center" vertical="center" wrapText="1" shrinkToFit="1"/>
    </xf>
    <xf numFmtId="0" fontId="36" fillId="0" borderId="0" xfId="1" applyFont="1" applyAlignment="1">
      <alignment horizontal="left" vertical="center"/>
    </xf>
    <xf numFmtId="0" fontId="15" fillId="4" borderId="66" xfId="1" applyFont="1" applyFill="1" applyBorder="1" applyAlignment="1">
      <alignment vertical="center" shrinkToFit="1"/>
    </xf>
    <xf numFmtId="0" fontId="15" fillId="4" borderId="1" xfId="1" applyFont="1" applyFill="1" applyBorder="1" applyAlignment="1">
      <alignment vertical="center" shrinkToFit="1"/>
    </xf>
    <xf numFmtId="0" fontId="15" fillId="4" borderId="59" xfId="1" applyFont="1" applyFill="1" applyBorder="1" applyAlignment="1">
      <alignment vertical="center" shrinkToFit="1"/>
    </xf>
    <xf numFmtId="0" fontId="15" fillId="0" borderId="42" xfId="2" applyFont="1" applyBorder="1">
      <alignment vertical="center"/>
    </xf>
    <xf numFmtId="0" fontId="15" fillId="0" borderId="63" xfId="2" applyFont="1" applyBorder="1">
      <alignment vertical="center"/>
    </xf>
    <xf numFmtId="0" fontId="15" fillId="0" borderId="64" xfId="2" applyFont="1" applyBorder="1">
      <alignment vertical="center"/>
    </xf>
    <xf numFmtId="0" fontId="35" fillId="0" borderId="0" xfId="2" applyFont="1" applyAlignment="1">
      <alignment horizontal="left" vertical="center" wrapText="1" shrinkToFit="1"/>
    </xf>
    <xf numFmtId="0" fontId="35" fillId="0" borderId="0" xfId="2" applyFont="1">
      <alignment vertical="center"/>
    </xf>
    <xf numFmtId="0" fontId="35" fillId="0" borderId="0" xfId="2" applyFont="1" applyAlignment="1">
      <alignment vertical="top" wrapText="1"/>
    </xf>
    <xf numFmtId="0" fontId="36" fillId="0" borderId="0" xfId="2" applyFont="1" applyAlignment="1">
      <alignment horizontal="left" vertical="top" wrapText="1"/>
    </xf>
    <xf numFmtId="0" fontId="35" fillId="6" borderId="0" xfId="2" applyFont="1" applyFill="1" applyAlignment="1">
      <alignment vertical="top" wrapText="1"/>
    </xf>
    <xf numFmtId="0" fontId="35" fillId="6" borderId="0" xfId="2" applyFont="1" applyFill="1">
      <alignment vertical="center"/>
    </xf>
    <xf numFmtId="0" fontId="15" fillId="2" borderId="66" xfId="2" applyFont="1" applyFill="1" applyBorder="1" applyAlignment="1">
      <alignment vertical="center" wrapText="1" shrinkToFit="1"/>
    </xf>
    <xf numFmtId="0" fontId="15" fillId="2" borderId="1" xfId="2" applyFont="1" applyFill="1" applyBorder="1" applyAlignment="1">
      <alignment vertical="center" wrapText="1" shrinkToFit="1"/>
    </xf>
    <xf numFmtId="0" fontId="15" fillId="2" borderId="59" xfId="2" applyFont="1" applyFill="1" applyBorder="1" applyAlignment="1">
      <alignment vertical="center" wrapText="1" shrinkToFit="1"/>
    </xf>
    <xf numFmtId="0" fontId="15" fillId="2" borderId="28" xfId="1" applyFont="1" applyFill="1" applyBorder="1" applyAlignment="1">
      <alignment horizontal="center" vertical="center" wrapText="1" shrinkToFit="1"/>
    </xf>
    <xf numFmtId="0" fontId="15" fillId="2" borderId="29" xfId="1" applyFont="1" applyFill="1" applyBorder="1" applyAlignment="1">
      <alignment horizontal="center" vertical="center" wrapText="1" shrinkToFit="1"/>
    </xf>
    <xf numFmtId="0" fontId="15" fillId="2" borderId="30" xfId="1" applyFont="1" applyFill="1" applyBorder="1" applyAlignment="1">
      <alignment horizontal="center" vertical="center" wrapText="1" shrinkToFit="1"/>
    </xf>
    <xf numFmtId="0" fontId="15" fillId="2" borderId="31" xfId="1" applyFont="1" applyFill="1" applyBorder="1" applyAlignment="1">
      <alignment horizontal="center" vertical="center" wrapText="1" shrinkToFit="1"/>
    </xf>
    <xf numFmtId="0" fontId="35" fillId="0" borderId="0" xfId="1" applyFont="1" applyAlignment="1">
      <alignment vertical="center" wrapText="1" shrinkToFit="1"/>
    </xf>
    <xf numFmtId="0" fontId="35" fillId="2" borderId="32" xfId="1" applyFont="1" applyFill="1" applyBorder="1" applyAlignment="1">
      <alignment horizontal="center" vertical="center" wrapText="1" shrinkToFit="1"/>
    </xf>
    <xf numFmtId="0" fontId="35" fillId="2" borderId="33" xfId="1" applyFont="1" applyFill="1" applyBorder="1" applyAlignment="1">
      <alignment horizontal="center" vertical="center" wrapText="1" shrinkToFit="1"/>
    </xf>
    <xf numFmtId="0" fontId="35" fillId="2" borderId="34" xfId="1" applyFont="1" applyFill="1" applyBorder="1" applyAlignment="1">
      <alignment horizontal="center" vertical="center" wrapText="1" shrinkToFit="1"/>
    </xf>
    <xf numFmtId="0" fontId="35" fillId="2" borderId="35" xfId="1" applyFont="1" applyFill="1" applyBorder="1" applyAlignment="1">
      <alignment horizontal="center" vertical="center" wrapText="1" shrinkToFit="1"/>
    </xf>
    <xf numFmtId="0" fontId="25" fillId="0" borderId="95" xfId="1" applyFont="1" applyBorder="1" applyAlignment="1">
      <alignment horizontal="center" vertical="center" wrapText="1" shrinkToFit="1"/>
    </xf>
    <xf numFmtId="0" fontId="25" fillId="0" borderId="39" xfId="1" applyFont="1" applyBorder="1" applyAlignment="1">
      <alignment horizontal="center" vertical="center" wrapText="1" shrinkToFit="1"/>
    </xf>
    <xf numFmtId="0" fontId="25" fillId="0" borderId="96" xfId="1" applyFont="1" applyBorder="1" applyAlignment="1">
      <alignment horizontal="center" vertical="center" wrapText="1" shrinkToFit="1"/>
    </xf>
    <xf numFmtId="0" fontId="14" fillId="2" borderId="0" xfId="1" applyFont="1" applyFill="1" applyAlignment="1">
      <alignment horizontal="left" vertical="top" wrapText="1"/>
    </xf>
    <xf numFmtId="0" fontId="30" fillId="2" borderId="46" xfId="1" applyFont="1" applyFill="1" applyBorder="1" applyAlignment="1">
      <alignment horizontal="center" vertical="center" wrapText="1" shrinkToFit="1"/>
    </xf>
    <xf numFmtId="0" fontId="12" fillId="2" borderId="0" xfId="1" applyFont="1" applyFill="1" applyAlignment="1">
      <alignment horizontal="left" vertical="center"/>
    </xf>
    <xf numFmtId="0" fontId="14" fillId="2" borderId="0" xfId="1" applyFont="1" applyFill="1" applyAlignment="1">
      <alignment horizontal="left" vertical="center"/>
    </xf>
    <xf numFmtId="0" fontId="14" fillId="7" borderId="2" xfId="1" applyFont="1" applyFill="1" applyBorder="1" applyAlignment="1">
      <alignment horizontal="left" vertical="center" wrapText="1" shrinkToFit="1"/>
    </xf>
    <xf numFmtId="0" fontId="15" fillId="7" borderId="36" xfId="1" applyFont="1" applyFill="1" applyBorder="1" applyAlignment="1">
      <alignment horizontal="left" vertical="center" wrapText="1" shrinkToFit="1"/>
    </xf>
    <xf numFmtId="0" fontId="15" fillId="7" borderId="3" xfId="1" applyFont="1" applyFill="1" applyBorder="1" applyAlignment="1">
      <alignment horizontal="left" vertical="center" wrapText="1" shrinkToFit="1"/>
    </xf>
    <xf numFmtId="0" fontId="15" fillId="7" borderId="37" xfId="1" applyFont="1" applyFill="1" applyBorder="1" applyAlignment="1">
      <alignment horizontal="left" vertical="center" wrapText="1" shrinkToFit="1"/>
    </xf>
    <xf numFmtId="0" fontId="12" fillId="0" borderId="38" xfId="2" applyFont="1" applyBorder="1">
      <alignment vertical="center"/>
    </xf>
    <xf numFmtId="0" fontId="12" fillId="0" borderId="0" xfId="2" applyFont="1">
      <alignment vertical="center"/>
    </xf>
    <xf numFmtId="0" fontId="12" fillId="0" borderId="68" xfId="2" applyFont="1" applyBorder="1">
      <alignment vertical="center"/>
    </xf>
    <xf numFmtId="0" fontId="12" fillId="0" borderId="97" xfId="2" applyFont="1" applyBorder="1" applyAlignment="1">
      <alignment vertical="center" wrapText="1" shrinkToFit="1"/>
    </xf>
    <xf numFmtId="0" fontId="11" fillId="0" borderId="21" xfId="1" applyFont="1" applyBorder="1" applyAlignment="1">
      <alignment horizontal="center" vertical="center" shrinkToFit="1"/>
    </xf>
    <xf numFmtId="0" fontId="15" fillId="7" borderId="4" xfId="1" applyFont="1" applyFill="1" applyBorder="1" applyAlignment="1">
      <alignment horizontal="left" vertical="center" wrapText="1" shrinkToFit="1"/>
    </xf>
    <xf numFmtId="0" fontId="15" fillId="0" borderId="38" xfId="2" applyFont="1" applyBorder="1">
      <alignment vertical="center"/>
    </xf>
    <xf numFmtId="0" fontId="15" fillId="0" borderId="0" xfId="2" applyFont="1">
      <alignment vertical="center"/>
    </xf>
    <xf numFmtId="0" fontId="15" fillId="0" borderId="68" xfId="2" applyFont="1" applyBorder="1">
      <alignment vertical="center"/>
    </xf>
    <xf numFmtId="0" fontId="12" fillId="7" borderId="0" xfId="2" applyFont="1" applyFill="1" applyAlignment="1">
      <alignment horizontal="left" vertical="top" wrapText="1"/>
    </xf>
    <xf numFmtId="0" fontId="15" fillId="0" borderId="66" xfId="2" applyFont="1" applyBorder="1" applyAlignment="1">
      <alignment vertical="center" wrapText="1" shrinkToFit="1"/>
    </xf>
    <xf numFmtId="0" fontId="15" fillId="0" borderId="1" xfId="2" applyFont="1" applyBorder="1" applyAlignment="1">
      <alignment vertical="center" wrapText="1" shrinkToFit="1"/>
    </xf>
    <xf numFmtId="0" fontId="15" fillId="0" borderId="59" xfId="2" applyFont="1" applyBorder="1" applyAlignment="1">
      <alignment vertical="center" wrapText="1" shrinkToFit="1"/>
    </xf>
    <xf numFmtId="0" fontId="12" fillId="7" borderId="2" xfId="1" applyFont="1" applyFill="1" applyBorder="1" applyAlignment="1">
      <alignment vertical="center" shrinkToFit="1"/>
    </xf>
    <xf numFmtId="0" fontId="12" fillId="7" borderId="3" xfId="1" applyFont="1" applyFill="1" applyBorder="1" applyAlignment="1">
      <alignment vertical="center" shrinkToFit="1"/>
    </xf>
    <xf numFmtId="0" fontId="12" fillId="7" borderId="4" xfId="1" applyFont="1" applyFill="1" applyBorder="1" applyAlignment="1">
      <alignment vertical="center" shrinkToFit="1"/>
    </xf>
    <xf numFmtId="0" fontId="12" fillId="7" borderId="2" xfId="1" applyFont="1" applyFill="1" applyBorder="1" applyAlignment="1">
      <alignment horizontal="left" vertical="center" wrapText="1" shrinkToFit="1"/>
    </xf>
    <xf numFmtId="0" fontId="12" fillId="7" borderId="3" xfId="1" applyFont="1" applyFill="1" applyBorder="1" applyAlignment="1">
      <alignment horizontal="left" vertical="center" wrapText="1" shrinkToFit="1"/>
    </xf>
    <xf numFmtId="0" fontId="12" fillId="7" borderId="98" xfId="1" applyFont="1" applyFill="1" applyBorder="1" applyAlignment="1">
      <alignment horizontal="left" vertical="center" wrapText="1" shrinkToFit="1"/>
    </xf>
    <xf numFmtId="0" fontId="12" fillId="7" borderId="4" xfId="1" applyFont="1" applyFill="1" applyBorder="1" applyAlignment="1">
      <alignment horizontal="left" vertical="center" wrapText="1" shrinkToFit="1"/>
    </xf>
    <xf numFmtId="0" fontId="14" fillId="0" borderId="86" xfId="1" applyFont="1" applyBorder="1" applyAlignment="1">
      <alignment horizontal="left" vertical="center" wrapText="1" shrinkToFit="1"/>
    </xf>
    <xf numFmtId="0" fontId="15" fillId="0" borderId="88" xfId="1" applyFont="1" applyBorder="1" applyAlignment="1">
      <alignment horizontal="left" vertical="center" wrapText="1" shrinkToFit="1"/>
    </xf>
    <xf numFmtId="0" fontId="15" fillId="0" borderId="99" xfId="1" applyFont="1" applyBorder="1" applyAlignment="1">
      <alignment horizontal="left" vertical="center" wrapText="1" shrinkToFit="1"/>
    </xf>
    <xf numFmtId="0" fontId="12" fillId="2" borderId="81" xfId="1" applyFont="1" applyFill="1" applyBorder="1" applyAlignment="1">
      <alignment horizontal="left" vertical="center" wrapText="1" shrinkToFit="1"/>
    </xf>
    <xf numFmtId="0" fontId="12" fillId="2" borderId="55" xfId="1" applyFont="1" applyFill="1" applyBorder="1" applyAlignment="1">
      <alignment horizontal="left" vertical="center" wrapText="1" shrinkToFit="1"/>
    </xf>
    <xf numFmtId="0" fontId="12" fillId="2" borderId="56" xfId="1" applyFont="1" applyFill="1" applyBorder="1" applyAlignment="1">
      <alignment horizontal="left" vertical="center" wrapText="1" shrinkToFit="1"/>
    </xf>
    <xf numFmtId="0" fontId="12" fillId="2" borderId="57" xfId="1" applyFont="1" applyFill="1" applyBorder="1" applyAlignment="1">
      <alignment horizontal="left" vertical="center" wrapText="1" shrinkToFit="1"/>
    </xf>
    <xf numFmtId="0" fontId="15" fillId="0" borderId="81" xfId="1" applyFont="1" applyBorder="1" applyAlignment="1">
      <alignment horizontal="left" vertical="center" wrapText="1" shrinkToFit="1"/>
    </xf>
    <xf numFmtId="0" fontId="12" fillId="2" borderId="79" xfId="1" applyFont="1" applyFill="1" applyBorder="1" applyAlignment="1">
      <alignment horizontal="left" vertical="center" wrapText="1" shrinkToFit="1"/>
    </xf>
    <xf numFmtId="0" fontId="12" fillId="4" borderId="42" xfId="1" applyFont="1" applyFill="1" applyBorder="1" applyAlignment="1">
      <alignment horizontal="left" vertical="center" shrinkToFit="1"/>
    </xf>
    <xf numFmtId="0" fontId="12" fillId="4" borderId="63" xfId="1" applyFont="1" applyFill="1" applyBorder="1" applyAlignment="1">
      <alignment horizontal="left" vertical="center" shrinkToFit="1"/>
    </xf>
    <xf numFmtId="0" fontId="12" fillId="4" borderId="64" xfId="1" applyFont="1" applyFill="1" applyBorder="1" applyAlignment="1">
      <alignment horizontal="left" vertical="center" shrinkToFit="1"/>
    </xf>
    <xf numFmtId="0" fontId="12" fillId="4" borderId="24" xfId="1" applyFont="1" applyFill="1" applyBorder="1" applyAlignment="1">
      <alignment vertical="center" shrinkToFit="1"/>
    </xf>
    <xf numFmtId="0" fontId="12" fillId="4" borderId="26" xfId="1" applyFont="1" applyFill="1" applyBorder="1" applyAlignment="1">
      <alignment vertical="center" shrinkToFit="1"/>
    </xf>
    <xf numFmtId="0" fontId="12" fillId="4" borderId="54" xfId="1" applyFont="1" applyFill="1" applyBorder="1" applyAlignment="1">
      <alignment vertical="center" shrinkToFit="1"/>
    </xf>
    <xf numFmtId="0" fontId="12" fillId="2" borderId="42" xfId="2" applyFont="1" applyFill="1" applyBorder="1" applyAlignment="1">
      <alignment vertical="center" wrapText="1" shrinkToFit="1"/>
    </xf>
    <xf numFmtId="0" fontId="12" fillId="2" borderId="63" xfId="2" applyFont="1" applyFill="1" applyBorder="1" applyAlignment="1">
      <alignment vertical="center" wrapText="1" shrinkToFit="1"/>
    </xf>
    <xf numFmtId="0" fontId="12" fillId="2" borderId="64" xfId="2" applyFont="1" applyFill="1" applyBorder="1" applyAlignment="1">
      <alignment vertical="center" wrapText="1" shrinkToFit="1"/>
    </xf>
    <xf numFmtId="0" fontId="12" fillId="0" borderId="0" xfId="2" applyFont="1" applyAlignment="1">
      <alignment horizontal="left" vertical="top"/>
    </xf>
    <xf numFmtId="0" fontId="12" fillId="4" borderId="10" xfId="1" applyFont="1" applyFill="1" applyBorder="1" applyAlignment="1">
      <alignment vertical="center" wrapText="1" shrinkToFit="1"/>
    </xf>
    <xf numFmtId="0" fontId="12" fillId="4" borderId="97" xfId="1" applyFont="1" applyFill="1" applyBorder="1" applyAlignment="1">
      <alignment vertical="center" wrapText="1" shrinkToFit="1"/>
    </xf>
    <xf numFmtId="0" fontId="12" fillId="0" borderId="17" xfId="1" applyFont="1" applyBorder="1" applyAlignment="1">
      <alignment vertical="center" wrapText="1" shrinkToFit="1"/>
    </xf>
    <xf numFmtId="0" fontId="12" fillId="0" borderId="19" xfId="1" applyFont="1" applyBorder="1" applyAlignment="1">
      <alignment vertical="center" wrapText="1" shrinkToFit="1"/>
    </xf>
    <xf numFmtId="0" fontId="12" fillId="0" borderId="79" xfId="1" applyFont="1" applyBorder="1" applyAlignment="1">
      <alignment vertical="center" wrapText="1" shrinkToFit="1"/>
    </xf>
    <xf numFmtId="0" fontId="12" fillId="2" borderId="80" xfId="1" applyFont="1" applyFill="1" applyBorder="1" applyAlignment="1">
      <alignment horizontal="left" vertical="center" wrapText="1" shrinkToFit="1"/>
    </xf>
    <xf numFmtId="0" fontId="12" fillId="0" borderId="8" xfId="1" applyFont="1" applyBorder="1" applyAlignment="1">
      <alignment vertical="center" wrapText="1" shrinkToFit="1"/>
    </xf>
    <xf numFmtId="0" fontId="12" fillId="0" borderId="10" xfId="1" applyFont="1" applyBorder="1" applyAlignment="1">
      <alignment vertical="center" wrapText="1" shrinkToFit="1"/>
    </xf>
    <xf numFmtId="0" fontId="12" fillId="0" borderId="81" xfId="1" applyFont="1" applyBorder="1" applyAlignment="1">
      <alignment vertical="center" wrapText="1" shrinkToFit="1"/>
    </xf>
    <xf numFmtId="0" fontId="12" fillId="4" borderId="9" xfId="1" applyFont="1" applyFill="1" applyBorder="1" applyAlignment="1">
      <alignment horizontal="left" vertical="center" wrapText="1" shrinkToFit="1"/>
    </xf>
    <xf numFmtId="0" fontId="12" fillId="0" borderId="14" xfId="1" applyFont="1" applyBorder="1" applyAlignment="1">
      <alignment vertical="center" wrapText="1" shrinkToFit="1"/>
    </xf>
    <xf numFmtId="0" fontId="12" fillId="0" borderId="16" xfId="1" applyFont="1" applyBorder="1" applyAlignment="1">
      <alignment vertical="center" wrapText="1" shrinkToFit="1"/>
    </xf>
    <xf numFmtId="0" fontId="12" fillId="0" borderId="94" xfId="1" applyFont="1" applyBorder="1" applyAlignment="1">
      <alignment vertical="center" wrapText="1" shrinkToFit="1"/>
    </xf>
    <xf numFmtId="0" fontId="12" fillId="4" borderId="16" xfId="1" applyFont="1" applyFill="1" applyBorder="1" applyAlignment="1">
      <alignment vertical="center" wrapText="1" shrinkToFit="1"/>
    </xf>
    <xf numFmtId="0" fontId="12" fillId="4" borderId="80" xfId="1" applyFont="1" applyFill="1" applyBorder="1" applyAlignment="1">
      <alignment vertical="center" wrapText="1" shrinkToFit="1"/>
    </xf>
    <xf numFmtId="0" fontId="12" fillId="4" borderId="46" xfId="1" applyFont="1" applyFill="1" applyBorder="1" applyAlignment="1">
      <alignment horizontal="left" vertical="center" wrapText="1" shrinkToFit="1"/>
    </xf>
    <xf numFmtId="0" fontId="12" fillId="0" borderId="38" xfId="1" applyFont="1" applyBorder="1" applyAlignment="1">
      <alignment vertical="center" wrapText="1" shrinkToFit="1"/>
    </xf>
    <xf numFmtId="0" fontId="12" fillId="0" borderId="0" xfId="1" applyFont="1" applyAlignment="1">
      <alignment vertical="center" wrapText="1" shrinkToFit="1"/>
    </xf>
    <xf numFmtId="0" fontId="12" fillId="0" borderId="60" xfId="1" applyFont="1" applyBorder="1" applyAlignment="1">
      <alignment vertical="center" wrapText="1" shrinkToFit="1"/>
    </xf>
    <xf numFmtId="0" fontId="12" fillId="0" borderId="18" xfId="1" applyFont="1" applyBorder="1" applyAlignment="1">
      <alignment vertical="center" wrapText="1" shrinkToFit="1"/>
    </xf>
    <xf numFmtId="0" fontId="12" fillId="0" borderId="65" xfId="1" applyFont="1" applyBorder="1" applyAlignment="1">
      <alignment vertical="center" wrapText="1" shrinkToFit="1"/>
    </xf>
    <xf numFmtId="0" fontId="12" fillId="2" borderId="100" xfId="1" applyFont="1" applyFill="1" applyBorder="1" applyAlignment="1">
      <alignment horizontal="left" vertical="center" wrapText="1" shrinkToFit="1"/>
    </xf>
    <xf numFmtId="0" fontId="12" fillId="2" borderId="101" xfId="1" applyFont="1" applyFill="1" applyBorder="1" applyAlignment="1">
      <alignment horizontal="left" vertical="center" wrapText="1" shrinkToFit="1"/>
    </xf>
    <xf numFmtId="0" fontId="12" fillId="2" borderId="102" xfId="1" applyFont="1" applyFill="1" applyBorder="1" applyAlignment="1">
      <alignment horizontal="left" vertical="center" wrapText="1" shrinkToFit="1"/>
    </xf>
    <xf numFmtId="0" fontId="14" fillId="0" borderId="103" xfId="1" applyFont="1" applyBorder="1" applyAlignment="1">
      <alignment horizontal="left" vertical="center" wrapText="1" shrinkToFit="1"/>
    </xf>
    <xf numFmtId="0" fontId="15" fillId="0" borderId="104" xfId="1" applyFont="1" applyBorder="1" applyAlignment="1">
      <alignment horizontal="left" vertical="center" wrapText="1" shrinkToFit="1"/>
    </xf>
    <xf numFmtId="0" fontId="15" fillId="0" borderId="105" xfId="1" applyFont="1" applyBorder="1" applyAlignment="1">
      <alignment horizontal="left" vertical="center" wrapText="1" shrinkToFit="1"/>
    </xf>
    <xf numFmtId="0" fontId="15" fillId="0" borderId="51" xfId="1" applyFont="1" applyBorder="1" applyAlignment="1">
      <alignment vertical="center" wrapText="1" shrinkToFit="1"/>
    </xf>
    <xf numFmtId="0" fontId="15" fillId="0" borderId="52" xfId="1" applyFont="1" applyBorder="1" applyAlignment="1">
      <alignment vertical="center" wrapText="1" shrinkToFit="1"/>
    </xf>
    <xf numFmtId="0" fontId="15" fillId="0" borderId="53" xfId="1" applyFont="1" applyBorder="1" applyAlignment="1">
      <alignment vertical="center" wrapText="1" shrinkToFit="1"/>
    </xf>
    <xf numFmtId="0" fontId="15" fillId="0" borderId="10" xfId="1" applyFont="1" applyBorder="1" applyAlignment="1">
      <alignment horizontal="left" vertical="distributed" wrapText="1" shrinkToFit="1"/>
    </xf>
    <xf numFmtId="0" fontId="15" fillId="0" borderId="97" xfId="1" applyFont="1" applyBorder="1" applyAlignment="1">
      <alignment horizontal="left" vertical="distributed" wrapText="1" shrinkToFit="1"/>
    </xf>
    <xf numFmtId="0" fontId="15" fillId="0" borderId="17" xfId="2" applyFont="1" applyBorder="1" applyAlignment="1">
      <alignment vertical="center" wrapText="1" shrinkToFit="1"/>
    </xf>
    <xf numFmtId="0" fontId="15" fillId="0" borderId="19" xfId="2" applyFont="1" applyBorder="1" applyAlignment="1">
      <alignment vertical="center" wrapText="1" shrinkToFit="1"/>
    </xf>
    <xf numFmtId="0" fontId="15" fillId="0" borderId="79" xfId="2" applyFont="1" applyBorder="1" applyAlignment="1">
      <alignment vertical="center" wrapText="1" shrinkToFit="1"/>
    </xf>
    <xf numFmtId="0" fontId="15" fillId="0" borderId="18" xfId="2" applyFont="1" applyBorder="1" applyAlignment="1">
      <alignment vertical="distributed" wrapText="1" shrinkToFit="1"/>
    </xf>
    <xf numFmtId="0" fontId="15" fillId="0" borderId="79" xfId="2" applyFont="1" applyBorder="1" applyAlignment="1">
      <alignment vertical="distributed" wrapText="1" shrinkToFit="1"/>
    </xf>
    <xf numFmtId="0" fontId="15" fillId="0" borderId="18" xfId="2" applyFont="1" applyBorder="1" applyAlignment="1">
      <alignment horizontal="left" vertical="center" wrapText="1" shrinkToFit="1"/>
    </xf>
    <xf numFmtId="0" fontId="15" fillId="0" borderId="19" xfId="2" applyFont="1" applyBorder="1" applyAlignment="1">
      <alignment horizontal="left" vertical="center" wrapText="1" shrinkToFit="1"/>
    </xf>
    <xf numFmtId="0" fontId="15" fillId="0" borderId="65" xfId="2" applyFont="1" applyBorder="1" applyAlignment="1">
      <alignment horizontal="left" vertical="center" wrapText="1" shrinkToFit="1"/>
    </xf>
    <xf numFmtId="0" fontId="15" fillId="0" borderId="8" xfId="2" applyFont="1" applyBorder="1" applyAlignment="1">
      <alignment vertical="center" wrapText="1" shrinkToFit="1"/>
    </xf>
    <xf numFmtId="0" fontId="15" fillId="0" borderId="10" xfId="2" applyFont="1" applyBorder="1" applyAlignment="1">
      <alignment vertical="center" wrapText="1" shrinkToFit="1"/>
    </xf>
    <xf numFmtId="0" fontId="15" fillId="0" borderId="81" xfId="2" applyFont="1" applyBorder="1" applyAlignment="1">
      <alignment vertical="center" wrapText="1" shrinkToFit="1"/>
    </xf>
    <xf numFmtId="0" fontId="15" fillId="0" borderId="9" xfId="2" applyFont="1" applyBorder="1" applyAlignment="1">
      <alignment vertical="distributed" wrapText="1" shrinkToFit="1"/>
    </xf>
    <xf numFmtId="0" fontId="15" fillId="0" borderId="81" xfId="2" applyFont="1" applyBorder="1" applyAlignment="1">
      <alignment vertical="distributed" wrapText="1" shrinkToFit="1"/>
    </xf>
    <xf numFmtId="0" fontId="15" fillId="0" borderId="9" xfId="2" applyFont="1" applyBorder="1" applyAlignment="1">
      <alignment horizontal="left" vertical="center" wrapText="1" shrinkToFit="1"/>
    </xf>
    <xf numFmtId="0" fontId="15" fillId="0" borderId="10" xfId="2" applyFont="1" applyBorder="1" applyAlignment="1">
      <alignment horizontal="left" vertical="center" wrapText="1" shrinkToFit="1"/>
    </xf>
    <xf numFmtId="0" fontId="15" fillId="0" borderId="97" xfId="2" applyFont="1" applyBorder="1" applyAlignment="1">
      <alignment horizontal="left" vertical="center" wrapText="1" shrinkToFit="1"/>
    </xf>
    <xf numFmtId="0" fontId="15" fillId="0" borderId="17" xfId="1" applyFont="1" applyBorder="1" applyAlignment="1">
      <alignment vertical="center" wrapText="1" shrinkToFit="1"/>
    </xf>
    <xf numFmtId="0" fontId="15" fillId="0" borderId="19" xfId="1" applyFont="1" applyBorder="1" applyAlignment="1">
      <alignment vertical="center" wrapText="1" shrinkToFit="1"/>
    </xf>
    <xf numFmtId="0" fontId="15" fillId="0" borderId="79" xfId="1" applyFont="1" applyBorder="1" applyAlignment="1">
      <alignment vertical="center" wrapText="1" shrinkToFit="1"/>
    </xf>
    <xf numFmtId="0" fontId="15" fillId="0" borderId="82" xfId="1" applyFont="1" applyBorder="1" applyAlignment="1">
      <alignment horizontal="left" vertical="distributed" wrapText="1" shrinkToFit="1"/>
    </xf>
    <xf numFmtId="0" fontId="15" fillId="0" borderId="56" xfId="1" applyFont="1" applyBorder="1" applyAlignment="1">
      <alignment horizontal="left" vertical="distributed" wrapText="1" shrinkToFit="1"/>
    </xf>
    <xf numFmtId="0" fontId="15" fillId="0" borderId="83" xfId="1" applyFont="1" applyBorder="1" applyAlignment="1">
      <alignment horizontal="left" vertical="distributed" wrapText="1" shrinkToFit="1"/>
    </xf>
    <xf numFmtId="0" fontId="15" fillId="4" borderId="24" xfId="1" applyFont="1" applyFill="1" applyBorder="1" applyAlignment="1">
      <alignment vertical="center" shrinkToFit="1"/>
    </xf>
    <xf numFmtId="0" fontId="15" fillId="4" borderId="26" xfId="1" applyFont="1" applyFill="1" applyBorder="1" applyAlignment="1">
      <alignment vertical="center" shrinkToFit="1"/>
    </xf>
    <xf numFmtId="0" fontId="15" fillId="4" borderId="54" xfId="1" applyFont="1" applyFill="1" applyBorder="1" applyAlignment="1">
      <alignment vertical="center" shrinkToFit="1"/>
    </xf>
    <xf numFmtId="0" fontId="15" fillId="0" borderId="24" xfId="1" applyFont="1" applyBorder="1" applyAlignment="1">
      <alignment horizontal="left" vertical="center" wrapText="1" shrinkToFit="1"/>
    </xf>
    <xf numFmtId="0" fontId="15" fillId="0" borderId="26" xfId="1" applyFont="1" applyBorder="1" applyAlignment="1">
      <alignment horizontal="left" vertical="center" wrapText="1" shrinkToFit="1"/>
    </xf>
    <xf numFmtId="0" fontId="15" fillId="0" borderId="54" xfId="1" applyFont="1" applyBorder="1" applyAlignment="1">
      <alignment horizontal="left" vertical="center" wrapText="1" shrinkToFit="1"/>
    </xf>
    <xf numFmtId="0" fontId="14" fillId="2" borderId="42" xfId="2" applyFont="1" applyFill="1" applyBorder="1">
      <alignment vertical="center"/>
    </xf>
    <xf numFmtId="0" fontId="15" fillId="2" borderId="63" xfId="2" applyFont="1" applyFill="1" applyBorder="1">
      <alignment vertical="center"/>
    </xf>
    <xf numFmtId="0" fontId="15" fillId="2" borderId="64" xfId="2" applyFont="1" applyFill="1" applyBorder="1">
      <alignment vertical="center"/>
    </xf>
    <xf numFmtId="0" fontId="15" fillId="0" borderId="86" xfId="1" applyFont="1" applyBorder="1" applyAlignment="1">
      <alignment horizontal="left" vertical="center" wrapText="1" shrinkToFit="1"/>
    </xf>
    <xf numFmtId="0" fontId="25" fillId="0" borderId="40" xfId="1" applyFont="1" applyBorder="1" applyAlignment="1">
      <alignment horizontal="center" vertical="center" wrapText="1" shrinkToFit="1"/>
    </xf>
    <xf numFmtId="0" fontId="14" fillId="0" borderId="0" xfId="1" applyFont="1" applyAlignment="1">
      <alignment horizontal="left" vertical="center" wrapText="1" shrinkToFit="1"/>
    </xf>
    <xf numFmtId="0" fontId="39" fillId="0" borderId="13" xfId="1" applyFont="1" applyBorder="1" applyAlignment="1">
      <alignment horizontal="center" vertical="center" shrinkToFit="1"/>
    </xf>
    <xf numFmtId="0" fontId="23" fillId="0" borderId="95" xfId="1" applyFont="1" applyBorder="1" applyAlignment="1">
      <alignment horizontal="center" vertical="center" wrapText="1" shrinkToFit="1"/>
    </xf>
    <xf numFmtId="0" fontId="25" fillId="0" borderId="106" xfId="1" applyFont="1" applyBorder="1" applyAlignment="1">
      <alignment horizontal="center" vertical="center" wrapText="1" shrinkToFit="1"/>
    </xf>
    <xf numFmtId="0" fontId="15" fillId="0" borderId="94" xfId="1" applyFont="1" applyBorder="1" applyAlignment="1">
      <alignment horizontal="left" vertical="center" wrapText="1" shrinkToFit="1"/>
    </xf>
    <xf numFmtId="0" fontId="25" fillId="0" borderId="46" xfId="1" applyFont="1" applyBorder="1" applyAlignment="1">
      <alignment horizontal="center" vertical="center" wrapText="1" shrinkToFit="1"/>
    </xf>
    <xf numFmtId="0" fontId="15" fillId="0" borderId="79" xfId="1" applyFont="1" applyBorder="1" applyAlignment="1">
      <alignment horizontal="left" vertical="center" wrapText="1" shrinkToFit="1"/>
    </xf>
    <xf numFmtId="0" fontId="12" fillId="3" borderId="66" xfId="1" applyFont="1" applyFill="1" applyBorder="1" applyAlignment="1">
      <alignment horizontal="left" vertical="center" wrapText="1" shrinkToFit="1"/>
    </xf>
    <xf numFmtId="0" fontId="12" fillId="3" borderId="1" xfId="1" applyFont="1" applyFill="1" applyBorder="1" applyAlignment="1">
      <alignment horizontal="left" vertical="center" wrapText="1" shrinkToFit="1"/>
    </xf>
    <xf numFmtId="0" fontId="12" fillId="3" borderId="59" xfId="1" applyFont="1" applyFill="1" applyBorder="1" applyAlignment="1">
      <alignment horizontal="left" vertical="center" wrapText="1" shrinkToFit="1"/>
    </xf>
    <xf numFmtId="0" fontId="11" fillId="0" borderId="66" xfId="1" applyFont="1" applyBorder="1" applyAlignment="1">
      <alignment vertical="center" wrapText="1" shrinkToFit="1"/>
    </xf>
    <xf numFmtId="0" fontId="11" fillId="0" borderId="1" xfId="1" applyFont="1" applyBorder="1" applyAlignment="1">
      <alignment vertical="center" wrapText="1" shrinkToFit="1"/>
    </xf>
    <xf numFmtId="0" fontId="11" fillId="0" borderId="0" xfId="1" applyFont="1" applyAlignment="1">
      <alignment vertical="center" wrapText="1" shrinkToFit="1"/>
    </xf>
    <xf numFmtId="0" fontId="11" fillId="0" borderId="68" xfId="1" applyFont="1" applyBorder="1" applyAlignment="1">
      <alignment vertical="center" wrapText="1" shrinkToFit="1"/>
    </xf>
    <xf numFmtId="0" fontId="14" fillId="0" borderId="51" xfId="1" applyFont="1" applyBorder="1" applyAlignment="1">
      <alignment horizontal="left" vertical="center" wrapText="1" shrinkToFit="1"/>
    </xf>
    <xf numFmtId="0" fontId="15" fillId="0" borderId="52" xfId="1" applyFont="1" applyBorder="1" applyAlignment="1">
      <alignment horizontal="left" vertical="center" wrapText="1" shrinkToFit="1"/>
    </xf>
    <xf numFmtId="0" fontId="25" fillId="0" borderId="107" xfId="1" applyFont="1" applyBorder="1" applyAlignment="1">
      <alignment horizontal="center" vertical="center" shrinkToFit="1"/>
    </xf>
    <xf numFmtId="0" fontId="25" fillId="0" borderId="107" xfId="1" applyFont="1" applyBorder="1" applyAlignment="1">
      <alignment horizontal="center" vertical="center" wrapText="1" shrinkToFit="1"/>
    </xf>
    <xf numFmtId="0" fontId="25" fillId="0" borderId="108" xfId="1" applyFont="1" applyBorder="1" applyAlignment="1">
      <alignment horizontal="center" vertical="center" wrapText="1" shrinkToFit="1"/>
    </xf>
    <xf numFmtId="0" fontId="25" fillId="0" borderId="20" xfId="1" applyFont="1" applyBorder="1" applyAlignment="1">
      <alignment horizontal="center" vertical="center" shrinkToFit="1"/>
    </xf>
    <xf numFmtId="0" fontId="15" fillId="0" borderId="55" xfId="1" applyFont="1" applyBorder="1" applyAlignment="1">
      <alignment horizontal="left" vertical="center" wrapText="1" shrinkToFit="1"/>
    </xf>
    <xf numFmtId="0" fontId="15" fillId="0" borderId="56" xfId="1" applyFont="1" applyBorder="1" applyAlignment="1">
      <alignment horizontal="left" vertical="center" wrapText="1" shrinkToFit="1"/>
    </xf>
    <xf numFmtId="0" fontId="25" fillId="0" borderId="109" xfId="1" applyFont="1" applyBorder="1" applyAlignment="1">
      <alignment horizontal="center" vertical="center" shrinkToFit="1"/>
    </xf>
    <xf numFmtId="0" fontId="29" fillId="0" borderId="0" xfId="1" applyFont="1" applyAlignment="1">
      <alignment horizontal="center" vertical="center" wrapText="1" shrinkToFit="1"/>
    </xf>
    <xf numFmtId="0" fontId="11" fillId="2" borderId="0" xfId="1" applyFont="1" applyFill="1" applyAlignment="1">
      <alignment horizontal="left" vertical="center" wrapText="1" shrinkToFit="1"/>
    </xf>
    <xf numFmtId="0" fontId="12" fillId="2" borderId="0" xfId="1" applyFont="1" applyFill="1" applyAlignment="1">
      <alignment horizontal="center" vertical="center" wrapText="1" shrinkToFit="1"/>
    </xf>
    <xf numFmtId="0" fontId="11" fillId="0" borderId="43" xfId="1" applyFont="1" applyBorder="1" applyAlignment="1">
      <alignment vertical="top" wrapText="1"/>
    </xf>
    <xf numFmtId="0" fontId="11" fillId="0" borderId="63" xfId="1" applyFont="1" applyBorder="1" applyAlignment="1">
      <alignment vertical="top" wrapText="1"/>
    </xf>
    <xf numFmtId="0" fontId="11" fillId="0" borderId="110" xfId="1" applyFont="1" applyBorder="1" applyAlignment="1">
      <alignment vertical="top" wrapText="1"/>
    </xf>
    <xf numFmtId="0" fontId="40" fillId="0" borderId="0" xfId="1" applyFont="1" applyAlignment="1">
      <alignment horizontal="left" vertical="center"/>
    </xf>
    <xf numFmtId="0" fontId="41" fillId="0" borderId="0" xfId="1" applyFont="1">
      <alignment vertical="center"/>
    </xf>
    <xf numFmtId="0" fontId="11" fillId="0" borderId="58" xfId="1" applyFont="1" applyBorder="1" applyAlignment="1">
      <alignment vertical="top" wrapText="1"/>
    </xf>
    <xf numFmtId="0" fontId="11" fillId="0" borderId="1" xfId="1" applyFont="1" applyBorder="1" applyAlignment="1">
      <alignment vertical="top" wrapText="1"/>
    </xf>
    <xf numFmtId="0" fontId="11" fillId="0" borderId="67" xfId="1" applyFont="1" applyBorder="1" applyAlignment="1">
      <alignment vertical="top" wrapText="1"/>
    </xf>
    <xf numFmtId="0" fontId="23" fillId="2" borderId="0" xfId="1" applyFont="1" applyFill="1" applyAlignment="1">
      <alignment horizontal="left" vertical="top" wrapText="1"/>
    </xf>
    <xf numFmtId="0" fontId="9" fillId="8" borderId="25" xfId="0" applyFont="1" applyFill="1" applyBorder="1" applyAlignment="1">
      <alignment horizontal="center" vertical="center"/>
    </xf>
    <xf numFmtId="0" fontId="9" fillId="8" borderId="26" xfId="0" applyFont="1" applyFill="1" applyBorder="1" applyAlignment="1">
      <alignment horizontal="center" vertical="center"/>
    </xf>
    <xf numFmtId="0" fontId="9" fillId="8" borderId="111" xfId="0" applyFont="1" applyFill="1" applyBorder="1" applyAlignment="1">
      <alignment horizontal="center" vertical="center"/>
    </xf>
    <xf numFmtId="0" fontId="28" fillId="2" borderId="0" xfId="0" applyFont="1" applyFill="1">
      <alignment vertical="center"/>
    </xf>
    <xf numFmtId="0" fontId="42" fillId="2" borderId="0" xfId="0" applyFont="1" applyFill="1">
      <alignment vertical="center"/>
    </xf>
    <xf numFmtId="0" fontId="43" fillId="0" borderId="0" xfId="0" applyFont="1">
      <alignment vertical="center"/>
    </xf>
    <xf numFmtId="0" fontId="42" fillId="0" borderId="0" xfId="0" applyFont="1">
      <alignment vertical="center"/>
    </xf>
    <xf numFmtId="0" fontId="9" fillId="0" borderId="25" xfId="0" applyFont="1" applyBorder="1">
      <alignment vertical="center"/>
    </xf>
    <xf numFmtId="0" fontId="9" fillId="0" borderId="26" xfId="0" applyFont="1" applyBorder="1">
      <alignment vertical="center"/>
    </xf>
    <xf numFmtId="0" fontId="9" fillId="0" borderId="111" xfId="0" applyFont="1" applyBorder="1">
      <alignment vertical="center"/>
    </xf>
    <xf numFmtId="0" fontId="9" fillId="0" borderId="43" xfId="0" applyFont="1" applyBorder="1">
      <alignment vertical="center"/>
    </xf>
    <xf numFmtId="0" fontId="9" fillId="0" borderId="63" xfId="0" applyFont="1" applyBorder="1">
      <alignment vertical="center"/>
    </xf>
    <xf numFmtId="0" fontId="9" fillId="0" borderId="110" xfId="0" applyFont="1" applyBorder="1">
      <alignment vertical="center"/>
    </xf>
    <xf numFmtId="0" fontId="28" fillId="2" borderId="22" xfId="0" applyFont="1" applyFill="1" applyBorder="1" applyAlignment="1">
      <alignment horizontal="left" vertical="center"/>
    </xf>
    <xf numFmtId="0" fontId="9" fillId="2" borderId="0" xfId="0" applyFont="1" applyFill="1" applyAlignment="1">
      <alignment horizontal="left" vertical="center"/>
    </xf>
    <xf numFmtId="0" fontId="28" fillId="2" borderId="1" xfId="0" applyFont="1" applyFill="1" applyBorder="1" applyAlignment="1">
      <alignment horizontal="left" vertical="center"/>
    </xf>
    <xf numFmtId="0" fontId="28" fillId="2" borderId="1" xfId="0" applyFont="1" applyFill="1" applyBorder="1" applyAlignment="1">
      <alignment horizontal="center" vertical="center"/>
    </xf>
    <xf numFmtId="0" fontId="28" fillId="2" borderId="0" xfId="0" applyFont="1" applyFill="1" applyAlignment="1">
      <alignment horizontal="left" vertical="center"/>
    </xf>
    <xf numFmtId="0" fontId="25" fillId="2" borderId="0" xfId="0" applyFont="1" applyFill="1" applyAlignment="1">
      <alignment horizontal="center" vertical="center"/>
    </xf>
    <xf numFmtId="0" fontId="28" fillId="2" borderId="0" xfId="0" applyFont="1" applyFill="1" applyAlignment="1">
      <alignment horizontal="center" vertical="center"/>
    </xf>
    <xf numFmtId="0" fontId="42" fillId="2" borderId="60" xfId="0" applyFont="1" applyFill="1" applyBorder="1">
      <alignment vertical="center"/>
    </xf>
    <xf numFmtId="0" fontId="28" fillId="2" borderId="58" xfId="0" applyFont="1" applyFill="1" applyBorder="1">
      <alignment vertical="center"/>
    </xf>
    <xf numFmtId="0" fontId="9" fillId="2" borderId="1" xfId="0" applyFont="1" applyFill="1" applyBorder="1">
      <alignment vertical="center"/>
    </xf>
    <xf numFmtId="0" fontId="25" fillId="2" borderId="1" xfId="0" applyFont="1" applyFill="1" applyBorder="1" applyAlignment="1">
      <alignment horizontal="center" vertical="center"/>
    </xf>
    <xf numFmtId="0" fontId="28" fillId="2" borderId="67" xfId="0" applyFont="1" applyFill="1" applyBorder="1" applyAlignment="1">
      <alignment horizontal="left" vertical="center"/>
    </xf>
    <xf numFmtId="0" fontId="9" fillId="2" borderId="0" xfId="0" applyFont="1" applyFill="1" applyAlignment="1">
      <alignment horizontal="center" vertical="center"/>
    </xf>
    <xf numFmtId="0" fontId="9" fillId="2" borderId="0" xfId="0" applyFont="1" applyFill="1" applyAlignment="1">
      <alignment horizontal="center" vertical="center"/>
    </xf>
    <xf numFmtId="0" fontId="7" fillId="0" borderId="0" xfId="1" applyFont="1" applyAlignment="1">
      <alignment horizontal="left" vertical="center"/>
    </xf>
    <xf numFmtId="0" fontId="8" fillId="0" borderId="0" xfId="1" applyFont="1" applyAlignment="1">
      <alignment horizontal="left" vertical="center"/>
    </xf>
    <xf numFmtId="0" fontId="7" fillId="0" borderId="0" xfId="1" applyFont="1" applyAlignment="1">
      <alignment horizontal="center" vertical="center"/>
    </xf>
    <xf numFmtId="0" fontId="7" fillId="2" borderId="0" xfId="1" applyFont="1" applyFill="1" applyAlignment="1">
      <alignment horizontal="left" vertical="center"/>
    </xf>
    <xf numFmtId="0" fontId="19" fillId="0" borderId="0" xfId="1" applyFont="1" applyAlignment="1">
      <alignment horizontal="left" vertical="center"/>
    </xf>
    <xf numFmtId="0" fontId="44" fillId="2" borderId="0" xfId="2" applyFont="1" applyFill="1" applyAlignment="1">
      <alignment vertical="center" wrapText="1"/>
    </xf>
    <xf numFmtId="0" fontId="27" fillId="0" borderId="0" xfId="2" applyFont="1">
      <alignment vertical="center"/>
    </xf>
    <xf numFmtId="0" fontId="28" fillId="0" borderId="0" xfId="2" applyFont="1">
      <alignment vertical="center"/>
    </xf>
    <xf numFmtId="0" fontId="9" fillId="0" borderId="0" xfId="2" applyFont="1" applyAlignment="1">
      <alignment vertical="top" wrapText="1"/>
    </xf>
    <xf numFmtId="0" fontId="11" fillId="2" borderId="0" xfId="1" applyFont="1" applyFill="1" applyAlignment="1">
      <alignment horizontal="center" vertical="top" wrapText="1"/>
    </xf>
    <xf numFmtId="0" fontId="45" fillId="2" borderId="0" xfId="2" applyFont="1" applyFill="1" applyAlignment="1">
      <alignment horizontal="left" vertical="top" wrapText="1"/>
    </xf>
    <xf numFmtId="0" fontId="10" fillId="2" borderId="0" xfId="2" applyFont="1" applyFill="1" applyAlignment="1">
      <alignment horizontal="left" vertical="top" wrapText="1"/>
    </xf>
    <xf numFmtId="0" fontId="11" fillId="2" borderId="0" xfId="2" applyFont="1" applyFill="1" applyAlignment="1">
      <alignment horizontal="left" vertical="top" wrapText="1"/>
    </xf>
    <xf numFmtId="0" fontId="11" fillId="2" borderId="0" xfId="2" applyFont="1" applyFill="1" applyAlignment="1">
      <alignment horizontal="center" vertical="top" wrapText="1"/>
    </xf>
    <xf numFmtId="0" fontId="14" fillId="0" borderId="0" xfId="2" applyFont="1" applyAlignment="1">
      <alignment horizontal="left" vertical="top" wrapText="1"/>
    </xf>
    <xf numFmtId="0" fontId="15" fillId="0" borderId="0" xfId="2" applyFont="1" applyAlignment="1">
      <alignment horizontal="left" vertical="top"/>
    </xf>
    <xf numFmtId="0" fontId="15" fillId="0" borderId="0" xfId="2" applyFont="1" applyAlignment="1">
      <alignment horizontal="left" vertical="top" wrapText="1"/>
    </xf>
    <xf numFmtId="0" fontId="28" fillId="0" borderId="0" xfId="2" applyFont="1" applyAlignment="1">
      <alignment horizontal="left" vertical="center"/>
    </xf>
    <xf numFmtId="0" fontId="32" fillId="2" borderId="0" xfId="2" applyFont="1" applyFill="1" applyAlignment="1">
      <alignment horizontal="left" vertical="top" wrapText="1"/>
    </xf>
    <xf numFmtId="0" fontId="32" fillId="2" borderId="0" xfId="2" applyFont="1" applyFill="1" applyAlignment="1">
      <alignment horizontal="left"/>
    </xf>
    <xf numFmtId="0" fontId="12" fillId="2" borderId="0" xfId="2" applyFont="1" applyFill="1" applyAlignment="1">
      <alignment horizontal="left" vertical="top" wrapText="1"/>
    </xf>
    <xf numFmtId="0" fontId="46" fillId="0" borderId="0" xfId="2" applyFont="1">
      <alignment vertical="center"/>
    </xf>
    <xf numFmtId="0" fontId="15" fillId="0" borderId="0" xfId="2" applyFont="1">
      <alignment vertical="center"/>
    </xf>
    <xf numFmtId="0" fontId="44" fillId="2" borderId="0" xfId="2" applyFont="1" applyFill="1" applyAlignment="1">
      <alignment horizontal="left" vertical="center" wrapText="1"/>
    </xf>
    <xf numFmtId="0" fontId="44" fillId="2" borderId="1" xfId="2" applyFont="1" applyFill="1" applyBorder="1" applyAlignment="1">
      <alignment horizontal="left"/>
    </xf>
    <xf numFmtId="0" fontId="44" fillId="2" borderId="1" xfId="2" applyFont="1" applyFill="1" applyBorder="1" applyAlignment="1">
      <alignment horizontal="left" vertical="center" wrapText="1"/>
    </xf>
    <xf numFmtId="0" fontId="44" fillId="2" borderId="1" xfId="2" applyFont="1" applyFill="1" applyBorder="1" applyAlignment="1">
      <alignment horizontal="left" vertical="center"/>
    </xf>
    <xf numFmtId="0" fontId="2" fillId="2" borderId="0" xfId="2" applyFont="1" applyFill="1" applyAlignment="1">
      <alignment horizontal="left" vertical="center" wrapText="1"/>
    </xf>
    <xf numFmtId="0" fontId="44" fillId="2" borderId="0" xfId="2" applyFont="1" applyFill="1" applyAlignment="1">
      <alignment horizontal="left" wrapText="1"/>
    </xf>
    <xf numFmtId="0" fontId="47" fillId="0" borderId="3" xfId="1" applyFont="1" applyBorder="1" applyAlignment="1">
      <alignment horizontal="center" vertical="center" wrapText="1"/>
    </xf>
    <xf numFmtId="0" fontId="47" fillId="0" borderId="4" xfId="1" applyFont="1" applyBorder="1" applyAlignment="1">
      <alignment horizontal="center" vertical="center" wrapText="1"/>
    </xf>
    <xf numFmtId="0" fontId="21" fillId="0" borderId="0" xfId="2" applyFont="1" applyAlignment="1">
      <alignment horizontal="center" vertical="center" wrapText="1"/>
    </xf>
    <xf numFmtId="0" fontId="30" fillId="2" borderId="0" xfId="2" applyFont="1" applyFill="1" applyAlignment="1">
      <alignment horizontal="left" vertical="center"/>
    </xf>
    <xf numFmtId="0" fontId="48" fillId="2" borderId="0" xfId="2" applyFont="1" applyFill="1" applyAlignment="1">
      <alignment horizontal="center" wrapText="1"/>
    </xf>
    <xf numFmtId="0" fontId="32" fillId="3" borderId="2" xfId="2" applyFont="1" applyFill="1" applyBorder="1" applyAlignment="1">
      <alignment vertical="center" shrinkToFit="1"/>
    </xf>
    <xf numFmtId="0" fontId="32" fillId="3" borderId="3" xfId="2" applyFont="1" applyFill="1" applyBorder="1" applyAlignment="1">
      <alignment vertical="center" shrinkToFit="1"/>
    </xf>
    <xf numFmtId="0" fontId="32" fillId="3" borderId="4" xfId="2" applyFont="1" applyFill="1" applyBorder="1" applyAlignment="1">
      <alignment vertical="center" shrinkToFit="1"/>
    </xf>
    <xf numFmtId="0" fontId="32" fillId="2" borderId="0" xfId="2" applyFont="1" applyFill="1">
      <alignment vertical="center"/>
    </xf>
    <xf numFmtId="0" fontId="29" fillId="2" borderId="0" xfId="2" applyFont="1" applyFill="1" applyAlignment="1">
      <alignment horizontal="center" vertical="center" wrapText="1" shrinkToFit="1"/>
    </xf>
    <xf numFmtId="0" fontId="12" fillId="3" borderId="5" xfId="2" applyFont="1" applyFill="1" applyBorder="1" applyAlignment="1">
      <alignment vertical="center" shrinkToFit="1"/>
    </xf>
    <xf numFmtId="0" fontId="12" fillId="3" borderId="6" xfId="2" applyFont="1" applyFill="1" applyBorder="1" applyAlignment="1">
      <alignment vertical="center" shrinkToFit="1"/>
    </xf>
    <xf numFmtId="0" fontId="12" fillId="3" borderId="7" xfId="2" applyFont="1" applyFill="1" applyBorder="1" applyAlignment="1">
      <alignment vertical="center" shrinkToFit="1"/>
    </xf>
    <xf numFmtId="0" fontId="12" fillId="2" borderId="8" xfId="2" applyFont="1" applyFill="1" applyBorder="1" applyAlignment="1">
      <alignment horizontal="left" vertical="center" wrapText="1" shrinkToFit="1"/>
    </xf>
    <xf numFmtId="0" fontId="12" fillId="2" borderId="9" xfId="2" applyFont="1" applyFill="1" applyBorder="1" applyAlignment="1">
      <alignment horizontal="left" vertical="center" wrapText="1" shrinkToFit="1"/>
    </xf>
    <xf numFmtId="0" fontId="12" fillId="2" borderId="10" xfId="2" applyFont="1" applyFill="1" applyBorder="1" applyAlignment="1">
      <alignment horizontal="left" vertical="center" wrapText="1" shrinkToFit="1"/>
    </xf>
    <xf numFmtId="0" fontId="31" fillId="2" borderId="13" xfId="2" applyFont="1" applyFill="1" applyBorder="1" applyAlignment="1">
      <alignment horizontal="center" vertical="center" shrinkToFit="1"/>
    </xf>
    <xf numFmtId="0" fontId="15" fillId="2" borderId="0" xfId="2" applyFont="1" applyFill="1">
      <alignment vertical="center"/>
    </xf>
    <xf numFmtId="0" fontId="12" fillId="2" borderId="14" xfId="2" applyFont="1" applyFill="1" applyBorder="1" applyAlignment="1">
      <alignment horizontal="left" vertical="center" wrapText="1" shrinkToFit="1"/>
    </xf>
    <xf numFmtId="0" fontId="32" fillId="2" borderId="15" xfId="2" applyFont="1" applyFill="1" applyBorder="1" applyAlignment="1">
      <alignment horizontal="left" vertical="center" wrapText="1" shrinkToFit="1"/>
    </xf>
    <xf numFmtId="0" fontId="12" fillId="2" borderId="17" xfId="2" applyFont="1" applyFill="1" applyBorder="1" applyAlignment="1">
      <alignment horizontal="left" vertical="center" wrapText="1" shrinkToFit="1"/>
    </xf>
    <xf numFmtId="0" fontId="30" fillId="2" borderId="20" xfId="2" applyFont="1" applyFill="1" applyBorder="1" applyAlignment="1">
      <alignment horizontal="center" vertical="center" shrinkToFit="1"/>
    </xf>
    <xf numFmtId="0" fontId="12" fillId="2" borderId="28" xfId="2" quotePrefix="1" applyFont="1" applyFill="1" applyBorder="1" applyAlignment="1">
      <alignment horizontal="center" vertical="center" wrapText="1" shrinkToFit="1"/>
    </xf>
    <xf numFmtId="0" fontId="12" fillId="2" borderId="29" xfId="2" quotePrefix="1" applyFont="1" applyFill="1" applyBorder="1" applyAlignment="1">
      <alignment horizontal="center" vertical="center" wrapText="1" shrinkToFit="1"/>
    </xf>
    <xf numFmtId="0" fontId="12" fillId="2" borderId="30" xfId="2" quotePrefix="1" applyFont="1" applyFill="1" applyBorder="1" applyAlignment="1">
      <alignment horizontal="center" vertical="center" wrapText="1" shrinkToFit="1"/>
    </xf>
    <xf numFmtId="0" fontId="12" fillId="2" borderId="31" xfId="2" quotePrefix="1" applyFont="1" applyFill="1" applyBorder="1" applyAlignment="1">
      <alignment horizontal="center" vertical="center" wrapText="1" shrinkToFit="1"/>
    </xf>
    <xf numFmtId="0" fontId="32" fillId="2" borderId="0" xfId="2" applyFont="1" applyFill="1" applyAlignment="1">
      <alignment vertical="center" wrapText="1" shrinkToFit="1"/>
    </xf>
    <xf numFmtId="0" fontId="12" fillId="2" borderId="8" xfId="2" quotePrefix="1" applyFont="1" applyFill="1" applyBorder="1" applyAlignment="1">
      <alignment horizontal="center" vertical="center" wrapText="1" shrinkToFit="1"/>
    </xf>
    <xf numFmtId="0" fontId="12" fillId="2" borderId="9" xfId="2" quotePrefix="1" applyFont="1" applyFill="1" applyBorder="1" applyAlignment="1">
      <alignment horizontal="center" vertical="center" wrapText="1" shrinkToFit="1"/>
    </xf>
    <xf numFmtId="0" fontId="12" fillId="2" borderId="10" xfId="2" quotePrefix="1" applyFont="1" applyFill="1" applyBorder="1" applyAlignment="1">
      <alignment horizontal="center" vertical="center" wrapText="1" shrinkToFit="1"/>
    </xf>
    <xf numFmtId="0" fontId="12" fillId="2" borderId="12" xfId="2" quotePrefix="1" applyFont="1" applyFill="1" applyBorder="1" applyAlignment="1">
      <alignment horizontal="center" vertical="center" wrapText="1" shrinkToFit="1"/>
    </xf>
    <xf numFmtId="0" fontId="32" fillId="3" borderId="2" xfId="2" applyFont="1" applyFill="1" applyBorder="1" applyAlignment="1">
      <alignment horizontal="left" vertical="center" wrapText="1" shrinkToFit="1"/>
    </xf>
    <xf numFmtId="0" fontId="32" fillId="3" borderId="36" xfId="2" applyFont="1" applyFill="1" applyBorder="1" applyAlignment="1">
      <alignment horizontal="left" vertical="center" wrapText="1" shrinkToFit="1"/>
    </xf>
    <xf numFmtId="0" fontId="12" fillId="3" borderId="3" xfId="2" applyFont="1" applyFill="1" applyBorder="1" applyAlignment="1">
      <alignment horizontal="left" vertical="center" wrapText="1" shrinkToFit="1"/>
    </xf>
    <xf numFmtId="0" fontId="32" fillId="3" borderId="37" xfId="2" applyFont="1" applyFill="1" applyBorder="1" applyAlignment="1">
      <alignment horizontal="left" vertical="center" wrapText="1" shrinkToFit="1"/>
    </xf>
    <xf numFmtId="0" fontId="14" fillId="0" borderId="8" xfId="2" applyFont="1" applyBorder="1" applyAlignment="1">
      <alignment horizontal="left" vertical="center" wrapText="1" shrinkToFit="1"/>
    </xf>
    <xf numFmtId="0" fontId="15" fillId="0" borderId="14" xfId="2" applyFont="1" applyBorder="1" applyAlignment="1">
      <alignment horizontal="left" vertical="center" wrapText="1" shrinkToFit="1"/>
    </xf>
    <xf numFmtId="0" fontId="15" fillId="0" borderId="15" xfId="2" applyFont="1" applyBorder="1" applyAlignment="1">
      <alignment horizontal="left" vertical="center" wrapText="1" shrinkToFit="1"/>
    </xf>
    <xf numFmtId="0" fontId="15" fillId="0" borderId="16" xfId="2" applyFont="1" applyBorder="1" applyAlignment="1">
      <alignment horizontal="left" vertical="center" wrapText="1" shrinkToFit="1"/>
    </xf>
    <xf numFmtId="0" fontId="15" fillId="0" borderId="17" xfId="2" applyFont="1" applyBorder="1" applyAlignment="1">
      <alignment horizontal="left" vertical="center" wrapText="1" shrinkToFit="1"/>
    </xf>
    <xf numFmtId="0" fontId="32" fillId="3" borderId="3" xfId="2" applyFont="1" applyFill="1" applyBorder="1" applyAlignment="1">
      <alignment horizontal="left" vertical="center" wrapText="1" shrinkToFit="1"/>
    </xf>
    <xf numFmtId="0" fontId="32" fillId="3" borderId="4" xfId="2" applyFont="1" applyFill="1" applyBorder="1" applyAlignment="1">
      <alignment horizontal="left" vertical="center" wrapText="1" shrinkToFit="1"/>
    </xf>
    <xf numFmtId="0" fontId="32" fillId="2" borderId="0" xfId="2" applyFont="1" applyFill="1" applyAlignment="1">
      <alignment vertical="top" wrapText="1"/>
    </xf>
    <xf numFmtId="0" fontId="15" fillId="0" borderId="0" xfId="2" applyFont="1" applyAlignment="1">
      <alignment vertical="top" wrapText="1"/>
    </xf>
    <xf numFmtId="0" fontId="30" fillId="2" borderId="39" xfId="1" applyFont="1" applyFill="1" applyBorder="1" applyAlignment="1">
      <alignment horizontal="center" vertical="center" wrapText="1" shrinkToFit="1"/>
    </xf>
    <xf numFmtId="0" fontId="30" fillId="2" borderId="40" xfId="1" applyFont="1" applyFill="1" applyBorder="1" applyAlignment="1">
      <alignment horizontal="center" vertical="center" wrapText="1" shrinkToFit="1"/>
    </xf>
    <xf numFmtId="0" fontId="31" fillId="2" borderId="41" xfId="2" applyFont="1" applyFill="1" applyBorder="1" applyAlignment="1">
      <alignment horizontal="center" vertical="center" shrinkToFit="1"/>
    </xf>
    <xf numFmtId="0" fontId="15" fillId="2" borderId="0" xfId="2" applyFont="1" applyFill="1" applyAlignment="1">
      <alignment vertical="top" wrapText="1"/>
    </xf>
    <xf numFmtId="0" fontId="30" fillId="2" borderId="12" xfId="1" applyFont="1" applyFill="1" applyBorder="1" applyAlignment="1">
      <alignment horizontal="center" vertical="center" wrapText="1" shrinkToFit="1"/>
    </xf>
    <xf numFmtId="0" fontId="31" fillId="2" borderId="13" xfId="2" applyFont="1" applyFill="1" applyBorder="1" applyAlignment="1">
      <alignment horizontal="center" vertical="center" shrinkToFit="1"/>
    </xf>
    <xf numFmtId="0" fontId="32" fillId="2" borderId="14" xfId="2" applyFont="1" applyFill="1" applyBorder="1" applyAlignment="1">
      <alignment horizontal="left" vertical="center" wrapText="1" shrinkToFit="1"/>
    </xf>
    <xf numFmtId="0" fontId="32" fillId="2" borderId="17" xfId="2" applyFont="1" applyFill="1" applyBorder="1" applyAlignment="1">
      <alignment horizontal="left" vertical="center" wrapText="1" shrinkToFit="1"/>
    </xf>
    <xf numFmtId="0" fontId="32" fillId="2" borderId="18" xfId="2" applyFont="1" applyFill="1" applyBorder="1" applyAlignment="1">
      <alignment horizontal="left" vertical="center" wrapText="1" shrinkToFit="1"/>
    </xf>
    <xf numFmtId="0" fontId="12" fillId="2" borderId="32" xfId="2" quotePrefix="1" applyFont="1" applyFill="1" applyBorder="1" applyAlignment="1">
      <alignment horizontal="center" vertical="center" wrapText="1" shrinkToFit="1"/>
    </xf>
    <xf numFmtId="0" fontId="12" fillId="2" borderId="33" xfId="2" quotePrefix="1" applyFont="1" applyFill="1" applyBorder="1" applyAlignment="1">
      <alignment horizontal="center" vertical="center" wrapText="1" shrinkToFit="1"/>
    </xf>
    <xf numFmtId="0" fontId="12" fillId="2" borderId="34" xfId="2" quotePrefix="1" applyFont="1" applyFill="1" applyBorder="1" applyAlignment="1">
      <alignment horizontal="center" vertical="center" wrapText="1" shrinkToFit="1"/>
    </xf>
    <xf numFmtId="0" fontId="12" fillId="2" borderId="35" xfId="2" quotePrefix="1" applyFont="1" applyFill="1" applyBorder="1" applyAlignment="1">
      <alignment horizontal="center" vertical="center" wrapText="1" shrinkToFit="1"/>
    </xf>
    <xf numFmtId="0" fontId="32" fillId="2" borderId="8" xfId="2" applyFont="1" applyFill="1" applyBorder="1" applyAlignment="1">
      <alignment horizontal="left" vertical="center" wrapText="1" shrinkToFit="1"/>
    </xf>
    <xf numFmtId="0" fontId="32" fillId="2" borderId="9" xfId="2" applyFont="1" applyFill="1" applyBorder="1" applyAlignment="1">
      <alignment horizontal="left" vertical="center" wrapText="1" shrinkToFit="1"/>
    </xf>
    <xf numFmtId="0" fontId="32" fillId="2" borderId="12" xfId="2" applyFont="1" applyFill="1" applyBorder="1" applyAlignment="1">
      <alignment horizontal="left" vertical="center" wrapText="1" shrinkToFit="1"/>
    </xf>
    <xf numFmtId="0" fontId="32" fillId="0" borderId="17" xfId="2" applyFont="1" applyBorder="1" applyAlignment="1">
      <alignment horizontal="left" vertical="center" wrapText="1" shrinkToFit="1"/>
    </xf>
    <xf numFmtId="0" fontId="32" fillId="0" borderId="18" xfId="2" applyFont="1" applyBorder="1" applyAlignment="1">
      <alignment horizontal="left" vertical="center" wrapText="1" shrinkToFit="1"/>
    </xf>
    <xf numFmtId="0" fontId="12" fillId="0" borderId="19" xfId="2" applyFont="1" applyBorder="1" applyAlignment="1">
      <alignment horizontal="left" vertical="center" wrapText="1" shrinkToFit="1"/>
    </xf>
    <xf numFmtId="0" fontId="14" fillId="2" borderId="14" xfId="2" applyFont="1" applyFill="1" applyBorder="1" applyAlignment="1">
      <alignment horizontal="left" vertical="center" wrapText="1" shrinkToFit="1"/>
    </xf>
    <xf numFmtId="0" fontId="15" fillId="2" borderId="15" xfId="2" applyFont="1" applyFill="1" applyBorder="1" applyAlignment="1">
      <alignment horizontal="left" vertical="center" wrapText="1" shrinkToFit="1"/>
    </xf>
    <xf numFmtId="0" fontId="15" fillId="2" borderId="16" xfId="2" applyFont="1" applyFill="1" applyBorder="1" applyAlignment="1">
      <alignment horizontal="left" vertical="center" wrapText="1" shrinkToFit="1"/>
    </xf>
    <xf numFmtId="0" fontId="31" fillId="2" borderId="45" xfId="2" applyFont="1" applyFill="1" applyBorder="1" applyAlignment="1">
      <alignment horizontal="center" vertical="center" shrinkToFit="1"/>
    </xf>
    <xf numFmtId="0" fontId="30" fillId="2" borderId="46" xfId="2" applyFont="1" applyFill="1" applyBorder="1" applyAlignment="1">
      <alignment horizontal="center" vertical="center" shrinkToFit="1"/>
    </xf>
    <xf numFmtId="0" fontId="30" fillId="2" borderId="11" xfId="2" applyFont="1" applyFill="1" applyBorder="1" applyAlignment="1">
      <alignment horizontal="center" vertical="center" shrinkToFit="1"/>
    </xf>
    <xf numFmtId="0" fontId="30" fillId="2" borderId="95" xfId="1" applyFont="1" applyFill="1" applyBorder="1" applyAlignment="1">
      <alignment horizontal="center" vertical="center" wrapText="1" shrinkToFit="1"/>
    </xf>
    <xf numFmtId="0" fontId="30" fillId="2" borderId="96" xfId="1" applyFont="1" applyFill="1" applyBorder="1" applyAlignment="1">
      <alignment horizontal="center" vertical="center" wrapText="1" shrinkToFit="1"/>
    </xf>
    <xf numFmtId="0" fontId="49" fillId="2" borderId="0" xfId="2" applyFont="1" applyFill="1" applyAlignment="1">
      <alignment horizontal="left" vertical="center"/>
    </xf>
    <xf numFmtId="0" fontId="31" fillId="2" borderId="13" xfId="2" applyFont="1" applyFill="1" applyBorder="1" applyAlignment="1">
      <alignment horizontal="left" vertical="center" shrinkToFit="1"/>
    </xf>
    <xf numFmtId="0" fontId="50" fillId="2" borderId="0" xfId="2" applyFont="1" applyFill="1" applyAlignment="1">
      <alignment horizontal="left" vertical="top" wrapText="1"/>
    </xf>
    <xf numFmtId="0" fontId="50" fillId="2" borderId="0" xfId="2" applyFont="1" applyFill="1" applyAlignment="1">
      <alignment horizontal="left" vertical="center"/>
    </xf>
    <xf numFmtId="0" fontId="49" fillId="2" borderId="0" xfId="2" applyFont="1" applyFill="1">
      <alignment vertical="center"/>
    </xf>
    <xf numFmtId="0" fontId="50" fillId="2" borderId="0" xfId="2" applyFont="1" applyFill="1" applyAlignment="1">
      <alignment vertical="top" wrapText="1"/>
    </xf>
    <xf numFmtId="0" fontId="50" fillId="2" borderId="0" xfId="2" applyFont="1" applyFill="1">
      <alignment vertical="center"/>
    </xf>
    <xf numFmtId="0" fontId="14" fillId="0" borderId="14" xfId="2" applyFont="1" applyBorder="1" applyAlignment="1">
      <alignment horizontal="left" vertical="center" wrapText="1" shrinkToFit="1"/>
    </xf>
    <xf numFmtId="0" fontId="25" fillId="0" borderId="46" xfId="2" applyFont="1" applyBorder="1" applyAlignment="1">
      <alignment horizontal="center" vertical="center" shrinkToFit="1"/>
    </xf>
    <xf numFmtId="0" fontId="25" fillId="0" borderId="21" xfId="1" applyFont="1" applyBorder="1" applyAlignment="1">
      <alignment horizontal="center" vertical="center" wrapText="1" shrinkToFit="1"/>
    </xf>
    <xf numFmtId="0" fontId="25" fillId="0" borderId="22" xfId="1" applyFont="1" applyBorder="1" applyAlignment="1">
      <alignment horizontal="center" vertical="center" wrapText="1" shrinkToFit="1"/>
    </xf>
    <xf numFmtId="0" fontId="25" fillId="0" borderId="23" xfId="1" applyFont="1" applyBorder="1" applyAlignment="1">
      <alignment horizontal="center" vertical="center" shrinkToFit="1"/>
    </xf>
    <xf numFmtId="0" fontId="12" fillId="2" borderId="42" xfId="2" quotePrefix="1" applyFont="1" applyFill="1" applyBorder="1" applyAlignment="1">
      <alignment horizontal="center" vertical="center" wrapText="1" shrinkToFit="1"/>
    </xf>
    <xf numFmtId="0" fontId="12" fillId="2" borderId="43" xfId="2" quotePrefix="1" applyFont="1" applyFill="1" applyBorder="1" applyAlignment="1">
      <alignment horizontal="center" vertical="center" wrapText="1" shrinkToFit="1"/>
    </xf>
    <xf numFmtId="0" fontId="12" fillId="2" borderId="63" xfId="2" quotePrefix="1" applyFont="1" applyFill="1" applyBorder="1" applyAlignment="1">
      <alignment horizontal="center" vertical="center" wrapText="1" shrinkToFit="1"/>
    </xf>
    <xf numFmtId="0" fontId="12" fillId="2" borderId="76" xfId="2" quotePrefix="1" applyFont="1" applyFill="1" applyBorder="1" applyAlignment="1">
      <alignment horizontal="center" vertical="center" wrapText="1" shrinkToFit="1"/>
    </xf>
    <xf numFmtId="0" fontId="51" fillId="0" borderId="0" xfId="1" applyFont="1" applyAlignment="1">
      <alignment vertical="top"/>
    </xf>
    <xf numFmtId="0" fontId="32" fillId="4" borderId="24" xfId="2" applyFont="1" applyFill="1" applyBorder="1" applyAlignment="1">
      <alignment horizontal="left" vertical="center" shrinkToFit="1"/>
    </xf>
    <xf numFmtId="0" fontId="32" fillId="4" borderId="25" xfId="2" applyFont="1" applyFill="1" applyBorder="1" applyAlignment="1">
      <alignment horizontal="left" vertical="center" shrinkToFit="1"/>
    </xf>
    <xf numFmtId="0" fontId="12" fillId="4" borderId="26" xfId="2" applyFont="1" applyFill="1" applyBorder="1" applyAlignment="1">
      <alignment horizontal="left" vertical="center" shrinkToFit="1"/>
    </xf>
    <xf numFmtId="0" fontId="32" fillId="4" borderId="27" xfId="2" applyFont="1" applyFill="1" applyBorder="1" applyAlignment="1">
      <alignment horizontal="left" vertical="center" shrinkToFit="1"/>
    </xf>
    <xf numFmtId="0" fontId="15" fillId="0" borderId="86" xfId="2" applyFont="1" applyBorder="1" applyAlignment="1">
      <alignment horizontal="left" vertical="center" wrapText="1" shrinkToFit="1"/>
    </xf>
    <xf numFmtId="0" fontId="15" fillId="0" borderId="88" xfId="2" applyFont="1" applyBorder="1" applyAlignment="1">
      <alignment horizontal="left" vertical="center" wrapText="1" shrinkToFit="1"/>
    </xf>
    <xf numFmtId="0" fontId="15" fillId="0" borderId="99" xfId="2" applyFont="1" applyBorder="1" applyAlignment="1">
      <alignment horizontal="left" vertical="center" wrapText="1" shrinkToFit="1"/>
    </xf>
    <xf numFmtId="0" fontId="30" fillId="0" borderId="95" xfId="1" applyFont="1" applyBorder="1" applyAlignment="1">
      <alignment horizontal="center" vertical="center" wrapText="1" shrinkToFit="1"/>
    </xf>
    <xf numFmtId="0" fontId="30" fillId="0" borderId="96" xfId="1" applyFont="1" applyBorder="1" applyAlignment="1">
      <alignment horizontal="center" vertical="center" wrapText="1" shrinkToFit="1"/>
    </xf>
    <xf numFmtId="0" fontId="32" fillId="4" borderId="51" xfId="2" applyFont="1" applyFill="1" applyBorder="1" applyAlignment="1">
      <alignment vertical="center" wrapText="1" shrinkToFit="1"/>
    </xf>
    <xf numFmtId="0" fontId="32" fillId="4" borderId="52" xfId="2" applyFont="1" applyFill="1" applyBorder="1" applyAlignment="1">
      <alignment vertical="center" wrapText="1" shrinkToFit="1"/>
    </xf>
    <xf numFmtId="0" fontId="32" fillId="4" borderId="53" xfId="2" applyFont="1" applyFill="1" applyBorder="1" applyAlignment="1">
      <alignment vertical="center" wrapText="1" shrinkToFit="1"/>
    </xf>
    <xf numFmtId="0" fontId="32" fillId="2" borderId="43" xfId="2" applyFont="1" applyFill="1" applyBorder="1" applyAlignment="1">
      <alignment horizontal="left" vertical="center" wrapText="1" shrinkToFit="1"/>
    </xf>
    <xf numFmtId="0" fontId="12" fillId="2" borderId="63" xfId="2" applyFont="1" applyFill="1" applyBorder="1" applyAlignment="1">
      <alignment horizontal="left" vertical="center" wrapText="1" shrinkToFit="1"/>
    </xf>
    <xf numFmtId="0" fontId="32" fillId="2" borderId="63" xfId="2" applyFont="1" applyFill="1" applyBorder="1" applyAlignment="1">
      <alignment horizontal="left" vertical="center" wrapText="1" shrinkToFit="1"/>
    </xf>
    <xf numFmtId="0" fontId="32" fillId="2" borderId="64" xfId="2" applyFont="1" applyFill="1" applyBorder="1" applyAlignment="1">
      <alignment horizontal="left" vertical="center" wrapText="1" shrinkToFit="1"/>
    </xf>
    <xf numFmtId="0" fontId="32" fillId="4" borderId="55" xfId="2" applyFont="1" applyFill="1" applyBorder="1" applyAlignment="1">
      <alignment vertical="center" wrapText="1" shrinkToFit="1"/>
    </xf>
    <xf numFmtId="0" fontId="32" fillId="4" borderId="56" xfId="2" applyFont="1" applyFill="1" applyBorder="1" applyAlignment="1">
      <alignment vertical="center" wrapText="1" shrinkToFit="1"/>
    </xf>
    <xf numFmtId="0" fontId="32" fillId="4" borderId="57" xfId="2" applyFont="1" applyFill="1" applyBorder="1" applyAlignment="1">
      <alignment vertical="center" wrapText="1" shrinkToFit="1"/>
    </xf>
    <xf numFmtId="0" fontId="32" fillId="2" borderId="82" xfId="2" applyFont="1" applyFill="1" applyBorder="1" applyAlignment="1">
      <alignment horizontal="left" vertical="center" wrapText="1" shrinkToFit="1"/>
    </xf>
    <xf numFmtId="0" fontId="32" fillId="2" borderId="56" xfId="2" applyFont="1" applyFill="1" applyBorder="1" applyAlignment="1">
      <alignment horizontal="left" vertical="center" wrapText="1" shrinkToFit="1"/>
    </xf>
    <xf numFmtId="0" fontId="32" fillId="2" borderId="83" xfId="2" applyFont="1" applyFill="1" applyBorder="1" applyAlignment="1">
      <alignment horizontal="left" vertical="center" wrapText="1" shrinkToFit="1"/>
    </xf>
    <xf numFmtId="0" fontId="32" fillId="2" borderId="0" xfId="2" applyFont="1" applyFill="1" applyAlignment="1">
      <alignment vertical="center" wrapText="1"/>
    </xf>
    <xf numFmtId="0" fontId="15" fillId="2" borderId="0" xfId="2" applyFont="1" applyFill="1" applyAlignment="1">
      <alignment vertical="center" wrapText="1"/>
    </xf>
    <xf numFmtId="0" fontId="32" fillId="0" borderId="38" xfId="2" applyFont="1" applyBorder="1" applyAlignment="1">
      <alignment horizontal="left" vertical="center" wrapText="1" shrinkToFit="1"/>
    </xf>
    <xf numFmtId="0" fontId="32" fillId="0" borderId="22" xfId="2" applyFont="1" applyBorder="1" applyAlignment="1">
      <alignment horizontal="left" vertical="center" wrapText="1" shrinkToFit="1"/>
    </xf>
    <xf numFmtId="0" fontId="12" fillId="0" borderId="0" xfId="2" applyFont="1" applyAlignment="1">
      <alignment horizontal="left" vertical="center" wrapText="1" shrinkToFit="1"/>
    </xf>
    <xf numFmtId="0" fontId="15" fillId="0" borderId="0" xfId="2" applyFont="1" applyAlignment="1">
      <alignment vertical="top"/>
    </xf>
    <xf numFmtId="0" fontId="32" fillId="2" borderId="38" xfId="2" applyFont="1" applyFill="1" applyBorder="1" applyAlignment="1">
      <alignment horizontal="left" vertical="center" wrapText="1" shrinkToFit="1"/>
    </xf>
    <xf numFmtId="0" fontId="32" fillId="2" borderId="60" xfId="2" applyFont="1" applyFill="1" applyBorder="1" applyAlignment="1">
      <alignment horizontal="left" vertical="center" wrapText="1" shrinkToFit="1"/>
    </xf>
    <xf numFmtId="0" fontId="30" fillId="2" borderId="112" xfId="2" applyFont="1" applyFill="1" applyBorder="1" applyAlignment="1">
      <alignment horizontal="center" vertical="center" shrinkToFit="1"/>
    </xf>
    <xf numFmtId="0" fontId="30" fillId="0" borderId="112" xfId="1" applyFont="1" applyBorder="1" applyAlignment="1">
      <alignment horizontal="center" vertical="center" wrapText="1" shrinkToFit="1"/>
    </xf>
    <xf numFmtId="0" fontId="30" fillId="0" borderId="27" xfId="1" applyFont="1" applyBorder="1" applyAlignment="1">
      <alignment horizontal="center" vertical="center" wrapText="1" shrinkToFit="1"/>
    </xf>
    <xf numFmtId="0" fontId="14" fillId="4" borderId="24" xfId="2" applyFont="1" applyFill="1" applyBorder="1" applyAlignment="1">
      <alignment horizontal="left" vertical="center" shrinkToFit="1"/>
    </xf>
    <xf numFmtId="0" fontId="15" fillId="4" borderId="26" xfId="2" applyFont="1" applyFill="1" applyBorder="1" applyAlignment="1">
      <alignment horizontal="left" vertical="center" shrinkToFit="1"/>
    </xf>
    <xf numFmtId="0" fontId="15" fillId="4" borderId="54" xfId="2" applyFont="1" applyFill="1" applyBorder="1" applyAlignment="1">
      <alignment horizontal="left" vertical="center" shrinkToFit="1"/>
    </xf>
    <xf numFmtId="0" fontId="32" fillId="2" borderId="19" xfId="2" applyFont="1" applyFill="1" applyBorder="1" applyAlignment="1">
      <alignment horizontal="left" vertical="center" wrapText="1" shrinkToFit="1"/>
    </xf>
    <xf numFmtId="0" fontId="32" fillId="2" borderId="65" xfId="2" applyFont="1" applyFill="1" applyBorder="1" applyAlignment="1">
      <alignment horizontal="left" vertical="center" wrapText="1" shrinkToFit="1"/>
    </xf>
    <xf numFmtId="0" fontId="32" fillId="2" borderId="22" xfId="2" applyFont="1" applyFill="1" applyBorder="1" applyAlignment="1">
      <alignment horizontal="left" vertical="center" wrapText="1" shrinkToFit="1"/>
    </xf>
    <xf numFmtId="0" fontId="32" fillId="2" borderId="0" xfId="2" applyFont="1" applyFill="1" applyAlignment="1">
      <alignment horizontal="left" vertical="center" wrapText="1" shrinkToFit="1"/>
    </xf>
    <xf numFmtId="0" fontId="32" fillId="2" borderId="68" xfId="2" applyFont="1" applyFill="1" applyBorder="1" applyAlignment="1">
      <alignment horizontal="left" vertical="center" wrapText="1" shrinkToFit="1"/>
    </xf>
    <xf numFmtId="0" fontId="30" fillId="0" borderId="11" xfId="1" applyFont="1" applyBorder="1" applyAlignment="1">
      <alignment horizontal="center" vertical="center" wrapText="1" shrinkToFit="1"/>
    </xf>
    <xf numFmtId="0" fontId="30" fillId="0" borderId="9" xfId="1" applyFont="1" applyBorder="1" applyAlignment="1">
      <alignment horizontal="center" vertical="center" wrapText="1" shrinkToFit="1"/>
    </xf>
    <xf numFmtId="0" fontId="30" fillId="0" borderId="12" xfId="1" applyFont="1" applyBorder="1" applyAlignment="1">
      <alignment horizontal="center" vertical="center" shrinkToFit="1"/>
    </xf>
    <xf numFmtId="0" fontId="30" fillId="0" borderId="21" xfId="1" applyFont="1" applyBorder="1" applyAlignment="1">
      <alignment horizontal="center" vertical="center" wrapText="1" shrinkToFit="1"/>
    </xf>
    <xf numFmtId="0" fontId="30" fillId="0" borderId="22" xfId="1" applyFont="1" applyBorder="1" applyAlignment="1">
      <alignment horizontal="center" vertical="center" wrapText="1" shrinkToFit="1"/>
    </xf>
    <xf numFmtId="0" fontId="30" fillId="0" borderId="23" xfId="1" applyFont="1" applyBorder="1" applyAlignment="1">
      <alignment horizontal="center" vertical="center" shrinkToFit="1"/>
    </xf>
    <xf numFmtId="0" fontId="14" fillId="2" borderId="38" xfId="2" applyFont="1" applyFill="1" applyBorder="1" applyAlignment="1">
      <alignment horizontal="left" vertical="center" wrapText="1" shrinkToFit="1"/>
    </xf>
    <xf numFmtId="0" fontId="15" fillId="2" borderId="22" xfId="2" applyFont="1" applyFill="1" applyBorder="1" applyAlignment="1">
      <alignment horizontal="left" vertical="center" wrapText="1" shrinkToFit="1"/>
    </xf>
    <xf numFmtId="0" fontId="15" fillId="2" borderId="0" xfId="2" applyFont="1" applyFill="1" applyAlignment="1">
      <alignment horizontal="left" vertical="center" wrapText="1" shrinkToFit="1"/>
    </xf>
    <xf numFmtId="0" fontId="30" fillId="2" borderId="21" xfId="1" applyFont="1" applyFill="1" applyBorder="1" applyAlignment="1">
      <alignment horizontal="center" vertical="center" shrinkToFit="1"/>
    </xf>
    <xf numFmtId="0" fontId="14" fillId="4" borderId="42" xfId="2" applyFont="1" applyFill="1" applyBorder="1" applyAlignment="1">
      <alignment horizontal="left" vertical="center" shrinkToFit="1"/>
    </xf>
    <xf numFmtId="0" fontId="15" fillId="4" borderId="43" xfId="2" applyFont="1" applyFill="1" applyBorder="1" applyAlignment="1">
      <alignment horizontal="left" vertical="center" shrinkToFit="1"/>
    </xf>
    <xf numFmtId="0" fontId="15" fillId="4" borderId="63" xfId="2" applyFont="1" applyFill="1" applyBorder="1" applyAlignment="1">
      <alignment horizontal="left" vertical="center" shrinkToFit="1"/>
    </xf>
    <xf numFmtId="0" fontId="15" fillId="4" borderId="76" xfId="2" applyFont="1" applyFill="1" applyBorder="1" applyAlignment="1">
      <alignment horizontal="left" vertical="center" shrinkToFit="1"/>
    </xf>
    <xf numFmtId="0" fontId="12" fillId="4" borderId="66" xfId="2" applyFont="1" applyFill="1" applyBorder="1" applyAlignment="1">
      <alignment vertical="center" shrinkToFit="1"/>
    </xf>
    <xf numFmtId="0" fontId="12" fillId="4" borderId="1" xfId="2" applyFont="1" applyFill="1" applyBorder="1" applyAlignment="1">
      <alignment vertical="center" shrinkToFit="1"/>
    </xf>
    <xf numFmtId="0" fontId="12" fillId="4" borderId="59" xfId="2" applyFont="1" applyFill="1" applyBorder="1" applyAlignment="1">
      <alignment vertical="center" shrinkToFit="1"/>
    </xf>
    <xf numFmtId="0" fontId="32" fillId="0" borderId="51" xfId="2" applyFont="1" applyBorder="1" applyAlignment="1">
      <alignment vertical="center" wrapText="1" shrinkToFit="1"/>
    </xf>
    <xf numFmtId="0" fontId="32" fillId="0" borderId="52" xfId="2" applyFont="1" applyBorder="1" applyAlignment="1">
      <alignment vertical="center" wrapText="1" shrinkToFit="1"/>
    </xf>
    <xf numFmtId="0" fontId="32" fillId="0" borderId="53" xfId="2" applyFont="1" applyBorder="1" applyAlignment="1">
      <alignment vertical="center" wrapText="1" shrinkToFit="1"/>
    </xf>
    <xf numFmtId="0" fontId="32" fillId="4" borderId="77" xfId="2" applyFont="1" applyFill="1" applyBorder="1" applyAlignment="1">
      <alignment horizontal="left" vertical="center" wrapText="1" shrinkToFit="1"/>
    </xf>
    <xf numFmtId="0" fontId="32" fillId="4" borderId="53" xfId="2" applyFont="1" applyFill="1" applyBorder="1" applyAlignment="1">
      <alignment horizontal="left" vertical="center" wrapText="1" shrinkToFit="1"/>
    </xf>
    <xf numFmtId="0" fontId="32" fillId="2" borderId="77" xfId="2" applyFont="1" applyFill="1" applyBorder="1" applyAlignment="1">
      <alignment horizontal="left" vertical="center" wrapText="1" shrinkToFit="1"/>
    </xf>
    <xf numFmtId="0" fontId="32" fillId="2" borderId="52" xfId="2" applyFont="1" applyFill="1" applyBorder="1" applyAlignment="1">
      <alignment horizontal="left" vertical="center" wrapText="1" shrinkToFit="1"/>
    </xf>
    <xf numFmtId="0" fontId="32" fillId="2" borderId="78" xfId="2" applyFont="1" applyFill="1" applyBorder="1" applyAlignment="1">
      <alignment horizontal="left" vertical="center" wrapText="1" shrinkToFit="1"/>
    </xf>
    <xf numFmtId="0" fontId="32" fillId="0" borderId="17" xfId="2" applyFont="1" applyBorder="1" applyAlignment="1">
      <alignment vertical="center" wrapText="1" shrinkToFit="1"/>
    </xf>
    <xf numFmtId="0" fontId="32" fillId="0" borderId="19" xfId="2" applyFont="1" applyBorder="1" applyAlignment="1">
      <alignment vertical="center" wrapText="1" shrinkToFit="1"/>
    </xf>
    <xf numFmtId="0" fontId="32" fillId="0" borderId="79" xfId="2" applyFont="1" applyBorder="1" applyAlignment="1">
      <alignment vertical="center" wrapText="1" shrinkToFit="1"/>
    </xf>
    <xf numFmtId="0" fontId="32" fillId="2" borderId="16" xfId="2" applyFont="1" applyFill="1" applyBorder="1" applyAlignment="1">
      <alignment horizontal="left" vertical="center" wrapText="1" shrinkToFit="1"/>
    </xf>
    <xf numFmtId="0" fontId="32" fillId="2" borderId="80" xfId="2" applyFont="1" applyFill="1" applyBorder="1" applyAlignment="1">
      <alignment horizontal="left" vertical="center" wrapText="1" shrinkToFit="1"/>
    </xf>
    <xf numFmtId="0" fontId="32" fillId="0" borderId="38" xfId="2" applyFont="1" applyBorder="1" applyAlignment="1">
      <alignment vertical="center" wrapText="1" shrinkToFit="1"/>
    </xf>
    <xf numFmtId="0" fontId="32" fillId="0" borderId="0" xfId="2" applyFont="1" applyAlignment="1">
      <alignment vertical="center" wrapText="1" shrinkToFit="1"/>
    </xf>
    <xf numFmtId="0" fontId="32" fillId="0" borderId="60" xfId="2" applyFont="1" applyBorder="1" applyAlignment="1">
      <alignment vertical="center" wrapText="1" shrinkToFit="1"/>
    </xf>
    <xf numFmtId="0" fontId="32" fillId="0" borderId="8" xfId="2" applyFont="1" applyBorder="1" applyAlignment="1">
      <alignment vertical="center" wrapText="1" shrinkToFit="1"/>
    </xf>
    <xf numFmtId="0" fontId="32" fillId="0" borderId="10" xfId="2" applyFont="1" applyBorder="1" applyAlignment="1">
      <alignment vertical="center" wrapText="1" shrinkToFit="1"/>
    </xf>
    <xf numFmtId="0" fontId="32" fillId="0" borderId="81" xfId="2" applyFont="1" applyBorder="1" applyAlignment="1">
      <alignment vertical="center" wrapText="1" shrinkToFit="1"/>
    </xf>
    <xf numFmtId="0" fontId="32" fillId="0" borderId="66" xfId="2" applyFont="1" applyBorder="1" applyAlignment="1">
      <alignment vertical="center" wrapText="1" shrinkToFit="1"/>
    </xf>
    <xf numFmtId="0" fontId="32" fillId="0" borderId="1" xfId="2" applyFont="1" applyBorder="1" applyAlignment="1">
      <alignment vertical="center" wrapText="1" shrinkToFit="1"/>
    </xf>
    <xf numFmtId="0" fontId="32" fillId="0" borderId="67" xfId="2" applyFont="1" applyBorder="1" applyAlignment="1">
      <alignment vertical="center" wrapText="1" shrinkToFit="1"/>
    </xf>
    <xf numFmtId="0" fontId="32" fillId="4" borderId="82" xfId="2" applyFont="1" applyFill="1" applyBorder="1" applyAlignment="1">
      <alignment horizontal="left" vertical="center" wrapText="1" shrinkToFit="1"/>
    </xf>
    <xf numFmtId="0" fontId="32" fillId="4" borderId="57" xfId="2" applyFont="1" applyFill="1" applyBorder="1" applyAlignment="1">
      <alignment horizontal="left" vertical="center" wrapText="1" shrinkToFit="1"/>
    </xf>
    <xf numFmtId="0" fontId="32" fillId="5" borderId="0" xfId="2" applyFont="1" applyFill="1" applyAlignment="1">
      <alignment vertical="center" wrapText="1" shrinkToFit="1"/>
    </xf>
    <xf numFmtId="0" fontId="14" fillId="3" borderId="2" xfId="2" applyFont="1" applyFill="1" applyBorder="1" applyAlignment="1">
      <alignment horizontal="left" vertical="center" wrapText="1" shrinkToFit="1"/>
    </xf>
    <xf numFmtId="0" fontId="15" fillId="3" borderId="36" xfId="2" applyFont="1" applyFill="1" applyBorder="1" applyAlignment="1">
      <alignment horizontal="left" vertical="center" wrapText="1" shrinkToFit="1"/>
    </xf>
    <xf numFmtId="0" fontId="15" fillId="3" borderId="3" xfId="2" applyFont="1" applyFill="1" applyBorder="1" applyAlignment="1">
      <alignment horizontal="left" vertical="center" wrapText="1" shrinkToFit="1"/>
    </xf>
    <xf numFmtId="0" fontId="15" fillId="3" borderId="37" xfId="2" applyFont="1" applyFill="1" applyBorder="1" applyAlignment="1">
      <alignment horizontal="left" vertical="center" wrapText="1" shrinkToFit="1"/>
    </xf>
    <xf numFmtId="0" fontId="21" fillId="2" borderId="0" xfId="2" applyFont="1" applyFill="1" applyAlignment="1">
      <alignment horizontal="center" vertical="center" wrapText="1"/>
    </xf>
    <xf numFmtId="0" fontId="14" fillId="0" borderId="38" xfId="2" applyFont="1" applyBorder="1" applyAlignment="1">
      <alignment horizontal="left" vertical="center" wrapText="1" shrinkToFit="1"/>
    </xf>
    <xf numFmtId="0" fontId="15" fillId="0" borderId="22" xfId="2" applyFont="1" applyBorder="1" applyAlignment="1">
      <alignment horizontal="left" vertical="center" wrapText="1" shrinkToFit="1"/>
    </xf>
    <xf numFmtId="0" fontId="15" fillId="0" borderId="0" xfId="2" applyFont="1" applyAlignment="1">
      <alignment horizontal="left" vertical="center" wrapText="1" shrinkToFit="1"/>
    </xf>
    <xf numFmtId="0" fontId="30" fillId="0" borderId="39" xfId="1" applyFont="1" applyBorder="1" applyAlignment="1">
      <alignment horizontal="center" vertical="center" wrapText="1" shrinkToFit="1"/>
    </xf>
    <xf numFmtId="0" fontId="30" fillId="0" borderId="40" xfId="1" applyFont="1" applyBorder="1" applyAlignment="1">
      <alignment horizontal="center" vertical="center" wrapText="1" shrinkToFit="1"/>
    </xf>
    <xf numFmtId="0" fontId="21" fillId="2" borderId="13" xfId="2" applyFont="1" applyFill="1" applyBorder="1" applyAlignment="1">
      <alignment horizontal="center" vertical="center" shrinkToFit="1"/>
    </xf>
    <xf numFmtId="0" fontId="15" fillId="0" borderId="42" xfId="2" applyFont="1" applyBorder="1" applyAlignment="1">
      <alignment horizontal="left" vertical="center" wrapText="1" shrinkToFit="1"/>
    </xf>
    <xf numFmtId="0" fontId="15" fillId="0" borderId="43" xfId="2" applyFont="1" applyBorder="1" applyAlignment="1">
      <alignment horizontal="left" vertical="center" wrapText="1" shrinkToFit="1"/>
    </xf>
    <xf numFmtId="0" fontId="30" fillId="0" borderId="21" xfId="1" applyFont="1" applyBorder="1" applyAlignment="1">
      <alignment horizontal="center" vertical="center" wrapText="1" shrinkToFit="1"/>
    </xf>
    <xf numFmtId="0" fontId="30" fillId="0" borderId="23" xfId="1" applyFont="1" applyBorder="1" applyAlignment="1">
      <alignment horizontal="center" vertical="center" wrapText="1" shrinkToFit="1"/>
    </xf>
    <xf numFmtId="0" fontId="31" fillId="2" borderId="0" xfId="2" applyFont="1" applyFill="1" applyAlignment="1">
      <alignment horizontal="center" vertical="center" shrinkToFit="1"/>
    </xf>
    <xf numFmtId="0" fontId="30" fillId="0" borderId="84" xfId="1" applyFont="1" applyBorder="1" applyAlignment="1">
      <alignment horizontal="center" vertical="center" wrapText="1" shrinkToFit="1"/>
    </xf>
    <xf numFmtId="0" fontId="30" fillId="0" borderId="85" xfId="1" applyFont="1" applyBorder="1" applyAlignment="1">
      <alignment horizontal="center" vertical="center" wrapText="1" shrinkToFit="1"/>
    </xf>
    <xf numFmtId="0" fontId="15" fillId="0" borderId="42" xfId="2" applyFont="1" applyBorder="1" applyAlignment="1">
      <alignment vertical="center" wrapText="1" shrinkToFit="1"/>
    </xf>
    <xf numFmtId="0" fontId="15" fillId="0" borderId="63" xfId="2" applyFont="1" applyBorder="1" applyAlignment="1">
      <alignment vertical="center" wrapText="1" shrinkToFit="1"/>
    </xf>
    <xf numFmtId="0" fontId="15" fillId="0" borderId="64" xfId="2" applyFont="1" applyBorder="1" applyAlignment="1">
      <alignment vertical="center" wrapText="1" shrinkToFit="1"/>
    </xf>
    <xf numFmtId="0" fontId="32" fillId="2" borderId="66" xfId="2" applyFont="1" applyFill="1" applyBorder="1" applyAlignment="1">
      <alignment horizontal="left" vertical="center" wrapText="1" shrinkToFit="1"/>
    </xf>
    <xf numFmtId="0" fontId="32" fillId="2" borderId="58" xfId="2" applyFont="1" applyFill="1" applyBorder="1" applyAlignment="1">
      <alignment horizontal="left" vertical="center" wrapText="1" shrinkToFit="1"/>
    </xf>
    <xf numFmtId="0" fontId="12" fillId="2" borderId="1" xfId="2" applyFont="1" applyFill="1" applyBorder="1" applyAlignment="1">
      <alignment horizontal="left" vertical="center" wrapText="1" shrinkToFit="1"/>
    </xf>
    <xf numFmtId="0" fontId="32" fillId="0" borderId="66" xfId="2" applyFont="1" applyBorder="1" applyAlignment="1">
      <alignment horizontal="left" vertical="center" wrapText="1" shrinkToFit="1"/>
    </xf>
    <xf numFmtId="0" fontId="32" fillId="0" borderId="58" xfId="2" applyFont="1" applyBorder="1" applyAlignment="1">
      <alignment horizontal="left" vertical="center" wrapText="1" shrinkToFit="1"/>
    </xf>
    <xf numFmtId="0" fontId="12" fillId="0" borderId="1" xfId="2" applyFont="1" applyBorder="1" applyAlignment="1">
      <alignment horizontal="left" vertical="center" wrapText="1" shrinkToFit="1"/>
    </xf>
    <xf numFmtId="0" fontId="15" fillId="2" borderId="89" xfId="1" applyFont="1" applyFill="1" applyBorder="1" applyAlignment="1">
      <alignment horizontal="left" vertical="center" wrapText="1" shrinkToFit="1"/>
    </xf>
    <xf numFmtId="0" fontId="15" fillId="2" borderId="90" xfId="1" applyFont="1" applyFill="1" applyBorder="1" applyAlignment="1">
      <alignment horizontal="left" vertical="center" wrapText="1" shrinkToFit="1"/>
    </xf>
    <xf numFmtId="0" fontId="25" fillId="2" borderId="95" xfId="1" applyFont="1" applyFill="1" applyBorder="1" applyAlignment="1">
      <alignment horizontal="center" vertical="center" wrapText="1" shrinkToFit="1"/>
    </xf>
    <xf numFmtId="0" fontId="25" fillId="2" borderId="96" xfId="1" applyFont="1" applyFill="1" applyBorder="1" applyAlignment="1">
      <alignment horizontal="center" vertical="center" wrapText="1" shrinkToFit="1"/>
    </xf>
    <xf numFmtId="0" fontId="15" fillId="2" borderId="8" xfId="1" applyFont="1" applyFill="1" applyBorder="1" applyAlignment="1">
      <alignment horizontal="left" vertical="center" wrapText="1" shrinkToFit="1"/>
    </xf>
    <xf numFmtId="0" fontId="15" fillId="2" borderId="10" xfId="1" applyFont="1" applyFill="1" applyBorder="1" applyAlignment="1">
      <alignment horizontal="left" vertical="center" wrapText="1" shrinkToFit="1"/>
    </xf>
    <xf numFmtId="0" fontId="15" fillId="2" borderId="81" xfId="1" applyFont="1" applyFill="1" applyBorder="1" applyAlignment="1">
      <alignment horizontal="left" vertical="center" wrapText="1" shrinkToFit="1"/>
    </xf>
    <xf numFmtId="0" fontId="25" fillId="2" borderId="20" xfId="2" applyFont="1" applyFill="1" applyBorder="1" applyAlignment="1">
      <alignment horizontal="center" vertical="center" shrinkToFit="1"/>
    </xf>
    <xf numFmtId="0" fontId="25" fillId="2" borderId="11" xfId="1" applyFont="1" applyFill="1" applyBorder="1" applyAlignment="1">
      <alignment horizontal="center" vertical="center" wrapText="1" shrinkToFit="1"/>
    </xf>
    <xf numFmtId="0" fontId="25" fillId="2" borderId="9" xfId="1" applyFont="1" applyFill="1" applyBorder="1" applyAlignment="1">
      <alignment horizontal="center" vertical="center" wrapText="1" shrinkToFit="1"/>
    </xf>
    <xf numFmtId="0" fontId="25" fillId="2" borderId="12" xfId="1" applyFont="1" applyFill="1" applyBorder="1" applyAlignment="1">
      <alignment horizontal="center" vertical="center" shrinkToFit="1"/>
    </xf>
    <xf numFmtId="0" fontId="15" fillId="2" borderId="113" xfId="1" applyFont="1" applyFill="1" applyBorder="1" applyAlignment="1">
      <alignment horizontal="left" vertical="center" wrapText="1" shrinkToFit="1"/>
    </xf>
    <xf numFmtId="0" fontId="15" fillId="2" borderId="114" xfId="1" applyFont="1" applyFill="1" applyBorder="1" applyAlignment="1">
      <alignment horizontal="left" vertical="center" wrapText="1" shrinkToFit="1"/>
    </xf>
    <xf numFmtId="0" fontId="15" fillId="2" borderId="115" xfId="1" applyFont="1" applyFill="1" applyBorder="1" applyAlignment="1">
      <alignment horizontal="left" vertical="center" wrapText="1" shrinkToFit="1"/>
    </xf>
    <xf numFmtId="0" fontId="25" fillId="2" borderId="21" xfId="1" applyFont="1" applyFill="1" applyBorder="1" applyAlignment="1">
      <alignment horizontal="center" vertical="center" wrapText="1" shrinkToFit="1"/>
    </xf>
    <xf numFmtId="0" fontId="25" fillId="2" borderId="22" xfId="1" applyFont="1" applyFill="1" applyBorder="1" applyAlignment="1">
      <alignment horizontal="center" vertical="center" wrapText="1" shrinkToFit="1"/>
    </xf>
    <xf numFmtId="0" fontId="25" fillId="2" borderId="23" xfId="1" applyFont="1" applyFill="1" applyBorder="1" applyAlignment="1">
      <alignment horizontal="center" vertical="center" shrinkToFit="1"/>
    </xf>
    <xf numFmtId="0" fontId="12" fillId="2" borderId="38" xfId="1" applyFont="1" applyFill="1" applyBorder="1" applyAlignment="1">
      <alignment horizontal="left" vertical="center" shrinkToFit="1"/>
    </xf>
    <xf numFmtId="0" fontId="15" fillId="2" borderId="32" xfId="1" applyFont="1" applyFill="1" applyBorder="1" applyAlignment="1">
      <alignment horizontal="center" vertical="center" wrapText="1" shrinkToFit="1"/>
    </xf>
    <xf numFmtId="0" fontId="15" fillId="2" borderId="33" xfId="1" applyFont="1" applyFill="1" applyBorder="1" applyAlignment="1">
      <alignment horizontal="center" vertical="center" wrapText="1" shrinkToFit="1"/>
    </xf>
    <xf numFmtId="0" fontId="15" fillId="2" borderId="34" xfId="1" applyFont="1" applyFill="1" applyBorder="1" applyAlignment="1">
      <alignment horizontal="center" vertical="center" wrapText="1" shrinkToFit="1"/>
    </xf>
    <xf numFmtId="0" fontId="12" fillId="2" borderId="38" xfId="1" applyFont="1" applyFill="1" applyBorder="1" applyAlignment="1">
      <alignment horizontal="left" vertical="center" wrapText="1" shrinkToFit="1"/>
    </xf>
    <xf numFmtId="0" fontId="12" fillId="3" borderId="2" xfId="2" applyFont="1" applyFill="1" applyBorder="1" applyAlignment="1">
      <alignment vertical="center" shrinkToFit="1"/>
    </xf>
    <xf numFmtId="0" fontId="12" fillId="3" borderId="3" xfId="2" applyFont="1" applyFill="1" applyBorder="1" applyAlignment="1">
      <alignment vertical="center" shrinkToFit="1"/>
    </xf>
    <xf numFmtId="0" fontId="12" fillId="3" borderId="4" xfId="2" applyFont="1" applyFill="1" applyBorder="1" applyAlignment="1">
      <alignment vertical="center" shrinkToFit="1"/>
    </xf>
    <xf numFmtId="0" fontId="32" fillId="2" borderId="42" xfId="2" applyFont="1" applyFill="1" applyBorder="1">
      <alignment vertical="center"/>
    </xf>
    <xf numFmtId="0" fontId="32" fillId="2" borderId="63" xfId="2" applyFont="1" applyFill="1" applyBorder="1">
      <alignment vertical="center"/>
    </xf>
    <xf numFmtId="0" fontId="32" fillId="2" borderId="64" xfId="2" applyFont="1" applyFill="1" applyBorder="1">
      <alignment vertical="center"/>
    </xf>
    <xf numFmtId="0" fontId="32" fillId="2" borderId="66" xfId="2" applyFont="1" applyFill="1" applyBorder="1" applyAlignment="1">
      <alignment vertical="center" wrapText="1" shrinkToFit="1"/>
    </xf>
    <xf numFmtId="0" fontId="32" fillId="2" borderId="1" xfId="2" applyFont="1" applyFill="1" applyBorder="1" applyAlignment="1">
      <alignment vertical="center" wrapText="1" shrinkToFit="1"/>
    </xf>
    <xf numFmtId="0" fontId="32" fillId="2" borderId="59" xfId="2" applyFont="1" applyFill="1" applyBorder="1" applyAlignment="1">
      <alignment vertical="center" wrapText="1" shrinkToFit="1"/>
    </xf>
    <xf numFmtId="0" fontId="32" fillId="0" borderId="42" xfId="2" applyFont="1" applyBorder="1">
      <alignment vertical="center"/>
    </xf>
    <xf numFmtId="0" fontId="32" fillId="0" borderId="63" xfId="2" applyFont="1" applyBorder="1">
      <alignment vertical="center"/>
    </xf>
    <xf numFmtId="0" fontId="32" fillId="0" borderId="64" xfId="2" applyFont="1" applyBorder="1">
      <alignment vertical="center"/>
    </xf>
    <xf numFmtId="0" fontId="14" fillId="7" borderId="2" xfId="2" applyFont="1" applyFill="1" applyBorder="1" applyAlignment="1">
      <alignment horizontal="left" vertical="center" wrapText="1" shrinkToFit="1"/>
    </xf>
    <xf numFmtId="0" fontId="15" fillId="7" borderId="3" xfId="2" applyFont="1" applyFill="1" applyBorder="1" applyAlignment="1">
      <alignment horizontal="left" vertical="center" wrapText="1" shrinkToFit="1"/>
    </xf>
    <xf numFmtId="0" fontId="15" fillId="7" borderId="4" xfId="2" applyFont="1" applyFill="1" applyBorder="1" applyAlignment="1">
      <alignment horizontal="left" vertical="center" wrapText="1" shrinkToFit="1"/>
    </xf>
    <xf numFmtId="0" fontId="15" fillId="2" borderId="38" xfId="2" applyFont="1" applyFill="1" applyBorder="1" applyAlignment="1">
      <alignment horizontal="left" vertical="center" wrapText="1" shrinkToFit="1"/>
    </xf>
    <xf numFmtId="0" fontId="15" fillId="2" borderId="60" xfId="2" applyFont="1" applyFill="1" applyBorder="1" applyAlignment="1">
      <alignment horizontal="left" vertical="center" wrapText="1" shrinkToFit="1"/>
    </xf>
    <xf numFmtId="0" fontId="15" fillId="4" borderId="42" xfId="2" applyFont="1" applyFill="1" applyBorder="1" applyAlignment="1">
      <alignment horizontal="left" vertical="center" shrinkToFit="1"/>
    </xf>
    <xf numFmtId="0" fontId="15" fillId="4" borderId="64" xfId="2" applyFont="1" applyFill="1" applyBorder="1" applyAlignment="1">
      <alignment horizontal="left" vertical="center" shrinkToFit="1"/>
    </xf>
    <xf numFmtId="0" fontId="15" fillId="4" borderId="66" xfId="2" applyFont="1" applyFill="1" applyBorder="1" applyAlignment="1">
      <alignment vertical="center" shrinkToFit="1"/>
    </xf>
    <xf numFmtId="0" fontId="15" fillId="4" borderId="1" xfId="2" applyFont="1" applyFill="1" applyBorder="1" applyAlignment="1">
      <alignment vertical="center" shrinkToFit="1"/>
    </xf>
    <xf numFmtId="0" fontId="15" fillId="4" borderId="59" xfId="2" applyFont="1" applyFill="1" applyBorder="1" applyAlignment="1">
      <alignment vertical="center" shrinkToFit="1"/>
    </xf>
    <xf numFmtId="0" fontId="15" fillId="4" borderId="24" xfId="2" applyFont="1" applyFill="1" applyBorder="1" applyAlignment="1">
      <alignment horizontal="left" vertical="center" shrinkToFit="1"/>
    </xf>
    <xf numFmtId="0" fontId="15" fillId="2" borderId="28" xfId="2" quotePrefix="1" applyFont="1" applyFill="1" applyBorder="1" applyAlignment="1">
      <alignment horizontal="center" vertical="center" wrapText="1" shrinkToFit="1"/>
    </xf>
    <xf numFmtId="0" fontId="15" fillId="2" borderId="29" xfId="2" quotePrefix="1" applyFont="1" applyFill="1" applyBorder="1" applyAlignment="1">
      <alignment horizontal="center" vertical="center" wrapText="1" shrinkToFit="1"/>
    </xf>
    <xf numFmtId="0" fontId="15" fillId="2" borderId="30" xfId="2" quotePrefix="1" applyFont="1" applyFill="1" applyBorder="1" applyAlignment="1">
      <alignment horizontal="center" vertical="center" wrapText="1" shrinkToFit="1"/>
    </xf>
    <xf numFmtId="0" fontId="15" fillId="2" borderId="31" xfId="2" quotePrefix="1" applyFont="1" applyFill="1" applyBorder="1" applyAlignment="1">
      <alignment horizontal="center" vertical="center" wrapText="1" shrinkToFit="1"/>
    </xf>
    <xf numFmtId="0" fontId="15" fillId="2" borderId="32" xfId="2" quotePrefix="1" applyFont="1" applyFill="1" applyBorder="1" applyAlignment="1">
      <alignment horizontal="center" vertical="center" wrapText="1" shrinkToFit="1"/>
    </xf>
    <xf numFmtId="0" fontId="15" fillId="2" borderId="33" xfId="2" quotePrefix="1" applyFont="1" applyFill="1" applyBorder="1" applyAlignment="1">
      <alignment horizontal="center" vertical="center" wrapText="1" shrinkToFit="1"/>
    </xf>
    <xf numFmtId="0" fontId="15" fillId="2" borderId="34" xfId="2" quotePrefix="1" applyFont="1" applyFill="1" applyBorder="1" applyAlignment="1">
      <alignment horizontal="center" vertical="center" wrapText="1" shrinkToFit="1"/>
    </xf>
    <xf numFmtId="0" fontId="15" fillId="2" borderId="35" xfId="2" quotePrefix="1" applyFont="1" applyFill="1" applyBorder="1" applyAlignment="1">
      <alignment horizontal="center" vertical="center" wrapText="1" shrinkToFit="1"/>
    </xf>
    <xf numFmtId="0" fontId="15" fillId="2" borderId="0" xfId="2" applyFont="1" applyFill="1" applyAlignment="1">
      <alignment horizontal="left" vertical="top" wrapText="1"/>
    </xf>
    <xf numFmtId="0" fontId="32" fillId="2" borderId="0" xfId="2" applyFont="1" applyFill="1" applyAlignment="1">
      <alignment horizontal="left" vertical="center"/>
    </xf>
    <xf numFmtId="0" fontId="15" fillId="2" borderId="0" xfId="2" applyFont="1" applyFill="1" applyAlignment="1">
      <alignment horizontal="left" vertical="center"/>
    </xf>
    <xf numFmtId="0" fontId="12" fillId="2" borderId="60" xfId="2" applyFont="1" applyFill="1" applyBorder="1" applyAlignment="1">
      <alignment horizontal="left" vertical="center" wrapText="1" shrinkToFit="1"/>
    </xf>
    <xf numFmtId="0" fontId="30" fillId="2" borderId="21" xfId="2" applyFont="1" applyFill="1" applyBorder="1" applyAlignment="1">
      <alignment horizontal="center" vertical="center" shrinkToFit="1"/>
    </xf>
    <xf numFmtId="0" fontId="32" fillId="2" borderId="38" xfId="2" applyFont="1" applyFill="1" applyBorder="1">
      <alignment vertical="center"/>
    </xf>
    <xf numFmtId="0" fontId="32" fillId="2" borderId="0" xfId="2" applyFont="1" applyFill="1">
      <alignment vertical="center"/>
    </xf>
    <xf numFmtId="0" fontId="32" fillId="2" borderId="68" xfId="2" applyFont="1" applyFill="1" applyBorder="1">
      <alignment vertical="center"/>
    </xf>
    <xf numFmtId="0" fontId="32" fillId="2" borderId="58" xfId="2" applyFont="1" applyFill="1" applyBorder="1" applyAlignment="1">
      <alignment vertical="center" wrapText="1" shrinkToFit="1"/>
    </xf>
    <xf numFmtId="0" fontId="32" fillId="2" borderId="0" xfId="2" applyFont="1" applyFill="1" applyAlignment="1">
      <alignment vertical="center" wrapText="1" shrinkToFit="1"/>
    </xf>
    <xf numFmtId="0" fontId="32" fillId="2" borderId="68" xfId="2" applyFont="1" applyFill="1" applyBorder="1" applyAlignment="1">
      <alignment vertical="center" wrapText="1" shrinkToFit="1"/>
    </xf>
    <xf numFmtId="0" fontId="14" fillId="2" borderId="17" xfId="2" applyFont="1" applyFill="1" applyBorder="1" applyAlignment="1">
      <alignment horizontal="left" vertical="center" wrapText="1" shrinkToFit="1"/>
    </xf>
    <xf numFmtId="0" fontId="15" fillId="2" borderId="19" xfId="2" applyFont="1" applyFill="1" applyBorder="1" applyAlignment="1">
      <alignment horizontal="left" vertical="center" wrapText="1" shrinkToFit="1"/>
    </xf>
    <xf numFmtId="0" fontId="15" fillId="2" borderId="79" xfId="2" applyFont="1" applyFill="1" applyBorder="1" applyAlignment="1">
      <alignment horizontal="left" vertical="center" wrapText="1" shrinkToFit="1"/>
    </xf>
    <xf numFmtId="0" fontId="14" fillId="0" borderId="0" xfId="2" applyFont="1" applyAlignment="1">
      <alignment vertical="top" wrapText="1"/>
    </xf>
    <xf numFmtId="0" fontId="15" fillId="3" borderId="4" xfId="2" applyFont="1" applyFill="1" applyBorder="1" applyAlignment="1">
      <alignment horizontal="left" vertical="center" wrapText="1" shrinkToFit="1"/>
    </xf>
    <xf numFmtId="0" fontId="25" fillId="2" borderId="112" xfId="2" applyFont="1" applyFill="1" applyBorder="1" applyAlignment="1">
      <alignment horizontal="center" vertical="center" shrinkToFit="1"/>
    </xf>
    <xf numFmtId="0" fontId="25" fillId="2" borderId="112" xfId="1" applyFont="1" applyFill="1" applyBorder="1" applyAlignment="1">
      <alignment horizontal="center" vertical="center" wrapText="1" shrinkToFit="1"/>
    </xf>
    <xf numFmtId="0" fontId="25" fillId="2" borderId="27" xfId="1" applyFont="1" applyFill="1" applyBorder="1" applyAlignment="1">
      <alignment horizontal="center" vertical="center" wrapText="1" shrinkToFit="1"/>
    </xf>
    <xf numFmtId="0" fontId="15" fillId="2" borderId="42" xfId="2" applyFont="1" applyFill="1" applyBorder="1">
      <alignment vertical="center"/>
    </xf>
    <xf numFmtId="0" fontId="15" fillId="2" borderId="38" xfId="2" applyFont="1" applyFill="1" applyBorder="1">
      <alignment vertical="center"/>
    </xf>
    <xf numFmtId="0" fontId="15" fillId="2" borderId="0" xfId="2" applyFont="1" applyFill="1">
      <alignment vertical="center"/>
    </xf>
    <xf numFmtId="0" fontId="15" fillId="2" borderId="68" xfId="2" applyFont="1" applyFill="1" applyBorder="1">
      <alignment vertical="center"/>
    </xf>
    <xf numFmtId="0" fontId="15" fillId="2" borderId="8" xfId="2" quotePrefix="1" applyFont="1" applyFill="1" applyBorder="1" applyAlignment="1">
      <alignment horizontal="center" vertical="center" wrapText="1" shrinkToFit="1"/>
    </xf>
    <xf numFmtId="0" fontId="15" fillId="2" borderId="9" xfId="2" quotePrefix="1" applyFont="1" applyFill="1" applyBorder="1" applyAlignment="1">
      <alignment horizontal="center" vertical="center" wrapText="1" shrinkToFit="1"/>
    </xf>
    <xf numFmtId="0" fontId="15" fillId="2" borderId="10" xfId="2" quotePrefix="1" applyFont="1" applyFill="1" applyBorder="1" applyAlignment="1">
      <alignment horizontal="center" vertical="center" wrapText="1" shrinkToFit="1"/>
    </xf>
    <xf numFmtId="0" fontId="15" fillId="2" borderId="12" xfId="2" quotePrefix="1" applyFont="1" applyFill="1" applyBorder="1" applyAlignment="1">
      <alignment horizontal="center" vertical="center" wrapText="1" shrinkToFit="1"/>
    </xf>
    <xf numFmtId="0" fontId="32" fillId="2" borderId="86" xfId="2" applyFont="1" applyFill="1" applyBorder="1" applyAlignment="1">
      <alignment vertical="center" wrapText="1" shrinkToFit="1"/>
    </xf>
    <xf numFmtId="0" fontId="32" fillId="2" borderId="88" xfId="2" applyFont="1" applyFill="1" applyBorder="1" applyAlignment="1">
      <alignment vertical="center" wrapText="1" shrinkToFit="1"/>
    </xf>
    <xf numFmtId="0" fontId="32" fillId="4" borderId="42" xfId="2" applyFont="1" applyFill="1" applyBorder="1" applyAlignment="1">
      <alignment horizontal="left" vertical="center" shrinkToFit="1"/>
    </xf>
    <xf numFmtId="0" fontId="32" fillId="4" borderId="63" xfId="2" applyFont="1" applyFill="1" applyBorder="1" applyAlignment="1">
      <alignment horizontal="left" vertical="center" shrinkToFit="1"/>
    </xf>
    <xf numFmtId="0" fontId="12" fillId="4" borderId="63" xfId="2" applyFont="1" applyFill="1" applyBorder="1" applyAlignment="1">
      <alignment horizontal="left" vertical="center" shrinkToFit="1"/>
    </xf>
    <xf numFmtId="0" fontId="32" fillId="4" borderId="64" xfId="2" applyFont="1" applyFill="1" applyBorder="1" applyAlignment="1">
      <alignment horizontal="left" vertical="center" shrinkToFit="1"/>
    </xf>
    <xf numFmtId="0" fontId="32" fillId="4" borderId="42" xfId="2" applyFont="1" applyFill="1" applyBorder="1" applyAlignment="1">
      <alignment vertical="center" wrapText="1" shrinkToFit="1"/>
    </xf>
    <xf numFmtId="0" fontId="32" fillId="4" borderId="63" xfId="2" applyFont="1" applyFill="1" applyBorder="1" applyAlignment="1">
      <alignment vertical="center" wrapText="1" shrinkToFit="1"/>
    </xf>
    <xf numFmtId="0" fontId="32" fillId="4" borderId="110" xfId="2" applyFont="1" applyFill="1" applyBorder="1" applyAlignment="1">
      <alignment vertical="center" wrapText="1" shrinkToFit="1"/>
    </xf>
    <xf numFmtId="0" fontId="32" fillId="4" borderId="8" xfId="2" applyFont="1" applyFill="1" applyBorder="1" applyAlignment="1">
      <alignment vertical="center" wrapText="1" shrinkToFit="1"/>
    </xf>
    <xf numFmtId="0" fontId="32" fillId="4" borderId="10" xfId="2" applyFont="1" applyFill="1" applyBorder="1" applyAlignment="1">
      <alignment vertical="center" wrapText="1" shrinkToFit="1"/>
    </xf>
    <xf numFmtId="0" fontId="32" fillId="4" borderId="81" xfId="2" applyFont="1" applyFill="1" applyBorder="1" applyAlignment="1">
      <alignment vertical="center" wrapText="1" shrinkToFit="1"/>
    </xf>
    <xf numFmtId="0" fontId="32" fillId="2" borderId="10" xfId="2" applyFont="1" applyFill="1" applyBorder="1" applyAlignment="1">
      <alignment horizontal="left" vertical="center" wrapText="1" shrinkToFit="1"/>
    </xf>
    <xf numFmtId="0" fontId="32" fillId="2" borderId="97" xfId="2" applyFont="1" applyFill="1" applyBorder="1" applyAlignment="1">
      <alignment horizontal="left" vertical="center" wrapText="1" shrinkToFit="1"/>
    </xf>
    <xf numFmtId="0" fontId="32" fillId="4" borderId="17" xfId="2" applyFont="1" applyFill="1" applyBorder="1" applyAlignment="1">
      <alignment vertical="center" wrapText="1" shrinkToFit="1"/>
    </xf>
    <xf numFmtId="0" fontId="32" fillId="4" borderId="19" xfId="2" applyFont="1" applyFill="1" applyBorder="1" applyAlignment="1">
      <alignment vertical="center" wrapText="1" shrinkToFit="1"/>
    </xf>
    <xf numFmtId="0" fontId="32" fillId="4" borderId="79" xfId="2" applyFont="1" applyFill="1" applyBorder="1" applyAlignment="1">
      <alignment vertical="center" wrapText="1" shrinkToFit="1"/>
    </xf>
    <xf numFmtId="0" fontId="32" fillId="4" borderId="14" xfId="2" applyFont="1" applyFill="1" applyBorder="1" applyAlignment="1">
      <alignment vertical="center" wrapText="1" shrinkToFit="1"/>
    </xf>
    <xf numFmtId="0" fontId="32" fillId="4" borderId="16" xfId="2" applyFont="1" applyFill="1" applyBorder="1" applyAlignment="1">
      <alignment vertical="center" wrapText="1" shrinkToFit="1"/>
    </xf>
    <xf numFmtId="0" fontId="32" fillId="4" borderId="94" xfId="2" applyFont="1" applyFill="1" applyBorder="1" applyAlignment="1">
      <alignment vertical="center" wrapText="1" shrinkToFit="1"/>
    </xf>
    <xf numFmtId="0" fontId="12" fillId="0" borderId="15" xfId="2" applyFont="1" applyBorder="1" applyAlignment="1">
      <alignment horizontal="left" vertical="distributed" wrapText="1" shrinkToFit="1"/>
    </xf>
    <xf numFmtId="0" fontId="12" fillId="0" borderId="16" xfId="2" applyFont="1" applyBorder="1" applyAlignment="1">
      <alignment horizontal="left" vertical="distributed" wrapText="1" shrinkToFit="1"/>
    </xf>
    <xf numFmtId="0" fontId="12" fillId="0" borderId="80" xfId="2" applyFont="1" applyBorder="1" applyAlignment="1">
      <alignment horizontal="left" vertical="distributed" wrapText="1" shrinkToFit="1"/>
    </xf>
    <xf numFmtId="0" fontId="32" fillId="2" borderId="46" xfId="2" applyFont="1" applyFill="1" applyBorder="1" applyAlignment="1">
      <alignment vertical="center" wrapText="1" shrinkToFit="1"/>
    </xf>
    <xf numFmtId="0" fontId="12" fillId="4" borderId="15" xfId="2" applyFont="1" applyFill="1" applyBorder="1" applyAlignment="1">
      <alignment horizontal="center" vertical="center" wrapText="1" shrinkToFit="1"/>
    </xf>
    <xf numFmtId="0" fontId="12" fillId="4" borderId="16" xfId="2" applyFont="1" applyFill="1" applyBorder="1" applyAlignment="1">
      <alignment horizontal="center" vertical="center" wrapText="1" shrinkToFit="1"/>
    </xf>
    <xf numFmtId="0" fontId="12" fillId="4" borderId="80" xfId="2" applyFont="1" applyFill="1" applyBorder="1" applyAlignment="1">
      <alignment horizontal="center" vertical="center" wrapText="1" shrinkToFit="1"/>
    </xf>
    <xf numFmtId="0" fontId="32" fillId="4" borderId="38" xfId="2" applyFont="1" applyFill="1" applyBorder="1" applyAlignment="1">
      <alignment vertical="center" wrapText="1" shrinkToFit="1"/>
    </xf>
    <xf numFmtId="0" fontId="32" fillId="4" borderId="0" xfId="2" applyFont="1" applyFill="1" applyAlignment="1">
      <alignment vertical="center" wrapText="1" shrinkToFit="1"/>
    </xf>
    <xf numFmtId="0" fontId="32" fillId="4" borderId="60" xfId="2" applyFont="1" applyFill="1" applyBorder="1" applyAlignment="1">
      <alignment vertical="center" wrapText="1" shrinkToFit="1"/>
    </xf>
    <xf numFmtId="0" fontId="32" fillId="2" borderId="22" xfId="2" applyFont="1" applyFill="1" applyBorder="1" applyAlignment="1">
      <alignment vertical="center" wrapText="1" shrinkToFit="1"/>
    </xf>
    <xf numFmtId="0" fontId="32" fillId="2" borderId="15" xfId="2" applyFont="1" applyFill="1" applyBorder="1" applyAlignment="1">
      <alignment vertical="center" wrapText="1" shrinkToFit="1"/>
    </xf>
    <xf numFmtId="0" fontId="32" fillId="2" borderId="16" xfId="2" applyFont="1" applyFill="1" applyBorder="1" applyAlignment="1">
      <alignment vertical="center" wrapText="1" shrinkToFit="1"/>
    </xf>
    <xf numFmtId="0" fontId="32" fillId="2" borderId="80" xfId="2" applyFont="1" applyFill="1" applyBorder="1" applyAlignment="1">
      <alignment vertical="center" wrapText="1" shrinkToFit="1"/>
    </xf>
    <xf numFmtId="0" fontId="32" fillId="2" borderId="9" xfId="2" applyFont="1" applyFill="1" applyBorder="1" applyAlignment="1">
      <alignment vertical="center" wrapText="1" shrinkToFit="1"/>
    </xf>
    <xf numFmtId="0" fontId="32" fillId="4" borderId="8" xfId="2" applyFont="1" applyFill="1" applyBorder="1" applyAlignment="1">
      <alignment horizontal="left" vertical="center" wrapText="1" shrinkToFit="1"/>
    </xf>
    <xf numFmtId="0" fontId="32" fillId="4" borderId="10" xfId="2" applyFont="1" applyFill="1" applyBorder="1" applyAlignment="1">
      <alignment horizontal="left" vertical="center" shrinkToFit="1"/>
    </xf>
    <xf numFmtId="0" fontId="32" fillId="4" borderId="16" xfId="2" applyFont="1" applyFill="1" applyBorder="1" applyAlignment="1">
      <alignment horizontal="left" vertical="center" shrinkToFit="1"/>
    </xf>
    <xf numFmtId="0" fontId="12" fillId="4" borderId="16" xfId="2" applyFont="1" applyFill="1" applyBorder="1" applyAlignment="1">
      <alignment horizontal="left" vertical="center" shrinkToFit="1"/>
    </xf>
    <xf numFmtId="0" fontId="32" fillId="4" borderId="19" xfId="2" applyFont="1" applyFill="1" applyBorder="1" applyAlignment="1">
      <alignment horizontal="left" vertical="center" shrinkToFit="1"/>
    </xf>
    <xf numFmtId="0" fontId="32" fillId="4" borderId="65" xfId="2" applyFont="1" applyFill="1" applyBorder="1" applyAlignment="1">
      <alignment horizontal="left" vertical="center" shrinkToFit="1"/>
    </xf>
    <xf numFmtId="0" fontId="30" fillId="0" borderId="20" xfId="1" applyFont="1" applyBorder="1" applyAlignment="1">
      <alignment horizontal="center" vertical="center" wrapText="1" shrinkToFit="1"/>
    </xf>
    <xf numFmtId="0" fontId="30" fillId="0" borderId="44" xfId="1" applyFont="1" applyBorder="1" applyAlignment="1">
      <alignment horizontal="center" vertical="center" wrapText="1" shrinkToFit="1"/>
    </xf>
    <xf numFmtId="0" fontId="32" fillId="2" borderId="55" xfId="2" applyFont="1" applyFill="1" applyBorder="1" applyAlignment="1">
      <alignment horizontal="left" vertical="center" wrapText="1" shrinkToFit="1"/>
    </xf>
    <xf numFmtId="0" fontId="30" fillId="2" borderId="109" xfId="2" applyFont="1" applyFill="1" applyBorder="1" applyAlignment="1">
      <alignment horizontal="center" vertical="center" shrinkToFit="1"/>
    </xf>
    <xf numFmtId="0" fontId="30" fillId="0" borderId="109" xfId="1" applyFont="1" applyBorder="1" applyAlignment="1">
      <alignment horizontal="center" vertical="center" wrapText="1" shrinkToFit="1"/>
    </xf>
    <xf numFmtId="0" fontId="30" fillId="0" borderId="116" xfId="1" applyFont="1" applyBorder="1" applyAlignment="1">
      <alignment horizontal="center" vertical="center" wrapText="1" shrinkToFit="1"/>
    </xf>
    <xf numFmtId="0" fontId="32" fillId="2" borderId="81" xfId="2" applyFont="1" applyFill="1" applyBorder="1" applyAlignment="1">
      <alignment horizontal="left" vertical="center" wrapText="1" shrinkToFit="1"/>
    </xf>
    <xf numFmtId="0" fontId="15" fillId="2" borderId="42" xfId="2" applyFont="1" applyFill="1" applyBorder="1" applyAlignment="1">
      <alignment vertical="center" wrapText="1" shrinkToFit="1"/>
    </xf>
    <xf numFmtId="0" fontId="15" fillId="2" borderId="63" xfId="2" applyFont="1" applyFill="1" applyBorder="1" applyAlignment="1">
      <alignment vertical="center" wrapText="1" shrinkToFit="1"/>
    </xf>
    <xf numFmtId="0" fontId="15" fillId="2" borderId="64" xfId="2" applyFont="1" applyFill="1" applyBorder="1" applyAlignment="1">
      <alignment vertical="center" wrapText="1" shrinkToFit="1"/>
    </xf>
    <xf numFmtId="0" fontId="32" fillId="2" borderId="8" xfId="2" applyFont="1" applyFill="1" applyBorder="1" applyAlignment="1">
      <alignment vertical="center" wrapText="1" shrinkToFit="1"/>
    </xf>
    <xf numFmtId="0" fontId="32" fillId="2" borderId="10" xfId="2" applyFont="1" applyFill="1" applyBorder="1" applyAlignment="1">
      <alignment vertical="center" wrapText="1" shrinkToFit="1"/>
    </xf>
    <xf numFmtId="0" fontId="32" fillId="2" borderId="97" xfId="2" applyFont="1" applyFill="1" applyBorder="1" applyAlignment="1">
      <alignment vertical="center" wrapText="1" shrinkToFit="1"/>
    </xf>
    <xf numFmtId="0" fontId="32" fillId="3" borderId="98" xfId="2" applyFont="1" applyFill="1" applyBorder="1" applyAlignment="1">
      <alignment horizontal="left" vertical="center" wrapText="1" shrinkToFit="1"/>
    </xf>
    <xf numFmtId="0" fontId="15" fillId="0" borderId="117" xfId="2" applyFont="1" applyBorder="1" applyAlignment="1">
      <alignment horizontal="left" vertical="center" wrapText="1" shrinkToFit="1"/>
    </xf>
    <xf numFmtId="0" fontId="15" fillId="0" borderId="98" xfId="2" applyFont="1" applyBorder="1" applyAlignment="1">
      <alignment horizontal="left" vertical="center" wrapText="1" shrinkToFit="1"/>
    </xf>
    <xf numFmtId="0" fontId="15" fillId="0" borderId="118" xfId="2" applyFont="1" applyBorder="1" applyAlignment="1">
      <alignment horizontal="left" vertical="center" wrapText="1" shrinkToFit="1"/>
    </xf>
    <xf numFmtId="0" fontId="25" fillId="0" borderId="61" xfId="2" applyFont="1" applyBorder="1" applyAlignment="1">
      <alignment horizontal="center" vertical="center" shrinkToFit="1"/>
    </xf>
    <xf numFmtId="0" fontId="32" fillId="3" borderId="86" xfId="2" applyFont="1" applyFill="1" applyBorder="1" applyAlignment="1">
      <alignment horizontal="left" vertical="center" wrapText="1" shrinkToFit="1"/>
    </xf>
    <xf numFmtId="0" fontId="32" fillId="3" borderId="88" xfId="2" applyFont="1" applyFill="1" applyBorder="1" applyAlignment="1">
      <alignment horizontal="left" vertical="center" wrapText="1" shrinkToFit="1"/>
    </xf>
    <xf numFmtId="0" fontId="12" fillId="3" borderId="88" xfId="2" applyFont="1" applyFill="1" applyBorder="1" applyAlignment="1">
      <alignment horizontal="left" vertical="center" wrapText="1" shrinkToFit="1"/>
    </xf>
    <xf numFmtId="0" fontId="32" fillId="3" borderId="119" xfId="2" applyFont="1" applyFill="1" applyBorder="1" applyAlignment="1">
      <alignment horizontal="left" vertical="center" wrapText="1" shrinkToFit="1"/>
    </xf>
    <xf numFmtId="0" fontId="12" fillId="2" borderId="51" xfId="2" applyFont="1" applyFill="1" applyBorder="1" applyAlignment="1">
      <alignment horizontal="left" vertical="center" wrapText="1" shrinkToFit="1"/>
    </xf>
    <xf numFmtId="0" fontId="12" fillId="2" borderId="52" xfId="2" applyFont="1" applyFill="1" applyBorder="1" applyAlignment="1">
      <alignment horizontal="left" vertical="center" wrapText="1" shrinkToFit="1"/>
    </xf>
    <xf numFmtId="0" fontId="12" fillId="2" borderId="53" xfId="2" applyFont="1" applyFill="1" applyBorder="1" applyAlignment="1">
      <alignment horizontal="left" vertical="center" wrapText="1" shrinkToFit="1"/>
    </xf>
    <xf numFmtId="0" fontId="12" fillId="2" borderId="94" xfId="2" applyFont="1" applyFill="1" applyBorder="1" applyAlignment="1">
      <alignment horizontal="left" vertical="center" wrapText="1" shrinkToFit="1"/>
    </xf>
    <xf numFmtId="0" fontId="32" fillId="4" borderId="66" xfId="2" applyFont="1" applyFill="1" applyBorder="1" applyAlignment="1">
      <alignment vertical="center" wrapText="1" shrinkToFit="1"/>
    </xf>
    <xf numFmtId="0" fontId="32" fillId="4" borderId="1" xfId="2" applyFont="1" applyFill="1" applyBorder="1" applyAlignment="1">
      <alignment vertical="center" wrapText="1" shrinkToFit="1"/>
    </xf>
    <xf numFmtId="0" fontId="32" fillId="4" borderId="67" xfId="2" applyFont="1" applyFill="1" applyBorder="1" applyAlignment="1">
      <alignment vertical="center" wrapText="1" shrinkToFit="1"/>
    </xf>
    <xf numFmtId="0" fontId="32" fillId="2" borderId="1" xfId="2" applyFont="1" applyFill="1" applyBorder="1">
      <alignment vertical="center"/>
    </xf>
    <xf numFmtId="0" fontId="30" fillId="2" borderId="1" xfId="2" applyFont="1" applyFill="1" applyBorder="1">
      <alignment vertical="center"/>
    </xf>
    <xf numFmtId="0" fontId="30" fillId="2" borderId="1" xfId="2" applyFont="1" applyFill="1" applyBorder="1" applyAlignment="1">
      <alignment horizontal="center" vertical="center"/>
    </xf>
    <xf numFmtId="0" fontId="30" fillId="2" borderId="59" xfId="2" applyFont="1" applyFill="1" applyBorder="1" applyAlignment="1">
      <alignment horizontal="center" vertical="center"/>
    </xf>
    <xf numFmtId="0" fontId="32" fillId="2" borderId="42" xfId="2" applyFont="1" applyFill="1" applyBorder="1" applyAlignment="1">
      <alignment vertical="center" wrapText="1" shrinkToFit="1"/>
    </xf>
    <xf numFmtId="0" fontId="32" fillId="2" borderId="63" xfId="2" applyFont="1" applyFill="1" applyBorder="1" applyAlignment="1">
      <alignment vertical="center" wrapText="1" shrinkToFit="1"/>
    </xf>
    <xf numFmtId="0" fontId="32" fillId="2" borderId="64" xfId="2" applyFont="1" applyFill="1" applyBorder="1" applyAlignment="1">
      <alignment vertical="center" wrapText="1" shrinkToFit="1"/>
    </xf>
    <xf numFmtId="0" fontId="15" fillId="0" borderId="81" xfId="2" applyFont="1" applyBorder="1" applyAlignment="1">
      <alignment horizontal="left" vertical="center" wrapText="1" shrinkToFit="1"/>
    </xf>
    <xf numFmtId="0" fontId="32" fillId="2" borderId="79" xfId="2" applyFont="1" applyFill="1" applyBorder="1" applyAlignment="1">
      <alignment horizontal="left" vertical="center" wrapText="1" shrinkToFit="1"/>
    </xf>
    <xf numFmtId="0" fontId="32" fillId="2" borderId="86" xfId="2" applyFont="1" applyFill="1" applyBorder="1" applyAlignment="1">
      <alignment horizontal="left" vertical="center" wrapText="1" shrinkToFit="1"/>
    </xf>
    <xf numFmtId="0" fontId="32" fillId="2" borderId="88" xfId="2" applyFont="1" applyFill="1" applyBorder="1" applyAlignment="1">
      <alignment horizontal="left" vertical="center" wrapText="1" shrinkToFit="1"/>
    </xf>
    <xf numFmtId="0" fontId="32" fillId="2" borderId="99" xfId="2" applyFont="1" applyFill="1" applyBorder="1" applyAlignment="1">
      <alignment horizontal="left" vertical="center" wrapText="1" shrinkToFit="1"/>
    </xf>
    <xf numFmtId="0" fontId="32" fillId="4" borderId="97" xfId="2" applyFont="1" applyFill="1" applyBorder="1" applyAlignment="1">
      <alignment vertical="center" wrapText="1" shrinkToFit="1"/>
    </xf>
    <xf numFmtId="0" fontId="32" fillId="4" borderId="9" xfId="2" applyFont="1" applyFill="1" applyBorder="1" applyAlignment="1">
      <alignment horizontal="left" vertical="center" wrapText="1" shrinkToFit="1"/>
    </xf>
    <xf numFmtId="0" fontId="32" fillId="4" borderId="46" xfId="2" applyFont="1" applyFill="1" applyBorder="1" applyAlignment="1">
      <alignment horizontal="left" vertical="center" wrapText="1" shrinkToFit="1"/>
    </xf>
    <xf numFmtId="0" fontId="32" fillId="4" borderId="46" xfId="2" applyFont="1" applyFill="1" applyBorder="1" applyAlignment="1">
      <alignment vertical="center" wrapText="1" shrinkToFit="1"/>
    </xf>
    <xf numFmtId="0" fontId="32" fillId="0" borderId="55" xfId="2" applyFont="1" applyBorder="1" applyAlignment="1">
      <alignment vertical="center" wrapText="1" shrinkToFit="1"/>
    </xf>
    <xf numFmtId="0" fontId="32" fillId="0" borderId="56" xfId="2" applyFont="1" applyBorder="1" applyAlignment="1">
      <alignment vertical="center" wrapText="1" shrinkToFit="1"/>
    </xf>
    <xf numFmtId="0" fontId="32" fillId="0" borderId="57" xfId="2" applyFont="1" applyBorder="1" applyAlignment="1">
      <alignment vertical="center" wrapText="1" shrinkToFit="1"/>
    </xf>
    <xf numFmtId="0" fontId="32" fillId="0" borderId="82" xfId="2" applyFont="1" applyBorder="1" applyAlignment="1">
      <alignment vertical="center" wrapText="1" shrinkToFit="1"/>
    </xf>
    <xf numFmtId="0" fontId="32" fillId="0" borderId="83" xfId="2" applyFont="1" applyBorder="1" applyAlignment="1">
      <alignment vertical="center" wrapText="1" shrinkToFit="1"/>
    </xf>
    <xf numFmtId="0" fontId="12" fillId="4" borderId="42" xfId="2" applyFont="1" applyFill="1" applyBorder="1" applyAlignment="1">
      <alignment vertical="center" wrapText="1" shrinkToFit="1"/>
    </xf>
    <xf numFmtId="0" fontId="12" fillId="4" borderId="63" xfId="2" applyFont="1" applyFill="1" applyBorder="1" applyAlignment="1">
      <alignment vertical="center" shrinkToFit="1"/>
    </xf>
    <xf numFmtId="0" fontId="12" fillId="4" borderId="64" xfId="2" applyFont="1" applyFill="1" applyBorder="1" applyAlignment="1">
      <alignment vertical="center" shrinkToFit="1"/>
    </xf>
    <xf numFmtId="0" fontId="12" fillId="4" borderId="24" xfId="2" applyFont="1" applyFill="1" applyBorder="1" applyAlignment="1">
      <alignment vertical="center" shrinkToFit="1"/>
    </xf>
    <xf numFmtId="0" fontId="12" fillId="4" borderId="26" xfId="2" applyFont="1" applyFill="1" applyBorder="1" applyAlignment="1">
      <alignment vertical="center" shrinkToFit="1"/>
    </xf>
    <xf numFmtId="0" fontId="12" fillId="4" borderId="54" xfId="2" applyFont="1" applyFill="1" applyBorder="1" applyAlignment="1">
      <alignment vertical="center" shrinkToFit="1"/>
    </xf>
    <xf numFmtId="0" fontId="32" fillId="0" borderId="14" xfId="2" applyFont="1" applyBorder="1" applyAlignment="1">
      <alignment vertical="center" wrapText="1" shrinkToFit="1"/>
    </xf>
    <xf numFmtId="0" fontId="32" fillId="0" borderId="16" xfId="2" applyFont="1" applyBorder="1" applyAlignment="1">
      <alignment vertical="center" wrapText="1" shrinkToFit="1"/>
    </xf>
    <xf numFmtId="0" fontId="32" fillId="0" borderId="94" xfId="2" applyFont="1" applyBorder="1" applyAlignment="1">
      <alignment vertical="center" wrapText="1" shrinkToFit="1"/>
    </xf>
    <xf numFmtId="0" fontId="32" fillId="4" borderId="80" xfId="2" applyFont="1" applyFill="1" applyBorder="1" applyAlignment="1">
      <alignment vertical="center" wrapText="1" shrinkToFit="1"/>
    </xf>
    <xf numFmtId="0" fontId="32" fillId="2" borderId="1" xfId="2" applyFont="1" applyFill="1" applyBorder="1" applyAlignment="1">
      <alignment horizontal="left" vertical="center" wrapText="1" shrinkToFit="1"/>
    </xf>
    <xf numFmtId="0" fontId="32" fillId="2" borderId="67" xfId="2" applyFont="1" applyFill="1" applyBorder="1" applyAlignment="1">
      <alignment horizontal="left" vertical="center" wrapText="1" shrinkToFit="1"/>
    </xf>
    <xf numFmtId="0" fontId="32" fillId="4" borderId="58" xfId="2" applyFont="1" applyFill="1" applyBorder="1" applyAlignment="1">
      <alignment horizontal="left" vertical="center" wrapText="1" shrinkToFit="1"/>
    </xf>
    <xf numFmtId="0" fontId="12" fillId="4" borderId="42" xfId="2" applyFont="1" applyFill="1" applyBorder="1" applyAlignment="1">
      <alignment vertical="center" shrinkToFit="1"/>
    </xf>
    <xf numFmtId="0" fontId="32" fillId="4" borderId="42" xfId="2" applyFont="1" applyFill="1" applyBorder="1" applyAlignment="1">
      <alignment horizontal="left" vertical="center" wrapText="1" shrinkToFit="1"/>
    </xf>
    <xf numFmtId="0" fontId="32" fillId="4" borderId="63" xfId="2" applyFont="1" applyFill="1" applyBorder="1" applyAlignment="1">
      <alignment horizontal="left" vertical="center" wrapText="1" shrinkToFit="1"/>
    </xf>
    <xf numFmtId="0" fontId="32" fillId="4" borderId="110" xfId="2" applyFont="1" applyFill="1" applyBorder="1" applyAlignment="1">
      <alignment horizontal="left" vertical="center" wrapText="1" shrinkToFit="1"/>
    </xf>
    <xf numFmtId="0" fontId="32" fillId="4" borderId="14" xfId="2" applyFont="1" applyFill="1" applyBorder="1" applyAlignment="1">
      <alignment horizontal="left" vertical="center" wrapText="1" shrinkToFit="1"/>
    </xf>
    <xf numFmtId="0" fontId="32" fillId="4" borderId="16" xfId="2" applyFont="1" applyFill="1" applyBorder="1" applyAlignment="1">
      <alignment horizontal="left" vertical="center" wrapText="1" shrinkToFit="1"/>
    </xf>
    <xf numFmtId="0" fontId="32" fillId="4" borderId="94" xfId="2" applyFont="1" applyFill="1" applyBorder="1" applyAlignment="1">
      <alignment horizontal="left" vertical="center" wrapText="1" shrinkToFit="1"/>
    </xf>
    <xf numFmtId="0" fontId="32" fillId="4" borderId="10" xfId="2" applyFont="1" applyFill="1" applyBorder="1" applyAlignment="1">
      <alignment horizontal="left" vertical="center" wrapText="1" shrinkToFit="1"/>
    </xf>
    <xf numFmtId="0" fontId="32" fillId="4" borderId="81" xfId="2" applyFont="1" applyFill="1" applyBorder="1" applyAlignment="1">
      <alignment horizontal="left" vertical="center" wrapText="1" shrinkToFit="1"/>
    </xf>
    <xf numFmtId="0" fontId="32" fillId="5" borderId="0" xfId="2" applyFont="1" applyFill="1" applyAlignment="1">
      <alignment vertical="top" wrapText="1"/>
    </xf>
    <xf numFmtId="0" fontId="21" fillId="2" borderId="0" xfId="2" applyFont="1" applyFill="1" applyAlignment="1">
      <alignment horizontal="center" vertical="center" wrapText="1" shrinkToFit="1"/>
    </xf>
    <xf numFmtId="0" fontId="32" fillId="0" borderId="18" xfId="2" applyFont="1" applyBorder="1" applyAlignment="1">
      <alignment vertical="center" wrapText="1" shrinkToFit="1"/>
    </xf>
    <xf numFmtId="0" fontId="32" fillId="0" borderId="65" xfId="2" applyFont="1" applyBorder="1" applyAlignment="1">
      <alignment vertical="center" wrapText="1" shrinkToFit="1"/>
    </xf>
    <xf numFmtId="0" fontId="32" fillId="0" borderId="77" xfId="2" applyFont="1" applyBorder="1" applyAlignment="1">
      <alignment vertical="center" wrapText="1" shrinkToFit="1"/>
    </xf>
    <xf numFmtId="0" fontId="32" fillId="0" borderId="78" xfId="2" applyFont="1" applyBorder="1" applyAlignment="1">
      <alignment vertical="center" wrapText="1" shrinkToFit="1"/>
    </xf>
    <xf numFmtId="0" fontId="14" fillId="0" borderId="10" xfId="2" applyFont="1" applyBorder="1" applyAlignment="1">
      <alignment horizontal="left" vertical="center" wrapText="1" shrinkToFit="1"/>
    </xf>
    <xf numFmtId="0" fontId="14" fillId="0" borderId="81" xfId="2" applyFont="1" applyBorder="1" applyAlignment="1">
      <alignment horizontal="left" vertical="center" wrapText="1" shrinkToFit="1"/>
    </xf>
    <xf numFmtId="0" fontId="25" fillId="0" borderId="109" xfId="1" applyFont="1" applyBorder="1" applyAlignment="1">
      <alignment horizontal="center" vertical="center" wrapText="1" shrinkToFit="1"/>
    </xf>
    <xf numFmtId="0" fontId="25" fillId="0" borderId="116" xfId="1" applyFont="1" applyBorder="1" applyAlignment="1">
      <alignment horizontal="center" vertical="center" wrapText="1" shrinkToFit="1"/>
    </xf>
    <xf numFmtId="0" fontId="39" fillId="0" borderId="13" xfId="2" applyFont="1" applyBorder="1" applyAlignment="1">
      <alignment horizontal="center" vertical="center" shrinkToFit="1"/>
    </xf>
    <xf numFmtId="0" fontId="15" fillId="0" borderId="55" xfId="2" applyFont="1" applyBorder="1" applyAlignment="1">
      <alignment horizontal="left" vertical="center" wrapText="1" shrinkToFit="1"/>
    </xf>
    <xf numFmtId="0" fontId="15" fillId="0" borderId="82" xfId="2" applyFont="1" applyBorder="1" applyAlignment="1">
      <alignment horizontal="left" vertical="center" wrapText="1" shrinkToFit="1"/>
    </xf>
    <xf numFmtId="0" fontId="14" fillId="0" borderId="56" xfId="2" applyFont="1" applyBorder="1" applyAlignment="1">
      <alignment horizontal="left" vertical="center" wrapText="1" shrinkToFit="1"/>
    </xf>
    <xf numFmtId="0" fontId="25" fillId="0" borderId="109" xfId="2" applyFont="1" applyBorder="1" applyAlignment="1">
      <alignment horizontal="center" vertical="center" shrinkToFit="1"/>
    </xf>
    <xf numFmtId="0" fontId="14" fillId="4" borderId="63" xfId="2" applyFont="1" applyFill="1" applyBorder="1" applyAlignment="1">
      <alignment horizontal="left" vertical="center" shrinkToFit="1"/>
    </xf>
    <xf numFmtId="0" fontId="52" fillId="0" borderId="0" xfId="2" applyFont="1" applyAlignment="1">
      <alignment horizontal="center" vertical="center" wrapText="1" shrinkToFit="1"/>
    </xf>
    <xf numFmtId="0" fontId="32" fillId="4" borderId="22" xfId="2" applyFont="1" applyFill="1" applyBorder="1" applyAlignment="1">
      <alignment horizontal="left" vertical="center" wrapText="1" shrinkToFit="1"/>
    </xf>
    <xf numFmtId="0" fontId="32" fillId="2" borderId="24" xfId="2" applyFont="1" applyFill="1" applyBorder="1" applyAlignment="1">
      <alignment vertical="center" wrapText="1" shrinkToFit="1"/>
    </xf>
    <xf numFmtId="0" fontId="32" fillId="2" borderId="26" xfId="2" applyFont="1" applyFill="1" applyBorder="1" applyAlignment="1">
      <alignment vertical="center" wrapText="1" shrinkToFit="1"/>
    </xf>
    <xf numFmtId="0" fontId="32" fillId="2" borderId="54" xfId="2" applyFont="1" applyFill="1" applyBorder="1" applyAlignment="1">
      <alignment vertical="center" wrapText="1" shrinkToFit="1"/>
    </xf>
    <xf numFmtId="0" fontId="12" fillId="0" borderId="0" xfId="1" applyFont="1" applyAlignment="1">
      <alignment horizontal="left" vertical="center" shrinkToFit="1"/>
    </xf>
    <xf numFmtId="0" fontId="12" fillId="0" borderId="0" xfId="1" applyFont="1">
      <alignment vertical="center"/>
    </xf>
    <xf numFmtId="0" fontId="12" fillId="0" borderId="66" xfId="1" applyFont="1" applyBorder="1" applyAlignment="1">
      <alignment vertical="center" shrinkToFit="1"/>
    </xf>
    <xf numFmtId="0" fontId="12" fillId="0" borderId="1" xfId="1" applyFont="1" applyBorder="1" applyAlignment="1">
      <alignment vertical="center" shrinkToFit="1"/>
    </xf>
    <xf numFmtId="0" fontId="12" fillId="0" borderId="59" xfId="1" applyFont="1" applyBorder="1" applyAlignment="1">
      <alignment vertical="center" shrinkToFit="1"/>
    </xf>
    <xf numFmtId="0" fontId="12" fillId="0" borderId="10" xfId="1" applyFont="1" applyBorder="1" applyAlignment="1">
      <alignment horizontal="left" vertical="distributed" wrapText="1" shrinkToFit="1"/>
    </xf>
    <xf numFmtId="0" fontId="12" fillId="0" borderId="97" xfId="1" applyFont="1" applyBorder="1" applyAlignment="1">
      <alignment horizontal="left" vertical="distributed" wrapText="1" shrinkToFit="1"/>
    </xf>
    <xf numFmtId="0" fontId="12" fillId="0" borderId="0" xfId="1" applyFont="1" applyAlignment="1">
      <alignment horizontal="left" vertical="center" wrapText="1" shrinkToFit="1"/>
    </xf>
    <xf numFmtId="0" fontId="12" fillId="0" borderId="18" xfId="2" applyFont="1" applyBorder="1" applyAlignment="1">
      <alignment vertical="distributed" wrapText="1" shrinkToFit="1"/>
    </xf>
    <xf numFmtId="0" fontId="12" fillId="0" borderId="79" xfId="2" applyFont="1" applyBorder="1" applyAlignment="1">
      <alignment vertical="distributed" wrapText="1" shrinkToFit="1"/>
    </xf>
    <xf numFmtId="0" fontId="12" fillId="0" borderId="18" xfId="2" applyFont="1" applyBorder="1" applyAlignment="1">
      <alignment horizontal="left" vertical="center" wrapText="1" shrinkToFit="1"/>
    </xf>
    <xf numFmtId="0" fontId="12" fillId="0" borderId="65" xfId="2" applyFont="1" applyBorder="1" applyAlignment="1">
      <alignment horizontal="left" vertical="center" wrapText="1" shrinkToFit="1"/>
    </xf>
    <xf numFmtId="0" fontId="12" fillId="0" borderId="0" xfId="2" applyFont="1" applyAlignment="1">
      <alignment horizontal="left" vertical="center" wrapText="1" shrinkToFit="1"/>
    </xf>
    <xf numFmtId="0" fontId="12" fillId="0" borderId="0" xfId="2" applyFont="1">
      <alignment vertical="center"/>
    </xf>
    <xf numFmtId="0" fontId="12" fillId="0" borderId="9" xfId="2" applyFont="1" applyBorder="1" applyAlignment="1">
      <alignment vertical="distributed" wrapText="1" shrinkToFit="1"/>
    </xf>
    <xf numFmtId="0" fontId="12" fillId="0" borderId="81" xfId="2" applyFont="1" applyBorder="1" applyAlignment="1">
      <alignment vertical="distributed" wrapText="1" shrinkToFit="1"/>
    </xf>
    <xf numFmtId="0" fontId="12" fillId="0" borderId="9" xfId="2" applyFont="1" applyBorder="1" applyAlignment="1">
      <alignment horizontal="left" vertical="center" wrapText="1" shrinkToFit="1"/>
    </xf>
    <xf numFmtId="0" fontId="12" fillId="0" borderId="10" xfId="2" applyFont="1" applyBorder="1" applyAlignment="1">
      <alignment horizontal="left" vertical="center" wrapText="1" shrinkToFit="1"/>
    </xf>
    <xf numFmtId="0" fontId="12" fillId="0" borderId="97" xfId="2" applyFont="1" applyBorder="1" applyAlignment="1">
      <alignment horizontal="left" vertical="center" wrapText="1" shrinkToFit="1"/>
    </xf>
    <xf numFmtId="0" fontId="12" fillId="0" borderId="82" xfId="1" applyFont="1" applyBorder="1" applyAlignment="1">
      <alignment horizontal="left" vertical="distributed" wrapText="1" shrinkToFit="1"/>
    </xf>
    <xf numFmtId="0" fontId="12" fillId="0" borderId="56" xfId="1" applyFont="1" applyBorder="1" applyAlignment="1">
      <alignment horizontal="left" vertical="distributed" wrapText="1" shrinkToFit="1"/>
    </xf>
    <xf numFmtId="0" fontId="12" fillId="0" borderId="83" xfId="1" applyFont="1" applyBorder="1" applyAlignment="1">
      <alignment horizontal="left" vertical="distributed" wrapText="1" shrinkToFit="1"/>
    </xf>
    <xf numFmtId="0" fontId="14" fillId="0" borderId="24" xfId="1" applyFont="1" applyBorder="1" applyAlignment="1">
      <alignment horizontal="left" vertical="center" wrapText="1" shrinkToFit="1"/>
    </xf>
    <xf numFmtId="0" fontId="12" fillId="0" borderId="28" xfId="1" applyFont="1" applyBorder="1" applyAlignment="1">
      <alignment horizontal="center" vertical="center" wrapText="1" shrinkToFit="1"/>
    </xf>
    <xf numFmtId="0" fontId="12" fillId="0" borderId="29" xfId="1" applyFont="1" applyBorder="1" applyAlignment="1">
      <alignment horizontal="center" vertical="center" wrapText="1" shrinkToFit="1"/>
    </xf>
    <xf numFmtId="0" fontId="12" fillId="0" borderId="30" xfId="1" applyFont="1" applyBorder="1" applyAlignment="1">
      <alignment horizontal="center" vertical="center" wrapText="1" shrinkToFit="1"/>
    </xf>
    <xf numFmtId="0" fontId="12" fillId="0" borderId="31" xfId="1" applyFont="1" applyBorder="1" applyAlignment="1">
      <alignment horizontal="center" vertical="center" wrapText="1" shrinkToFit="1"/>
    </xf>
    <xf numFmtId="0" fontId="12" fillId="0" borderId="32" xfId="1" applyFont="1" applyBorder="1" applyAlignment="1">
      <alignment horizontal="center" vertical="center" wrapText="1" shrinkToFit="1"/>
    </xf>
    <xf numFmtId="0" fontId="12" fillId="0" borderId="33" xfId="1" applyFont="1" applyBorder="1" applyAlignment="1">
      <alignment horizontal="center" vertical="center" wrapText="1" shrinkToFit="1"/>
    </xf>
    <xf numFmtId="0" fontId="12" fillId="0" borderId="34" xfId="1" applyFont="1" applyBorder="1" applyAlignment="1">
      <alignment horizontal="center" vertical="center" wrapText="1" shrinkToFit="1"/>
    </xf>
    <xf numFmtId="0" fontId="12" fillId="0" borderId="35" xfId="1" applyFont="1" applyBorder="1" applyAlignment="1">
      <alignment horizontal="center" vertical="center" wrapText="1" shrinkToFit="1"/>
    </xf>
    <xf numFmtId="0" fontId="12" fillId="3" borderId="2" xfId="2" applyFont="1" applyFill="1" applyBorder="1" applyAlignment="1">
      <alignment horizontal="left" vertical="center" wrapText="1" shrinkToFit="1"/>
    </xf>
    <xf numFmtId="0" fontId="12" fillId="3" borderId="4" xfId="2" applyFont="1" applyFill="1" applyBorder="1" applyAlignment="1">
      <alignment horizontal="left" vertical="center" wrapText="1" shrinkToFit="1"/>
    </xf>
    <xf numFmtId="0" fontId="12" fillId="2" borderId="38" xfId="2" applyFont="1" applyFill="1" applyBorder="1" applyAlignment="1">
      <alignment horizontal="left" vertical="center" wrapText="1" shrinkToFit="1"/>
    </xf>
    <xf numFmtId="0" fontId="30" fillId="0" borderId="39" xfId="1" applyFont="1" applyBorder="1" applyAlignment="1">
      <alignment horizontal="center" vertical="center" wrapText="1" shrinkToFit="1"/>
    </xf>
    <xf numFmtId="0" fontId="30" fillId="0" borderId="40" xfId="1" applyFont="1" applyBorder="1" applyAlignment="1">
      <alignment horizontal="center" vertical="center" wrapText="1" shrinkToFit="1"/>
    </xf>
    <xf numFmtId="0" fontId="25" fillId="2" borderId="21" xfId="2" applyFont="1" applyFill="1" applyBorder="1" applyAlignment="1">
      <alignment horizontal="center" vertical="center" shrinkToFit="1"/>
    </xf>
    <xf numFmtId="0" fontId="53" fillId="2" borderId="0" xfId="2" applyFont="1" applyFill="1">
      <alignment vertical="center"/>
    </xf>
    <xf numFmtId="0" fontId="54" fillId="2" borderId="0" xfId="2" applyFont="1" applyFill="1" applyAlignment="1">
      <alignment horizontal="center" vertical="center" wrapText="1" shrinkToFit="1"/>
    </xf>
    <xf numFmtId="0" fontId="55" fillId="0" borderId="0" xfId="2" applyFont="1">
      <alignment vertical="center"/>
    </xf>
    <xf numFmtId="0" fontId="53" fillId="2" borderId="0" xfId="2" applyFont="1" applyFill="1" applyAlignment="1">
      <alignment vertical="top" wrapText="1"/>
    </xf>
    <xf numFmtId="0" fontId="55" fillId="2" borderId="0" xfId="2" applyFont="1" applyFill="1" applyAlignment="1">
      <alignment vertical="top" wrapText="1"/>
    </xf>
    <xf numFmtId="0" fontId="55" fillId="2" borderId="0" xfId="2" applyFont="1" applyFill="1">
      <alignment vertical="center"/>
    </xf>
    <xf numFmtId="0" fontId="15" fillId="4" borderId="24" xfId="2" applyFont="1" applyFill="1" applyBorder="1" applyAlignment="1">
      <alignment vertical="center" shrinkToFit="1"/>
    </xf>
    <xf numFmtId="0" fontId="15" fillId="4" borderId="26" xfId="2" applyFont="1" applyFill="1" applyBorder="1" applyAlignment="1">
      <alignment vertical="center" shrinkToFit="1"/>
    </xf>
    <xf numFmtId="0" fontId="15" fillId="4" borderId="54" xfId="2" applyFont="1" applyFill="1" applyBorder="1" applyAlignment="1">
      <alignment vertical="center" shrinkToFit="1"/>
    </xf>
    <xf numFmtId="0" fontId="30" fillId="0" borderId="106" xfId="1" applyFont="1" applyBorder="1" applyAlignment="1">
      <alignment horizontal="center" vertical="center" wrapText="1" shrinkToFit="1"/>
    </xf>
    <xf numFmtId="0" fontId="25" fillId="0" borderId="120" xfId="1" applyFont="1" applyBorder="1" applyAlignment="1">
      <alignment horizontal="center" vertical="center" shrinkToFit="1"/>
    </xf>
    <xf numFmtId="0" fontId="30" fillId="0" borderId="66" xfId="2" applyFont="1" applyBorder="1" applyAlignment="1">
      <alignment vertical="center" wrapText="1" shrinkToFit="1"/>
    </xf>
    <xf numFmtId="0" fontId="30" fillId="0" borderId="1" xfId="2" applyFont="1" applyBorder="1" applyAlignment="1">
      <alignment vertical="center" wrapText="1" shrinkToFit="1"/>
    </xf>
    <xf numFmtId="0" fontId="30" fillId="0" borderId="59" xfId="2" applyFont="1" applyBorder="1" applyAlignment="1">
      <alignment vertical="center" wrapText="1" shrinkToFit="1"/>
    </xf>
    <xf numFmtId="0" fontId="14" fillId="2" borderId="51" xfId="2" applyFont="1" applyFill="1" applyBorder="1" applyAlignment="1">
      <alignment horizontal="left" vertical="center" wrapText="1" shrinkToFit="1"/>
    </xf>
    <xf numFmtId="0" fontId="15" fillId="2" borderId="52" xfId="2" applyFont="1" applyFill="1" applyBorder="1" applyAlignment="1">
      <alignment horizontal="left" vertical="center" wrapText="1" shrinkToFit="1"/>
    </xf>
    <xf numFmtId="0" fontId="15" fillId="2" borderId="53" xfId="2" applyFont="1" applyFill="1" applyBorder="1" applyAlignment="1">
      <alignment horizontal="left" vertical="center" wrapText="1" shrinkToFit="1"/>
    </xf>
    <xf numFmtId="0" fontId="25" fillId="2" borderId="107" xfId="1" applyFont="1" applyFill="1" applyBorder="1" applyAlignment="1">
      <alignment horizontal="center" vertical="center" shrinkToFit="1"/>
    </xf>
    <xf numFmtId="0" fontId="15" fillId="2" borderId="14" xfId="2" applyFont="1" applyFill="1" applyBorder="1" applyAlignment="1">
      <alignment horizontal="left" vertical="center" wrapText="1" shrinkToFit="1"/>
    </xf>
    <xf numFmtId="0" fontId="15" fillId="2" borderId="94" xfId="2" applyFont="1" applyFill="1" applyBorder="1" applyAlignment="1">
      <alignment horizontal="left" vertical="center" wrapText="1" shrinkToFit="1"/>
    </xf>
    <xf numFmtId="0" fontId="25" fillId="2" borderId="21" xfId="1" applyFont="1" applyFill="1" applyBorder="1" applyAlignment="1">
      <alignment horizontal="center" vertical="center" shrinkToFit="1"/>
    </xf>
    <xf numFmtId="0" fontId="25" fillId="2" borderId="20" xfId="1" applyFont="1" applyFill="1" applyBorder="1" applyAlignment="1">
      <alignment horizontal="center" vertical="center" shrinkToFit="1"/>
    </xf>
    <xf numFmtId="0" fontId="15" fillId="2" borderId="55" xfId="2" applyFont="1" applyFill="1" applyBorder="1" applyAlignment="1">
      <alignment horizontal="left" vertical="center" wrapText="1" shrinkToFit="1"/>
    </xf>
    <xf numFmtId="0" fontId="15" fillId="2" borderId="56" xfId="2" applyFont="1" applyFill="1" applyBorder="1" applyAlignment="1">
      <alignment horizontal="left" vertical="center" wrapText="1" shrinkToFit="1"/>
    </xf>
    <xf numFmtId="0" fontId="15" fillId="2" borderId="57" xfId="2" applyFont="1" applyFill="1" applyBorder="1" applyAlignment="1">
      <alignment horizontal="left" vertical="center" wrapText="1" shrinkToFit="1"/>
    </xf>
    <xf numFmtId="0" fontId="25" fillId="2" borderId="109" xfId="1" applyFont="1" applyFill="1" applyBorder="1" applyAlignment="1">
      <alignment horizontal="center" vertical="center" shrinkToFit="1"/>
    </xf>
    <xf numFmtId="0" fontId="32" fillId="2" borderId="0" xfId="2" applyFont="1" applyFill="1" applyAlignment="1">
      <alignment horizontal="left" vertical="center" wrapText="1" shrinkToFit="1"/>
    </xf>
    <xf numFmtId="0" fontId="30" fillId="2" borderId="0" xfId="2" applyFont="1" applyFill="1" applyAlignment="1">
      <alignment horizontal="left" vertical="center" wrapText="1" shrinkToFit="1"/>
    </xf>
    <xf numFmtId="0" fontId="30" fillId="2" borderId="0" xfId="2" applyFont="1" applyFill="1" applyAlignment="1">
      <alignment horizontal="center" vertical="center" wrapText="1" shrinkToFit="1"/>
    </xf>
    <xf numFmtId="0" fontId="30" fillId="0" borderId="43" xfId="2" applyFont="1" applyBorder="1" applyAlignment="1">
      <alignment vertical="top" wrapText="1"/>
    </xf>
    <xf numFmtId="0" fontId="30" fillId="0" borderId="63" xfId="2" applyFont="1" applyBorder="1" applyAlignment="1">
      <alignment vertical="top" wrapText="1"/>
    </xf>
    <xf numFmtId="0" fontId="30" fillId="0" borderId="110" xfId="2" applyFont="1" applyBorder="1" applyAlignment="1">
      <alignment vertical="top" wrapText="1"/>
    </xf>
    <xf numFmtId="0" fontId="56" fillId="0" borderId="0" xfId="2" applyFont="1">
      <alignment vertical="center"/>
    </xf>
    <xf numFmtId="0" fontId="30" fillId="0" borderId="22" xfId="2" applyFont="1" applyBorder="1" applyAlignment="1">
      <alignment vertical="top" wrapText="1"/>
    </xf>
    <xf numFmtId="0" fontId="30" fillId="0" borderId="0" xfId="2" applyFont="1" applyAlignment="1">
      <alignment vertical="top" wrapText="1"/>
    </xf>
    <xf numFmtId="0" fontId="30" fillId="0" borderId="60" xfId="2" applyFont="1" applyBorder="1" applyAlignment="1">
      <alignment vertical="top" wrapText="1"/>
    </xf>
    <xf numFmtId="0" fontId="30" fillId="0" borderId="58" xfId="2" applyFont="1" applyBorder="1" applyAlignment="1">
      <alignment vertical="top" wrapText="1"/>
    </xf>
    <xf numFmtId="0" fontId="30" fillId="0" borderId="1" xfId="2" applyFont="1" applyBorder="1" applyAlignment="1">
      <alignment vertical="top" wrapText="1"/>
    </xf>
    <xf numFmtId="0" fontId="30" fillId="0" borderId="67" xfId="2" applyFont="1" applyBorder="1" applyAlignment="1">
      <alignment vertical="top" wrapText="1"/>
    </xf>
    <xf numFmtId="0" fontId="25" fillId="2" borderId="0" xfId="1" applyFont="1" applyFill="1" applyAlignment="1">
      <alignment horizontal="left" vertical="top" wrapText="1"/>
    </xf>
    <xf numFmtId="0" fontId="25" fillId="2" borderId="0" xfId="1" applyFont="1" applyFill="1" applyAlignment="1">
      <alignment horizontal="center" vertical="top" wrapText="1"/>
    </xf>
    <xf numFmtId="0" fontId="9" fillId="2" borderId="25" xfId="0" applyFont="1" applyFill="1" applyBorder="1">
      <alignment vertical="center"/>
    </xf>
    <xf numFmtId="0" fontId="9" fillId="2" borderId="26" xfId="0" applyFont="1" applyFill="1" applyBorder="1">
      <alignment vertical="center"/>
    </xf>
    <xf numFmtId="0" fontId="9" fillId="2" borderId="111" xfId="0" applyFont="1" applyFill="1" applyBorder="1">
      <alignment vertical="center"/>
    </xf>
    <xf numFmtId="0" fontId="9" fillId="2" borderId="43" xfId="0" applyFont="1" applyFill="1" applyBorder="1">
      <alignment vertical="center"/>
    </xf>
    <xf numFmtId="0" fontId="9" fillId="2" borderId="63" xfId="0" applyFont="1" applyFill="1" applyBorder="1">
      <alignment vertical="center"/>
    </xf>
    <xf numFmtId="0" fontId="9" fillId="2" borderId="110" xfId="0" applyFont="1" applyFill="1" applyBorder="1">
      <alignment vertical="center"/>
    </xf>
    <xf numFmtId="0" fontId="57" fillId="2" borderId="60" xfId="0" applyFont="1" applyFill="1" applyBorder="1" applyAlignment="1">
      <alignment horizontal="center" vertical="center"/>
    </xf>
    <xf numFmtId="0" fontId="25" fillId="2" borderId="67" xfId="0" applyFont="1" applyFill="1" applyBorder="1" applyAlignment="1">
      <alignment horizontal="center" vertical="center"/>
    </xf>
    <xf numFmtId="0" fontId="25" fillId="0" borderId="0" xfId="2" applyFont="1" applyAlignment="1">
      <alignment horizontal="left" vertical="top" wrapText="1"/>
    </xf>
    <xf numFmtId="0" fontId="23" fillId="0" borderId="0" xfId="2" applyFont="1" applyAlignment="1">
      <alignment horizontal="left" vertical="top" wrapText="1"/>
    </xf>
    <xf numFmtId="0" fontId="25" fillId="0" borderId="0" xfId="2" applyFont="1" applyAlignment="1">
      <alignment horizontal="center" vertical="top" wrapText="1"/>
    </xf>
    <xf numFmtId="0" fontId="9" fillId="0" borderId="0" xfId="2" applyFont="1" applyAlignment="1">
      <alignment horizontal="left" vertical="center"/>
    </xf>
    <xf numFmtId="0" fontId="28" fillId="0" borderId="0" xfId="2" applyFont="1" applyAlignment="1">
      <alignment horizontal="center" vertical="center"/>
    </xf>
    <xf numFmtId="0" fontId="7" fillId="0" borderId="0" xfId="2" applyFont="1" applyAlignment="1">
      <alignment horizontal="left" vertical="center"/>
    </xf>
    <xf numFmtId="0" fontId="25" fillId="0" borderId="0" xfId="2" applyFont="1" applyAlignment="1">
      <alignment horizontal="left" vertical="center"/>
    </xf>
    <xf numFmtId="0" fontId="25" fillId="0" borderId="0" xfId="2" applyFont="1" applyAlignment="1">
      <alignment horizontal="center" vertical="center"/>
    </xf>
    <xf numFmtId="0" fontId="20" fillId="0" borderId="0" xfId="2" applyFont="1" applyAlignment="1">
      <alignment horizontal="left" vertical="center" wrapText="1"/>
    </xf>
    <xf numFmtId="0" fontId="9" fillId="0" borderId="0" xfId="2" applyFont="1" applyAlignment="1">
      <alignment horizontal="left" vertical="top" wrapText="1"/>
    </xf>
    <xf numFmtId="0" fontId="6" fillId="0" borderId="0" xfId="1" applyFont="1" applyAlignment="1">
      <alignment horizontal="left" vertical="center"/>
    </xf>
    <xf numFmtId="0" fontId="43" fillId="2" borderId="0" xfId="2" applyFont="1" applyFill="1" applyAlignment="1">
      <alignment horizontal="left" vertical="center"/>
    </xf>
    <xf numFmtId="0" fontId="58" fillId="5" borderId="0" xfId="2" applyFont="1" applyFill="1" applyAlignment="1">
      <alignment horizontal="center" vertical="center" wrapText="1" shrinkToFit="1"/>
    </xf>
    <xf numFmtId="0" fontId="11" fillId="2" borderId="0" xfId="2" applyFont="1" applyFill="1" applyAlignment="1">
      <alignment horizontal="left" vertical="center"/>
    </xf>
    <xf numFmtId="0" fontId="32" fillId="3" borderId="2" xfId="2" applyFont="1" applyFill="1" applyBorder="1" applyAlignment="1">
      <alignment horizontal="left" vertical="center" shrinkToFit="1"/>
    </xf>
    <xf numFmtId="0" fontId="32" fillId="3" borderId="3" xfId="2" applyFont="1" applyFill="1" applyBorder="1" applyAlignment="1">
      <alignment horizontal="left" vertical="center" shrinkToFit="1"/>
    </xf>
    <xf numFmtId="0" fontId="32" fillId="3" borderId="4" xfId="2" applyFont="1" applyFill="1" applyBorder="1" applyAlignment="1">
      <alignment horizontal="left" vertical="center" shrinkToFit="1"/>
    </xf>
    <xf numFmtId="0" fontId="32" fillId="2" borderId="0" xfId="2" applyFont="1" applyFill="1" applyAlignment="1">
      <alignment horizontal="left" vertical="center" shrinkToFit="1"/>
    </xf>
    <xf numFmtId="0" fontId="12" fillId="3" borderId="5" xfId="2" applyFont="1" applyFill="1" applyBorder="1" applyAlignment="1">
      <alignment horizontal="left" vertical="center" shrinkToFit="1"/>
    </xf>
    <xf numFmtId="0" fontId="12" fillId="3" borderId="6" xfId="2" applyFont="1" applyFill="1" applyBorder="1" applyAlignment="1">
      <alignment horizontal="left" vertical="center" shrinkToFit="1"/>
    </xf>
    <xf numFmtId="0" fontId="12" fillId="3" borderId="7" xfId="2" applyFont="1" applyFill="1" applyBorder="1" applyAlignment="1">
      <alignment horizontal="left" vertical="center" shrinkToFit="1"/>
    </xf>
    <xf numFmtId="0" fontId="11" fillId="2" borderId="20" xfId="2" applyFont="1" applyFill="1" applyBorder="1" applyAlignment="1">
      <alignment horizontal="center" vertical="center" shrinkToFit="1"/>
    </xf>
    <xf numFmtId="0" fontId="32" fillId="0" borderId="19" xfId="2" applyFont="1" applyBorder="1" applyAlignment="1">
      <alignment horizontal="left" vertical="center" wrapText="1" shrinkToFit="1"/>
    </xf>
    <xf numFmtId="0" fontId="25" fillId="0" borderId="11" xfId="1" applyFont="1" applyBorder="1" applyAlignment="1">
      <alignment horizontal="center" vertical="center" wrapText="1" shrinkToFit="1"/>
    </xf>
    <xf numFmtId="0" fontId="25" fillId="0" borderId="12" xfId="1" applyFont="1" applyBorder="1" applyAlignment="1">
      <alignment horizontal="center" vertical="center" wrapText="1" shrinkToFit="1"/>
    </xf>
    <xf numFmtId="0" fontId="30" fillId="2" borderId="44" xfId="1" applyFont="1" applyFill="1" applyBorder="1" applyAlignment="1">
      <alignment horizontal="center" vertical="center" wrapText="1" shrinkToFit="1"/>
    </xf>
    <xf numFmtId="0" fontId="49" fillId="2" borderId="0" xfId="2" applyFont="1" applyFill="1" applyAlignment="1">
      <alignment horizontal="left" vertical="center" wrapText="1" shrinkToFit="1"/>
    </xf>
    <xf numFmtId="0" fontId="50" fillId="0" borderId="0" xfId="2" applyFont="1" applyAlignment="1">
      <alignment horizontal="left" vertical="top" wrapText="1"/>
    </xf>
    <xf numFmtId="0" fontId="14" fillId="0" borderId="17" xfId="2" applyFont="1" applyBorder="1" applyAlignment="1">
      <alignment horizontal="left" vertical="center" wrapText="1" shrinkToFit="1"/>
    </xf>
    <xf numFmtId="0" fontId="25" fillId="0" borderId="20" xfId="2" applyFont="1" applyBorder="1" applyAlignment="1">
      <alignment horizontal="center" vertical="center" shrinkToFit="1"/>
    </xf>
    <xf numFmtId="0" fontId="15" fillId="0" borderId="0" xfId="2" applyFont="1" applyAlignment="1">
      <alignment horizontal="left" vertical="center"/>
    </xf>
    <xf numFmtId="0" fontId="15" fillId="0" borderId="14" xfId="2" applyFont="1" applyBorder="1" applyAlignment="1">
      <alignment horizontal="left" vertical="top" wrapText="1" shrinkToFit="1"/>
    </xf>
    <xf numFmtId="0" fontId="15" fillId="0" borderId="16" xfId="2" applyFont="1" applyBorder="1" applyAlignment="1">
      <alignment horizontal="left" vertical="top" wrapText="1" shrinkToFit="1"/>
    </xf>
    <xf numFmtId="0" fontId="15" fillId="0" borderId="80" xfId="2" applyFont="1" applyBorder="1" applyAlignment="1">
      <alignment horizontal="left" vertical="top" wrapText="1" shrinkToFit="1"/>
    </xf>
    <xf numFmtId="0" fontId="15" fillId="0" borderId="94" xfId="2" applyFont="1" applyBorder="1" applyAlignment="1">
      <alignment horizontal="left" vertical="center" wrapText="1" shrinkToFit="1"/>
    </xf>
    <xf numFmtId="0" fontId="25" fillId="0" borderId="11" xfId="2" applyFont="1" applyBorder="1" applyAlignment="1">
      <alignment horizontal="center" vertical="center" shrinkToFit="1"/>
    </xf>
    <xf numFmtId="0" fontId="15" fillId="0" borderId="56" xfId="2" applyFont="1" applyBorder="1" applyAlignment="1">
      <alignment horizontal="left" vertical="center" wrapText="1" shrinkToFit="1"/>
    </xf>
    <xf numFmtId="0" fontId="15" fillId="0" borderId="57" xfId="2" applyFont="1" applyBorder="1" applyAlignment="1">
      <alignment horizontal="left" vertical="center" wrapText="1" shrinkToFit="1"/>
    </xf>
    <xf numFmtId="0" fontId="15" fillId="2" borderId="0" xfId="2" applyFont="1" applyFill="1" applyAlignment="1">
      <alignment horizontal="left" vertical="center" wrapText="1" shrinkToFit="1"/>
    </xf>
    <xf numFmtId="0" fontId="59" fillId="2" borderId="0" xfId="2" applyFont="1" applyFill="1" applyAlignment="1">
      <alignment vertical="top" wrapText="1"/>
    </xf>
    <xf numFmtId="0" fontId="15" fillId="2" borderId="86" xfId="2" applyFont="1" applyFill="1" applyBorder="1" applyAlignment="1">
      <alignment horizontal="left" vertical="center" wrapText="1" shrinkToFit="1"/>
    </xf>
    <xf numFmtId="0" fontId="15" fillId="2" borderId="88" xfId="2" applyFont="1" applyFill="1" applyBorder="1" applyAlignment="1">
      <alignment horizontal="left" vertical="center" wrapText="1" shrinkToFit="1"/>
    </xf>
    <xf numFmtId="0" fontId="15" fillId="2" borderId="99" xfId="2" applyFont="1" applyFill="1" applyBorder="1" applyAlignment="1">
      <alignment horizontal="left" vertical="center" wrapText="1" shrinkToFit="1"/>
    </xf>
    <xf numFmtId="0" fontId="23" fillId="2" borderId="11" xfId="1" applyFont="1" applyFill="1" applyBorder="1" applyAlignment="1">
      <alignment horizontal="center" vertical="center" wrapText="1" shrinkToFit="1"/>
    </xf>
    <xf numFmtId="0" fontId="25" fillId="2" borderId="12" xfId="1" applyFont="1" applyFill="1" applyBorder="1" applyAlignment="1">
      <alignment horizontal="center" vertical="center" wrapText="1" shrinkToFit="1"/>
    </xf>
    <xf numFmtId="0" fontId="39" fillId="2" borderId="13" xfId="2" applyFont="1" applyFill="1" applyBorder="1" applyAlignment="1">
      <alignment horizontal="center" vertical="center" shrinkToFit="1"/>
    </xf>
    <xf numFmtId="0" fontId="59" fillId="0" borderId="28" xfId="2" quotePrefix="1" applyFont="1" applyBorder="1" applyAlignment="1">
      <alignment horizontal="center" vertical="center" wrapText="1" shrinkToFit="1"/>
    </xf>
    <xf numFmtId="0" fontId="59" fillId="0" borderId="29" xfId="2" quotePrefix="1" applyFont="1" applyBorder="1" applyAlignment="1">
      <alignment horizontal="center" vertical="center" wrapText="1" shrinkToFit="1"/>
    </xf>
    <xf numFmtId="0" fontId="59" fillId="0" borderId="30" xfId="2" quotePrefix="1" applyFont="1" applyBorder="1" applyAlignment="1">
      <alignment horizontal="center" vertical="center" wrapText="1" shrinkToFit="1"/>
    </xf>
    <xf numFmtId="0" fontId="59" fillId="0" borderId="31" xfId="2" quotePrefix="1" applyFont="1" applyBorder="1" applyAlignment="1">
      <alignment horizontal="center" vertical="center" wrapText="1" shrinkToFit="1"/>
    </xf>
    <xf numFmtId="0" fontId="59" fillId="0" borderId="32" xfId="2" quotePrefix="1" applyFont="1" applyBorder="1" applyAlignment="1">
      <alignment horizontal="center" vertical="center" wrapText="1" shrinkToFit="1"/>
    </xf>
    <xf numFmtId="0" fontId="59" fillId="0" borderId="33" xfId="2" quotePrefix="1" applyFont="1" applyBorder="1" applyAlignment="1">
      <alignment horizontal="center" vertical="center" wrapText="1" shrinkToFit="1"/>
    </xf>
    <xf numFmtId="0" fontId="59" fillId="0" borderId="34" xfId="2" quotePrefix="1" applyFont="1" applyBorder="1" applyAlignment="1">
      <alignment horizontal="center" vertical="center" wrapText="1" shrinkToFit="1"/>
    </xf>
    <xf numFmtId="0" fontId="59" fillId="0" borderId="35" xfId="2" quotePrefix="1" applyFont="1" applyBorder="1" applyAlignment="1">
      <alignment horizontal="center" vertical="center" wrapText="1" shrinkToFit="1"/>
    </xf>
    <xf numFmtId="0" fontId="58" fillId="5" borderId="0" xfId="2" applyFont="1" applyFill="1" applyAlignment="1">
      <alignment horizontal="center" vertical="center" wrapText="1"/>
    </xf>
    <xf numFmtId="0" fontId="15" fillId="4" borderId="25" xfId="2" applyFont="1" applyFill="1" applyBorder="1" applyAlignment="1">
      <alignment horizontal="left" vertical="center" shrinkToFit="1"/>
    </xf>
    <xf numFmtId="0" fontId="15" fillId="4" borderId="27" xfId="2" applyFont="1" applyFill="1" applyBorder="1" applyAlignment="1">
      <alignment horizontal="left" vertical="center" shrinkToFit="1"/>
    </xf>
    <xf numFmtId="0" fontId="15" fillId="0" borderId="0" xfId="2" applyFont="1" applyAlignment="1">
      <alignment vertical="center" wrapText="1"/>
    </xf>
    <xf numFmtId="0" fontId="59" fillId="6" borderId="0" xfId="2" applyFont="1" applyFill="1" applyAlignment="1">
      <alignment vertical="top" wrapText="1"/>
    </xf>
    <xf numFmtId="0" fontId="59" fillId="0" borderId="0" xfId="2" applyFont="1" applyAlignment="1">
      <alignment vertical="top" wrapText="1"/>
    </xf>
    <xf numFmtId="0" fontId="59" fillId="2" borderId="28" xfId="2" quotePrefix="1" applyFont="1" applyFill="1" applyBorder="1" applyAlignment="1">
      <alignment horizontal="center" vertical="center" wrapText="1" shrinkToFit="1"/>
    </xf>
    <xf numFmtId="0" fontId="59" fillId="2" borderId="29" xfId="2" quotePrefix="1" applyFont="1" applyFill="1" applyBorder="1" applyAlignment="1">
      <alignment horizontal="center" vertical="center" wrapText="1" shrinkToFit="1"/>
    </xf>
    <xf numFmtId="0" fontId="59" fillId="2" borderId="30" xfId="2" quotePrefix="1" applyFont="1" applyFill="1" applyBorder="1" applyAlignment="1">
      <alignment horizontal="center" vertical="center" wrapText="1" shrinkToFit="1"/>
    </xf>
    <xf numFmtId="0" fontId="59" fillId="2" borderId="31" xfId="2" quotePrefix="1" applyFont="1" applyFill="1" applyBorder="1" applyAlignment="1">
      <alignment horizontal="center" vertical="center" wrapText="1" shrinkToFit="1"/>
    </xf>
    <xf numFmtId="0" fontId="59" fillId="2" borderId="32" xfId="2" quotePrefix="1" applyFont="1" applyFill="1" applyBorder="1" applyAlignment="1">
      <alignment horizontal="center" vertical="center" wrapText="1" shrinkToFit="1"/>
    </xf>
    <xf numFmtId="0" fontId="59" fillId="2" borderId="33" xfId="2" quotePrefix="1" applyFont="1" applyFill="1" applyBorder="1" applyAlignment="1">
      <alignment horizontal="center" vertical="center" wrapText="1" shrinkToFit="1"/>
    </xf>
    <xf numFmtId="0" fontId="59" fillId="2" borderId="34" xfId="2" quotePrefix="1" applyFont="1" applyFill="1" applyBorder="1" applyAlignment="1">
      <alignment horizontal="center" vertical="center" wrapText="1" shrinkToFit="1"/>
    </xf>
    <xf numFmtId="0" fontId="59" fillId="2" borderId="35" xfId="2" quotePrefix="1" applyFont="1" applyFill="1" applyBorder="1" applyAlignment="1">
      <alignment horizontal="center" vertical="center" wrapText="1" shrinkToFit="1"/>
    </xf>
    <xf numFmtId="0" fontId="23" fillId="2" borderId="39" xfId="1" applyFont="1" applyFill="1" applyBorder="1" applyAlignment="1">
      <alignment horizontal="center" vertical="center" wrapText="1" shrinkToFit="1"/>
    </xf>
    <xf numFmtId="0" fontId="25" fillId="2" borderId="23" xfId="1" applyFont="1" applyFill="1" applyBorder="1" applyAlignment="1">
      <alignment horizontal="center" vertical="center" wrapText="1" shrinkToFit="1"/>
    </xf>
    <xf numFmtId="0" fontId="58" fillId="0" borderId="0" xfId="2" applyFont="1" applyAlignment="1">
      <alignment horizontal="center" vertical="center" wrapText="1" shrinkToFit="1"/>
    </xf>
    <xf numFmtId="0" fontId="32" fillId="2" borderId="42" xfId="2" applyFont="1" applyFill="1" applyBorder="1" applyAlignment="1">
      <alignment horizontal="left" vertical="center" wrapText="1" shrinkToFit="1"/>
    </xf>
    <xf numFmtId="0" fontId="11" fillId="2" borderId="21" xfId="1" applyFont="1" applyFill="1" applyBorder="1" applyAlignment="1">
      <alignment horizontal="center" vertical="center" wrapText="1" shrinkToFit="1"/>
    </xf>
    <xf numFmtId="0" fontId="30" fillId="2" borderId="21" xfId="1" applyFont="1" applyFill="1" applyBorder="1" applyAlignment="1">
      <alignment horizontal="center" vertical="center" wrapText="1" shrinkToFit="1"/>
    </xf>
    <xf numFmtId="0" fontId="30" fillId="2" borderId="23" xfId="1" applyFont="1" applyFill="1" applyBorder="1" applyAlignment="1">
      <alignment horizontal="center" vertical="center" wrapText="1" shrinkToFit="1"/>
    </xf>
    <xf numFmtId="0" fontId="11" fillId="2" borderId="84" xfId="1" applyFont="1" applyFill="1" applyBorder="1" applyAlignment="1">
      <alignment horizontal="center" vertical="center" wrapText="1" shrinkToFit="1"/>
    </xf>
    <xf numFmtId="0" fontId="30" fillId="2" borderId="84" xfId="1" applyFont="1" applyFill="1" applyBorder="1" applyAlignment="1">
      <alignment horizontal="center" vertical="center" wrapText="1" shrinkToFit="1"/>
    </xf>
    <xf numFmtId="0" fontId="30" fillId="2" borderId="85" xfId="1" applyFont="1" applyFill="1" applyBorder="1" applyAlignment="1">
      <alignment horizontal="center" vertical="center" wrapText="1" shrinkToFit="1"/>
    </xf>
    <xf numFmtId="0" fontId="32" fillId="4" borderId="43" xfId="2" applyFont="1" applyFill="1" applyBorder="1" applyAlignment="1">
      <alignment horizontal="left" vertical="center" shrinkToFit="1"/>
    </xf>
    <xf numFmtId="0" fontId="32" fillId="4" borderId="76" xfId="2" applyFont="1" applyFill="1" applyBorder="1" applyAlignment="1">
      <alignment horizontal="left" vertical="center" shrinkToFit="1"/>
    </xf>
    <xf numFmtId="0" fontId="11" fillId="2" borderId="39" xfId="1" applyFont="1" applyFill="1" applyBorder="1" applyAlignment="1">
      <alignment horizontal="center" vertical="center" wrapText="1" shrinkToFit="1"/>
    </xf>
    <xf numFmtId="0" fontId="30" fillId="2" borderId="23" xfId="1" applyFont="1" applyFill="1" applyBorder="1" applyAlignment="1">
      <alignment horizontal="center" vertical="center" wrapText="1" shrinkToFit="1"/>
    </xf>
    <xf numFmtId="0" fontId="12" fillId="2" borderId="121" xfId="2" quotePrefix="1" applyFont="1" applyFill="1" applyBorder="1" applyAlignment="1">
      <alignment horizontal="center" vertical="center" wrapText="1" shrinkToFit="1"/>
    </xf>
    <xf numFmtId="0" fontId="25" fillId="2" borderId="92" xfId="1" applyFont="1" applyFill="1" applyBorder="1" applyAlignment="1">
      <alignment horizontal="center" vertical="center" shrinkToFit="1"/>
    </xf>
    <xf numFmtId="0" fontId="25" fillId="2" borderId="46" xfId="1" applyFont="1" applyFill="1" applyBorder="1" applyAlignment="1">
      <alignment horizontal="center" vertical="center" wrapText="1" shrinkToFit="1"/>
    </xf>
    <xf numFmtId="0" fontId="31" fillId="2" borderId="122" xfId="1" applyFont="1" applyFill="1" applyBorder="1" applyAlignment="1">
      <alignment horizontal="center" vertical="center" shrinkToFit="1"/>
    </xf>
    <xf numFmtId="0" fontId="31" fillId="2" borderId="123" xfId="1" applyFont="1" applyFill="1" applyBorder="1" applyAlignment="1">
      <alignment horizontal="center" vertical="center" shrinkToFit="1"/>
    </xf>
    <xf numFmtId="0" fontId="15" fillId="2" borderId="66" xfId="1" applyFont="1" applyFill="1" applyBorder="1" applyAlignment="1">
      <alignment horizontal="left" vertical="center" wrapText="1" shrinkToFit="1"/>
    </xf>
    <xf numFmtId="0" fontId="15" fillId="2" borderId="1" xfId="1" applyFont="1" applyFill="1" applyBorder="1" applyAlignment="1">
      <alignment horizontal="left" vertical="center" wrapText="1" shrinkToFit="1"/>
    </xf>
    <xf numFmtId="0" fontId="15" fillId="2" borderId="67" xfId="1" applyFont="1" applyFill="1" applyBorder="1" applyAlignment="1">
      <alignment horizontal="left" vertical="center" wrapText="1" shrinkToFit="1"/>
    </xf>
    <xf numFmtId="0" fontId="14" fillId="0" borderId="0" xfId="1" applyFont="1" applyAlignment="1">
      <alignment horizontal="left" vertical="center"/>
    </xf>
    <xf numFmtId="0" fontId="59" fillId="0" borderId="28" xfId="1" applyFont="1" applyBorder="1" applyAlignment="1">
      <alignment horizontal="center" vertical="center" wrapText="1" shrinkToFit="1"/>
    </xf>
    <xf numFmtId="0" fontId="59" fillId="0" borderId="29" xfId="1" applyFont="1" applyBorder="1" applyAlignment="1">
      <alignment horizontal="center" vertical="center" wrapText="1" shrinkToFit="1"/>
    </xf>
    <xf numFmtId="0" fontId="59" fillId="0" borderId="30" xfId="1" applyFont="1" applyBorder="1" applyAlignment="1">
      <alignment horizontal="center" vertical="center" wrapText="1" shrinkToFit="1"/>
    </xf>
    <xf numFmtId="0" fontId="59" fillId="0" borderId="31" xfId="1" applyFont="1" applyBorder="1" applyAlignment="1">
      <alignment horizontal="center" vertical="center" wrapText="1" shrinkToFit="1"/>
    </xf>
    <xf numFmtId="0" fontId="59" fillId="0" borderId="32" xfId="1" applyFont="1" applyBorder="1" applyAlignment="1">
      <alignment horizontal="center" vertical="center" wrapText="1" shrinkToFit="1"/>
    </xf>
    <xf numFmtId="0" fontId="59" fillId="0" borderId="33" xfId="1" applyFont="1" applyBorder="1" applyAlignment="1">
      <alignment horizontal="center" vertical="center" wrapText="1" shrinkToFit="1"/>
    </xf>
    <xf numFmtId="0" fontId="59" fillId="0" borderId="34" xfId="1" applyFont="1" applyBorder="1" applyAlignment="1">
      <alignment horizontal="center" vertical="center" wrapText="1" shrinkToFit="1"/>
    </xf>
    <xf numFmtId="0" fontId="14" fillId="2" borderId="0" xfId="2" applyFont="1" applyFill="1" applyAlignment="1">
      <alignment horizontal="left" vertical="center" shrinkToFit="1"/>
    </xf>
    <xf numFmtId="0" fontId="52" fillId="2" borderId="0" xfId="2" applyFont="1" applyFill="1" applyAlignment="1">
      <alignment horizontal="center" vertical="center" wrapText="1" shrinkToFit="1"/>
    </xf>
    <xf numFmtId="0" fontId="15" fillId="2" borderId="0" xfId="2" applyFont="1" applyFill="1" applyAlignment="1">
      <alignment vertical="top"/>
    </xf>
    <xf numFmtId="0" fontId="32" fillId="2" borderId="38" xfId="2" applyFont="1" applyFill="1" applyBorder="1" applyAlignment="1">
      <alignment vertical="center" wrapText="1" shrinkToFit="1"/>
    </xf>
    <xf numFmtId="0" fontId="12" fillId="2" borderId="79" xfId="2" applyFont="1" applyFill="1" applyBorder="1" applyAlignment="1">
      <alignment horizontal="left" vertical="center" wrapText="1" shrinkToFit="1"/>
    </xf>
    <xf numFmtId="0" fontId="11" fillId="2" borderId="112" xfId="1" applyFont="1" applyFill="1" applyBorder="1" applyAlignment="1">
      <alignment horizontal="center" vertical="center" wrapText="1" shrinkToFit="1"/>
    </xf>
    <xf numFmtId="0" fontId="15" fillId="0" borderId="38" xfId="2" applyFont="1" applyBorder="1" applyAlignment="1">
      <alignment horizontal="left" vertical="center" wrapText="1" shrinkToFit="1"/>
    </xf>
    <xf numFmtId="0" fontId="15" fillId="0" borderId="60" xfId="2" applyFont="1" applyBorder="1" applyAlignment="1">
      <alignment horizontal="left" vertical="center" wrapText="1" shrinkToFit="1"/>
    </xf>
    <xf numFmtId="0" fontId="25" fillId="0" borderId="21" xfId="2" applyFont="1" applyBorder="1" applyAlignment="1">
      <alignment horizontal="center" vertical="center" shrinkToFit="1"/>
    </xf>
    <xf numFmtId="0" fontId="25" fillId="0" borderId="23" xfId="1" applyFont="1" applyBorder="1" applyAlignment="1">
      <alignment horizontal="center" vertical="center" wrapText="1" shrinkToFit="1"/>
    </xf>
    <xf numFmtId="0" fontId="15" fillId="0" borderId="42" xfId="2" applyFont="1" applyBorder="1" applyAlignment="1">
      <alignment vertical="center" shrinkToFit="1"/>
    </xf>
    <xf numFmtId="0" fontId="15" fillId="0" borderId="63" xfId="2" applyFont="1" applyBorder="1" applyAlignment="1">
      <alignment vertical="center" shrinkToFit="1"/>
    </xf>
    <xf numFmtId="0" fontId="15" fillId="0" borderId="64" xfId="2" applyFont="1" applyBorder="1" applyAlignment="1">
      <alignment vertical="center" shrinkToFit="1"/>
    </xf>
    <xf numFmtId="0" fontId="32" fillId="2" borderId="0" xfId="2" applyFont="1" applyFill="1" applyAlignment="1">
      <alignment vertical="top"/>
    </xf>
    <xf numFmtId="0" fontId="15" fillId="0" borderId="38" xfId="2" applyFont="1" applyBorder="1" applyAlignment="1">
      <alignment vertical="center" wrapText="1" shrinkToFit="1"/>
    </xf>
    <xf numFmtId="0" fontId="15" fillId="0" borderId="0" xfId="2" applyFont="1" applyAlignment="1">
      <alignment vertical="center" wrapText="1" shrinkToFit="1"/>
    </xf>
    <xf numFmtId="0" fontId="15" fillId="0" borderId="68" xfId="2" applyFont="1" applyBorder="1" applyAlignment="1">
      <alignment vertical="center" wrapText="1" shrinkToFit="1"/>
    </xf>
    <xf numFmtId="0" fontId="51" fillId="0" borderId="0" xfId="2" applyFont="1" applyAlignment="1">
      <alignment vertical="top" wrapText="1"/>
    </xf>
    <xf numFmtId="0" fontId="14" fillId="2" borderId="124" xfId="2" applyFont="1" applyFill="1" applyBorder="1" applyAlignment="1">
      <alignment horizontal="left" vertical="center" wrapText="1" shrinkToFit="1"/>
    </xf>
    <xf numFmtId="0" fontId="15" fillId="2" borderId="125" xfId="2" applyFont="1" applyFill="1" applyBorder="1" applyAlignment="1">
      <alignment horizontal="left" vertical="center" wrapText="1" shrinkToFit="1"/>
    </xf>
    <xf numFmtId="0" fontId="15" fillId="2" borderId="126" xfId="2" applyFont="1" applyFill="1" applyBorder="1" applyAlignment="1">
      <alignment horizontal="left" vertical="center" wrapText="1" shrinkToFit="1"/>
    </xf>
    <xf numFmtId="0" fontId="30" fillId="2" borderId="109" xfId="1" applyFont="1" applyFill="1" applyBorder="1" applyAlignment="1">
      <alignment horizontal="center" vertical="center" wrapText="1" shrinkToFit="1"/>
    </xf>
    <xf numFmtId="0" fontId="30" fillId="2" borderId="116" xfId="1" applyFont="1" applyFill="1" applyBorder="1" applyAlignment="1">
      <alignment horizontal="center" vertical="center" shrinkToFit="1"/>
    </xf>
    <xf numFmtId="0" fontId="14" fillId="4" borderId="43" xfId="2" applyFont="1" applyFill="1" applyBorder="1" applyAlignment="1">
      <alignment horizontal="left" vertical="center" shrinkToFit="1"/>
    </xf>
    <xf numFmtId="0" fontId="15" fillId="4" borderId="110" xfId="2" applyFont="1" applyFill="1" applyBorder="1" applyAlignment="1">
      <alignment horizontal="left" vertical="center" shrinkToFit="1"/>
    </xf>
    <xf numFmtId="0" fontId="15" fillId="4" borderId="0" xfId="2" applyFont="1" applyFill="1" applyAlignment="1">
      <alignment horizontal="left" vertical="center" shrinkToFit="1"/>
    </xf>
    <xf numFmtId="0" fontId="15" fillId="4" borderId="0" xfId="2" applyFont="1" applyFill="1">
      <alignment vertical="center"/>
    </xf>
    <xf numFmtId="0" fontId="52" fillId="4" borderId="0" xfId="2" applyFont="1" applyFill="1" applyAlignment="1">
      <alignment horizontal="center" vertical="center" wrapText="1" shrinkToFit="1"/>
    </xf>
    <xf numFmtId="0" fontId="15" fillId="4" borderId="0" xfId="2" applyFont="1" applyFill="1" applyAlignment="1">
      <alignment horizontal="left" vertical="top" wrapText="1"/>
    </xf>
    <xf numFmtId="0" fontId="12" fillId="4" borderId="84" xfId="2" applyFont="1" applyFill="1" applyBorder="1" applyAlignment="1">
      <alignment vertical="center" shrinkToFit="1"/>
    </xf>
    <xf numFmtId="0" fontId="32" fillId="2" borderId="25" xfId="2" applyFont="1" applyFill="1" applyBorder="1">
      <alignment vertical="center"/>
    </xf>
    <xf numFmtId="0" fontId="32" fillId="2" borderId="26" xfId="2" applyFont="1" applyFill="1" applyBorder="1">
      <alignment vertical="center"/>
    </xf>
    <xf numFmtId="0" fontId="32" fillId="2" borderId="54" xfId="2" applyFont="1" applyFill="1" applyBorder="1">
      <alignment vertical="center"/>
    </xf>
    <xf numFmtId="0" fontId="12" fillId="2" borderId="81" xfId="2" applyFont="1" applyFill="1" applyBorder="1" applyAlignment="1">
      <alignment horizontal="left" vertical="center" wrapText="1" shrinkToFit="1"/>
    </xf>
    <xf numFmtId="0" fontId="12" fillId="2" borderId="55" xfId="2" applyFont="1" applyFill="1" applyBorder="1" applyAlignment="1">
      <alignment horizontal="left" vertical="center" wrapText="1" shrinkToFit="1"/>
    </xf>
    <xf numFmtId="0" fontId="12" fillId="2" borderId="57" xfId="2" applyFont="1" applyFill="1" applyBorder="1" applyAlignment="1">
      <alignment horizontal="left" vertical="center" wrapText="1" shrinkToFit="1"/>
    </xf>
    <xf numFmtId="0" fontId="12" fillId="2" borderId="127" xfId="2" quotePrefix="1" applyFont="1" applyFill="1" applyBorder="1" applyAlignment="1">
      <alignment horizontal="center" vertical="center" wrapText="1" shrinkToFit="1"/>
    </xf>
    <xf numFmtId="0" fontId="12" fillId="2" borderId="128" xfId="2" quotePrefix="1" applyFont="1" applyFill="1" applyBorder="1" applyAlignment="1">
      <alignment horizontal="center" vertical="center" wrapText="1" shrinkToFit="1"/>
    </xf>
    <xf numFmtId="0" fontId="12" fillId="2" borderId="129" xfId="2" quotePrefix="1" applyFont="1" applyFill="1" applyBorder="1" applyAlignment="1">
      <alignment horizontal="center" vertical="center" wrapText="1" shrinkToFit="1"/>
    </xf>
    <xf numFmtId="0" fontId="12" fillId="2" borderId="130" xfId="2" quotePrefix="1" applyFont="1" applyFill="1" applyBorder="1" applyAlignment="1">
      <alignment horizontal="center" vertical="center" wrapText="1" shrinkToFit="1"/>
    </xf>
    <xf numFmtId="0" fontId="32" fillId="3" borderId="5" xfId="2" applyFont="1" applyFill="1" applyBorder="1" applyAlignment="1">
      <alignment horizontal="left" vertical="center" wrapText="1" shrinkToFit="1"/>
    </xf>
    <xf numFmtId="0" fontId="32" fillId="3" borderId="6" xfId="2" applyFont="1" applyFill="1" applyBorder="1" applyAlignment="1">
      <alignment horizontal="left" vertical="center" wrapText="1" shrinkToFit="1"/>
    </xf>
    <xf numFmtId="0" fontId="12" fillId="3" borderId="6" xfId="2" applyFont="1" applyFill="1" applyBorder="1" applyAlignment="1">
      <alignment horizontal="left" vertical="center" wrapText="1" shrinkToFit="1"/>
    </xf>
    <xf numFmtId="0" fontId="32" fillId="3" borderId="7" xfId="2" applyFont="1" applyFill="1" applyBorder="1" applyAlignment="1">
      <alignment horizontal="left" vertical="center" wrapText="1" shrinkToFit="1"/>
    </xf>
    <xf numFmtId="0" fontId="14" fillId="2" borderId="8" xfId="2" applyFont="1" applyFill="1" applyBorder="1" applyAlignment="1">
      <alignment horizontal="left" vertical="center" wrapText="1" shrinkToFit="1"/>
    </xf>
    <xf numFmtId="0" fontId="15" fillId="2" borderId="10" xfId="2" applyFont="1" applyFill="1" applyBorder="1" applyAlignment="1">
      <alignment horizontal="left" vertical="center" wrapText="1" shrinkToFit="1"/>
    </xf>
    <xf numFmtId="0" fontId="15" fillId="2" borderId="81" xfId="2" applyFont="1" applyFill="1" applyBorder="1" applyAlignment="1">
      <alignment horizontal="left" vertical="center" wrapText="1" shrinkToFit="1"/>
    </xf>
    <xf numFmtId="0" fontId="30" fillId="2" borderId="11" xfId="2" applyFont="1" applyFill="1" applyBorder="1" applyAlignment="1">
      <alignment horizontal="center" vertical="center" wrapText="1" shrinkToFit="1"/>
    </xf>
    <xf numFmtId="0" fontId="30" fillId="2" borderId="12" xfId="2" applyFont="1" applyFill="1" applyBorder="1" applyAlignment="1">
      <alignment horizontal="center" vertical="center" shrinkToFit="1"/>
    </xf>
    <xf numFmtId="0" fontId="15" fillId="0" borderId="0" xfId="2" applyFont="1" applyAlignment="1">
      <alignment horizontal="left" vertical="top" wrapText="1"/>
    </xf>
    <xf numFmtId="0" fontId="12" fillId="4" borderId="66" xfId="2" applyFont="1" applyFill="1" applyBorder="1" applyAlignment="1">
      <alignment vertical="center" wrapText="1" shrinkToFit="1"/>
    </xf>
    <xf numFmtId="0" fontId="14" fillId="4" borderId="24" xfId="2" applyFont="1" applyFill="1" applyBorder="1" applyAlignment="1">
      <alignment vertical="center" shrinkToFit="1"/>
    </xf>
    <xf numFmtId="0" fontId="15" fillId="2" borderId="51" xfId="2" applyFont="1" applyFill="1" applyBorder="1" applyAlignment="1">
      <alignment vertical="center" wrapText="1" shrinkToFit="1"/>
    </xf>
    <xf numFmtId="0" fontId="15" fillId="2" borderId="52" xfId="2" applyFont="1" applyFill="1" applyBorder="1" applyAlignment="1">
      <alignment vertical="center" wrapText="1" shrinkToFit="1"/>
    </xf>
    <xf numFmtId="0" fontId="15" fillId="2" borderId="53" xfId="2" applyFont="1" applyFill="1" applyBorder="1" applyAlignment="1">
      <alignment vertical="center" wrapText="1" shrinkToFit="1"/>
    </xf>
    <xf numFmtId="0" fontId="59" fillId="4" borderId="0" xfId="2" applyFont="1" applyFill="1" applyAlignment="1">
      <alignment vertical="center" wrapText="1" shrinkToFit="1"/>
    </xf>
    <xf numFmtId="0" fontId="59" fillId="4" borderId="68" xfId="2" applyFont="1" applyFill="1" applyBorder="1" applyAlignment="1">
      <alignment vertical="center" wrapText="1" shrinkToFit="1"/>
    </xf>
    <xf numFmtId="0" fontId="32" fillId="4" borderId="91" xfId="2" applyFont="1" applyFill="1" applyBorder="1" applyAlignment="1">
      <alignment horizontal="center" vertical="center" wrapText="1" shrinkToFit="1"/>
    </xf>
    <xf numFmtId="0" fontId="32" fillId="4" borderId="92" xfId="2" applyFont="1" applyFill="1" applyBorder="1" applyAlignment="1">
      <alignment horizontal="center" vertical="center" wrapText="1" shrinkToFit="1"/>
    </xf>
    <xf numFmtId="0" fontId="32" fillId="4" borderId="131" xfId="2" applyFont="1" applyFill="1" applyBorder="1" applyAlignment="1">
      <alignment horizontal="center" vertical="center" wrapText="1" shrinkToFit="1"/>
    </xf>
    <xf numFmtId="0" fontId="15" fillId="2" borderId="24" xfId="2" applyFont="1" applyFill="1" applyBorder="1" applyAlignment="1">
      <alignment horizontal="left" vertical="center" wrapText="1" shrinkToFit="1"/>
    </xf>
    <xf numFmtId="0" fontId="15" fillId="2" borderId="26" xfId="2" applyFont="1" applyFill="1" applyBorder="1" applyAlignment="1">
      <alignment horizontal="left" vertical="center" wrapText="1" shrinkToFit="1"/>
    </xf>
    <xf numFmtId="0" fontId="32" fillId="4" borderId="132" xfId="2" applyFont="1" applyFill="1" applyBorder="1" applyAlignment="1">
      <alignment horizontal="center" vertical="center" wrapText="1" shrinkToFit="1"/>
    </xf>
    <xf numFmtId="0" fontId="30" fillId="4" borderId="132" xfId="2" applyFont="1" applyFill="1" applyBorder="1" applyAlignment="1">
      <alignment horizontal="center" vertical="center" wrapText="1" shrinkToFit="1"/>
    </xf>
    <xf numFmtId="0" fontId="32" fillId="4" borderId="133" xfId="2" applyFont="1" applyFill="1" applyBorder="1" applyAlignment="1">
      <alignment horizontal="center" vertical="center" wrapText="1" shrinkToFit="1"/>
    </xf>
    <xf numFmtId="0" fontId="32" fillId="0" borderId="134" xfId="2" applyFont="1" applyBorder="1" applyAlignment="1">
      <alignment horizontal="center" vertical="center" wrapText="1" shrinkToFit="1"/>
    </xf>
    <xf numFmtId="0" fontId="32" fillId="0" borderId="104" xfId="2" applyFont="1" applyBorder="1" applyAlignment="1">
      <alignment horizontal="center" vertical="center" wrapText="1" shrinkToFit="1"/>
    </xf>
    <xf numFmtId="0" fontId="32" fillId="0" borderId="135" xfId="2" applyFont="1" applyBorder="1" applyAlignment="1">
      <alignment horizontal="center" vertical="center" wrapText="1" shrinkToFit="1"/>
    </xf>
    <xf numFmtId="0" fontId="14" fillId="2" borderId="103" xfId="1" applyFont="1" applyFill="1" applyBorder="1" applyAlignment="1">
      <alignment horizontal="left" vertical="center" wrapText="1" shrinkToFit="1"/>
    </xf>
    <xf numFmtId="0" fontId="15" fillId="2" borderId="104" xfId="1" applyFont="1" applyFill="1" applyBorder="1" applyAlignment="1">
      <alignment horizontal="left" vertical="center" wrapText="1" shrinkToFit="1"/>
    </xf>
    <xf numFmtId="0" fontId="15" fillId="2" borderId="105" xfId="1" applyFont="1" applyFill="1" applyBorder="1" applyAlignment="1">
      <alignment horizontal="left" vertical="center" wrapText="1" shrinkToFit="1"/>
    </xf>
    <xf numFmtId="0" fontId="12" fillId="2" borderId="51" xfId="1" applyFont="1" applyFill="1" applyBorder="1" applyAlignment="1">
      <alignment vertical="center" wrapText="1" shrinkToFit="1"/>
    </xf>
    <xf numFmtId="0" fontId="12" fillId="2" borderId="52" xfId="1" applyFont="1" applyFill="1" applyBorder="1" applyAlignment="1">
      <alignment vertical="center" wrapText="1" shrinkToFit="1"/>
    </xf>
    <xf numFmtId="0" fontId="12" fillId="2" borderId="53" xfId="1" applyFont="1" applyFill="1" applyBorder="1" applyAlignment="1">
      <alignment vertical="center" wrapText="1" shrinkToFit="1"/>
    </xf>
    <xf numFmtId="0" fontId="12" fillId="2" borderId="10" xfId="1" applyFont="1" applyFill="1" applyBorder="1" applyAlignment="1">
      <alignment horizontal="left" vertical="distributed" wrapText="1" shrinkToFit="1"/>
    </xf>
    <xf numFmtId="0" fontId="12" fillId="2" borderId="97" xfId="1" applyFont="1" applyFill="1" applyBorder="1" applyAlignment="1">
      <alignment horizontal="left" vertical="distributed" wrapText="1" shrinkToFit="1"/>
    </xf>
    <xf numFmtId="0" fontId="12" fillId="2" borderId="17" xfId="2" applyFont="1" applyFill="1" applyBorder="1" applyAlignment="1">
      <alignment vertical="center" wrapText="1" shrinkToFit="1"/>
    </xf>
    <xf numFmtId="0" fontId="12" fillId="2" borderId="19" xfId="2" applyFont="1" applyFill="1" applyBorder="1" applyAlignment="1">
      <alignment vertical="center" wrapText="1" shrinkToFit="1"/>
    </xf>
    <xf numFmtId="0" fontId="12" fillId="2" borderId="79" xfId="2" applyFont="1" applyFill="1" applyBorder="1" applyAlignment="1">
      <alignment vertical="center" wrapText="1" shrinkToFit="1"/>
    </xf>
    <xf numFmtId="0" fontId="12" fillId="2" borderId="18" xfId="2" applyFont="1" applyFill="1" applyBorder="1" applyAlignment="1">
      <alignment vertical="distributed" wrapText="1" shrinkToFit="1"/>
    </xf>
    <xf numFmtId="0" fontId="12" fillId="2" borderId="79" xfId="2" applyFont="1" applyFill="1" applyBorder="1" applyAlignment="1">
      <alignment vertical="distributed" wrapText="1" shrinkToFit="1"/>
    </xf>
    <xf numFmtId="0" fontId="12" fillId="2" borderId="8" xfId="2" applyFont="1" applyFill="1" applyBorder="1" applyAlignment="1">
      <alignment vertical="center" wrapText="1" shrinkToFit="1"/>
    </xf>
    <xf numFmtId="0" fontId="12" fillId="2" borderId="10" xfId="2" applyFont="1" applyFill="1" applyBorder="1" applyAlignment="1">
      <alignment vertical="center" wrapText="1" shrinkToFit="1"/>
    </xf>
    <xf numFmtId="0" fontId="12" fillId="2" borderId="81" xfId="2" applyFont="1" applyFill="1" applyBorder="1" applyAlignment="1">
      <alignment vertical="center" wrapText="1" shrinkToFit="1"/>
    </xf>
    <xf numFmtId="0" fontId="12" fillId="2" borderId="9" xfId="2" applyFont="1" applyFill="1" applyBorder="1" applyAlignment="1">
      <alignment vertical="distributed" wrapText="1" shrinkToFit="1"/>
    </xf>
    <xf numFmtId="0" fontId="12" fillId="2" borderId="81" xfId="2" applyFont="1" applyFill="1" applyBorder="1" applyAlignment="1">
      <alignment vertical="distributed" wrapText="1" shrinkToFit="1"/>
    </xf>
    <xf numFmtId="0" fontId="12" fillId="2" borderId="97" xfId="2" applyFont="1" applyFill="1" applyBorder="1" applyAlignment="1">
      <alignment horizontal="left" vertical="center" wrapText="1" shrinkToFit="1"/>
    </xf>
    <xf numFmtId="0" fontId="14" fillId="2" borderId="0" xfId="2" applyFont="1" applyFill="1" applyAlignment="1">
      <alignment horizontal="left" vertical="top" wrapText="1"/>
    </xf>
    <xf numFmtId="0" fontId="12" fillId="2" borderId="17" xfId="1" applyFont="1" applyFill="1" applyBorder="1" applyAlignment="1">
      <alignment vertical="center" wrapText="1" shrinkToFit="1"/>
    </xf>
    <xf numFmtId="0" fontId="12" fillId="2" borderId="19" xfId="1" applyFont="1" applyFill="1" applyBorder="1" applyAlignment="1">
      <alignment vertical="center" wrapText="1" shrinkToFit="1"/>
    </xf>
    <xf numFmtId="0" fontId="12" fillId="2" borderId="79" xfId="1" applyFont="1" applyFill="1" applyBorder="1" applyAlignment="1">
      <alignment vertical="center" wrapText="1" shrinkToFit="1"/>
    </xf>
    <xf numFmtId="0" fontId="12" fillId="2" borderId="82" xfId="1" applyFont="1" applyFill="1" applyBorder="1" applyAlignment="1">
      <alignment horizontal="left" vertical="distributed" wrapText="1" shrinkToFit="1"/>
    </xf>
    <xf numFmtId="0" fontId="12" fillId="2" borderId="56" xfId="1" applyFont="1" applyFill="1" applyBorder="1" applyAlignment="1">
      <alignment horizontal="left" vertical="distributed" wrapText="1" shrinkToFit="1"/>
    </xf>
    <xf numFmtId="0" fontId="12" fillId="2" borderId="83" xfId="1" applyFont="1" applyFill="1" applyBorder="1" applyAlignment="1">
      <alignment horizontal="left" vertical="distributed" wrapText="1" shrinkToFit="1"/>
    </xf>
    <xf numFmtId="0" fontId="14" fillId="2" borderId="24" xfId="1" applyFont="1" applyFill="1" applyBorder="1" applyAlignment="1">
      <alignment horizontal="left" vertical="center" wrapText="1" shrinkToFit="1"/>
    </xf>
    <xf numFmtId="0" fontId="15" fillId="2" borderId="26" xfId="1" applyFont="1" applyFill="1" applyBorder="1" applyAlignment="1">
      <alignment horizontal="left" vertical="center" wrapText="1" shrinkToFit="1"/>
    </xf>
    <xf numFmtId="0" fontId="15" fillId="2" borderId="54" xfId="1" applyFont="1" applyFill="1" applyBorder="1" applyAlignment="1">
      <alignment horizontal="left" vertical="center" wrapText="1" shrinkToFit="1"/>
    </xf>
    <xf numFmtId="0" fontId="15" fillId="3" borderId="2" xfId="2" applyFont="1" applyFill="1" applyBorder="1" applyAlignment="1">
      <alignment horizontal="left" vertical="center" wrapText="1" shrinkToFit="1"/>
    </xf>
    <xf numFmtId="0" fontId="14" fillId="3" borderId="3" xfId="2" applyFont="1" applyFill="1" applyBorder="1" applyAlignment="1">
      <alignment horizontal="left" vertical="center" wrapText="1" shrinkToFit="1"/>
    </xf>
    <xf numFmtId="0" fontId="14" fillId="2" borderId="0" xfId="2" applyFont="1" applyFill="1" applyAlignment="1">
      <alignment horizontal="left" vertical="center" wrapText="1" shrinkToFit="1"/>
    </xf>
    <xf numFmtId="0" fontId="14" fillId="2" borderId="60" xfId="2" applyFont="1" applyFill="1" applyBorder="1" applyAlignment="1">
      <alignment horizontal="left" vertical="center" wrapText="1" shrinkToFit="1"/>
    </xf>
    <xf numFmtId="0" fontId="55" fillId="2" borderId="0" xfId="2" applyFont="1" applyFill="1" applyAlignment="1">
      <alignment horizontal="left" vertical="center" shrinkToFit="1"/>
    </xf>
    <xf numFmtId="0" fontId="61" fillId="2" borderId="0" xfId="2" applyFont="1" applyFill="1" applyAlignment="1">
      <alignment horizontal="center" vertical="center" wrapText="1" shrinkToFit="1"/>
    </xf>
    <xf numFmtId="0" fontId="15" fillId="2" borderId="42" xfId="2" applyFont="1" applyFill="1" applyBorder="1" applyAlignment="1">
      <alignment vertical="center" shrinkToFit="1"/>
    </xf>
    <xf numFmtId="0" fontId="15" fillId="2" borderId="63" xfId="2" applyFont="1" applyFill="1" applyBorder="1" applyAlignment="1">
      <alignment vertical="center" shrinkToFit="1"/>
    </xf>
    <xf numFmtId="0" fontId="15" fillId="2" borderId="64" xfId="2" applyFont="1" applyFill="1" applyBorder="1" applyAlignment="1">
      <alignment vertical="center" shrinkToFit="1"/>
    </xf>
    <xf numFmtId="0" fontId="55" fillId="2" borderId="0" xfId="2" applyFont="1" applyFill="1" applyAlignment="1">
      <alignment vertical="top"/>
    </xf>
    <xf numFmtId="0" fontId="55" fillId="2" borderId="0" xfId="2" applyFont="1" applyFill="1" applyAlignment="1">
      <alignment horizontal="left" vertical="center" wrapText="1" shrinkToFit="1"/>
    </xf>
    <xf numFmtId="0" fontId="59" fillId="2" borderId="0" xfId="2" applyFont="1" applyFill="1" applyAlignment="1">
      <alignment horizontal="left" vertical="center" shrinkToFit="1"/>
    </xf>
    <xf numFmtId="0" fontId="59" fillId="2" borderId="0" xfId="2" applyFont="1" applyFill="1">
      <alignment vertical="center"/>
    </xf>
    <xf numFmtId="0" fontId="62" fillId="2" borderId="0" xfId="2" applyFont="1" applyFill="1" applyAlignment="1">
      <alignment horizontal="center" vertical="center" wrapText="1" shrinkToFit="1"/>
    </xf>
    <xf numFmtId="0" fontId="59" fillId="6" borderId="0" xfId="2" applyFont="1" applyFill="1">
      <alignment vertical="center"/>
    </xf>
    <xf numFmtId="0" fontId="59" fillId="2" borderId="0" xfId="2" applyFont="1" applyFill="1" applyAlignment="1">
      <alignment horizontal="left" vertical="center" wrapText="1" shrinkToFit="1"/>
    </xf>
    <xf numFmtId="0" fontId="59" fillId="2" borderId="0" xfId="2" applyFont="1" applyFill="1" applyAlignment="1">
      <alignment vertical="center" wrapText="1" shrinkToFit="1"/>
    </xf>
    <xf numFmtId="0" fontId="14" fillId="2" borderId="125" xfId="2" applyFont="1" applyFill="1" applyBorder="1" applyAlignment="1">
      <alignment horizontal="left" vertical="center" wrapText="1" shrinkToFit="1"/>
    </xf>
    <xf numFmtId="0" fontId="14" fillId="2" borderId="126" xfId="2" applyFont="1" applyFill="1" applyBorder="1" applyAlignment="1">
      <alignment horizontal="left" vertical="center" wrapText="1" shrinkToFit="1"/>
    </xf>
    <xf numFmtId="0" fontId="15" fillId="0" borderId="79" xfId="2" applyFont="1" applyBorder="1" applyAlignment="1">
      <alignment horizontal="left" vertical="center" wrapText="1" shrinkToFit="1"/>
    </xf>
    <xf numFmtId="0" fontId="15" fillId="2" borderId="51" xfId="2" applyFont="1" applyFill="1" applyBorder="1" applyAlignment="1">
      <alignment horizontal="left" vertical="center" wrapText="1" shrinkToFit="1"/>
    </xf>
    <xf numFmtId="0" fontId="25" fillId="2" borderId="11" xfId="2" applyFont="1" applyFill="1" applyBorder="1" applyAlignment="1">
      <alignment horizontal="center" vertical="center" wrapText="1" shrinkToFit="1"/>
    </xf>
    <xf numFmtId="0" fontId="30" fillId="2" borderId="107" xfId="1" applyFont="1" applyFill="1" applyBorder="1" applyAlignment="1">
      <alignment horizontal="center" vertical="center" wrapText="1" shrinkToFit="1"/>
    </xf>
    <xf numFmtId="0" fontId="30" fillId="2" borderId="9" xfId="2" applyFont="1" applyFill="1" applyBorder="1" applyAlignment="1">
      <alignment horizontal="center" vertical="center" wrapText="1" shrinkToFit="1"/>
    </xf>
    <xf numFmtId="0" fontId="30" fillId="2" borderId="97" xfId="2" applyFont="1" applyFill="1" applyBorder="1" applyAlignment="1">
      <alignment horizontal="center" vertical="center" shrinkToFit="1"/>
    </xf>
    <xf numFmtId="0" fontId="32" fillId="2" borderId="0" xfId="2" applyFont="1" applyFill="1" applyAlignment="1">
      <alignment horizontal="center" vertical="center" wrapText="1" shrinkToFit="1"/>
    </xf>
    <xf numFmtId="0" fontId="41" fillId="0" borderId="0" xfId="1" applyFont="1" applyAlignment="1">
      <alignment horizontal="left" vertical="center"/>
    </xf>
    <xf numFmtId="0" fontId="44" fillId="2" borderId="0" xfId="2" applyFont="1" applyFill="1" applyAlignment="1">
      <alignment horizontal="left" vertical="center" wrapText="1"/>
    </xf>
    <xf numFmtId="0" fontId="9" fillId="2" borderId="0" xfId="2" applyFont="1" applyFill="1" applyAlignment="1">
      <alignment horizontal="left" vertical="top" wrapText="1"/>
    </xf>
    <xf numFmtId="0" fontId="27" fillId="0" borderId="0" xfId="2" applyFont="1" applyAlignment="1">
      <alignment horizontal="left" vertical="center"/>
    </xf>
    <xf numFmtId="0" fontId="45" fillId="2" borderId="0" xfId="2" applyFont="1" applyFill="1" applyAlignment="1">
      <alignment horizontal="left" vertical="top" wrapText="1"/>
    </xf>
    <xf numFmtId="0" fontId="15" fillId="2" borderId="0" xfId="2" applyFont="1" applyFill="1" applyAlignment="1">
      <alignment horizontal="left" vertical="top"/>
    </xf>
    <xf numFmtId="0" fontId="14" fillId="2" borderId="2" xfId="1" applyFont="1" applyFill="1" applyBorder="1" applyAlignment="1">
      <alignment horizontal="center" vertical="center" wrapText="1"/>
    </xf>
    <xf numFmtId="0" fontId="20" fillId="2" borderId="3" xfId="1" applyFont="1" applyFill="1" applyBorder="1" applyAlignment="1">
      <alignment horizontal="center" vertical="center" wrapText="1"/>
    </xf>
    <xf numFmtId="0" fontId="20" fillId="2" borderId="4" xfId="1" applyFont="1" applyFill="1" applyBorder="1" applyAlignment="1">
      <alignment horizontal="center" vertical="center" wrapText="1"/>
    </xf>
    <xf numFmtId="0" fontId="14" fillId="0" borderId="117" xfId="2" applyFont="1" applyBorder="1" applyAlignment="1">
      <alignment horizontal="left" vertical="center" wrapText="1" shrinkToFit="1"/>
    </xf>
    <xf numFmtId="0" fontId="15" fillId="0" borderId="8" xfId="2" applyFont="1" applyBorder="1" applyAlignment="1">
      <alignment horizontal="left" vertical="center" wrapText="1" shrinkToFit="1"/>
    </xf>
    <xf numFmtId="0" fontId="32" fillId="2" borderId="23" xfId="2" applyFont="1" applyFill="1" applyBorder="1" applyAlignment="1">
      <alignment horizontal="left" vertical="center" wrapText="1" shrinkToFit="1"/>
    </xf>
    <xf numFmtId="0" fontId="11" fillId="2" borderId="136" xfId="1" applyFont="1" applyFill="1" applyBorder="1" applyAlignment="1">
      <alignment horizontal="center" vertical="center" wrapText="1" shrinkToFit="1"/>
    </xf>
    <xf numFmtId="0" fontId="30" fillId="2" borderId="137" xfId="1" applyFont="1" applyFill="1" applyBorder="1" applyAlignment="1">
      <alignment horizontal="center" vertical="center" wrapText="1" shrinkToFit="1"/>
    </xf>
    <xf numFmtId="0" fontId="30" fillId="2" borderId="138" xfId="1" applyFont="1" applyFill="1" applyBorder="1" applyAlignment="1">
      <alignment horizontal="center" vertical="center" wrapText="1" shrinkToFit="1"/>
    </xf>
    <xf numFmtId="0" fontId="11" fillId="2" borderId="9" xfId="1" applyFont="1" applyFill="1" applyBorder="1" applyAlignment="1">
      <alignment horizontal="center" vertical="center" wrapText="1" shrinkToFit="1"/>
    </xf>
    <xf numFmtId="0" fontId="30" fillId="2" borderId="139" xfId="1" applyFont="1" applyFill="1" applyBorder="1" applyAlignment="1">
      <alignment horizontal="center" vertical="center" wrapText="1" shrinkToFit="1"/>
    </xf>
    <xf numFmtId="0" fontId="25" fillId="2" borderId="46" xfId="2" applyFont="1" applyFill="1" applyBorder="1" applyAlignment="1">
      <alignment horizontal="center" vertical="center" shrinkToFit="1"/>
    </xf>
    <xf numFmtId="0" fontId="11" fillId="0" borderId="39" xfId="1" applyFont="1" applyBorder="1" applyAlignment="1">
      <alignment horizontal="center" vertical="center" wrapText="1" shrinkToFit="1"/>
    </xf>
    <xf numFmtId="0" fontId="14" fillId="4" borderId="26" xfId="2" applyFont="1" applyFill="1" applyBorder="1" applyAlignment="1">
      <alignment horizontal="left" vertical="center" shrinkToFit="1"/>
    </xf>
    <xf numFmtId="0" fontId="15" fillId="2" borderId="0" xfId="2" applyFont="1" applyFill="1" applyAlignment="1">
      <alignment horizontal="left" vertical="center" shrinkToFit="1"/>
    </xf>
    <xf numFmtId="0" fontId="30" fillId="0" borderId="140" xfId="1" applyFont="1" applyBorder="1" applyAlignment="1">
      <alignment horizontal="center" vertical="center" wrapText="1" shrinkToFit="1"/>
    </xf>
    <xf numFmtId="0" fontId="30" fillId="0" borderId="141" xfId="1" applyFont="1" applyBorder="1" applyAlignment="1">
      <alignment horizontal="center" vertical="center" shrinkToFit="1"/>
    </xf>
    <xf numFmtId="0" fontId="15" fillId="2" borderId="142" xfId="1" applyFont="1" applyFill="1" applyBorder="1" applyAlignment="1">
      <alignment horizontal="left" vertical="center" wrapText="1" shrinkToFit="1"/>
    </xf>
    <xf numFmtId="0" fontId="15" fillId="2" borderId="101" xfId="1" applyFont="1" applyFill="1" applyBorder="1" applyAlignment="1">
      <alignment horizontal="left" vertical="center" wrapText="1" shrinkToFit="1"/>
    </xf>
    <xf numFmtId="0" fontId="15" fillId="2" borderId="102" xfId="1" applyFont="1" applyFill="1" applyBorder="1" applyAlignment="1">
      <alignment horizontal="left" vertical="center" wrapText="1" shrinkToFit="1"/>
    </xf>
    <xf numFmtId="0" fontId="25" fillId="2" borderId="39" xfId="1" applyFont="1" applyFill="1" applyBorder="1" applyAlignment="1">
      <alignment horizontal="center" vertical="center" wrapText="1" shrinkToFit="1"/>
    </xf>
    <xf numFmtId="0" fontId="25" fillId="2" borderId="40" xfId="1" applyFont="1" applyFill="1" applyBorder="1" applyAlignment="1">
      <alignment horizontal="center" vertical="center" wrapText="1" shrinkToFit="1"/>
    </xf>
    <xf numFmtId="0" fontId="31" fillId="2" borderId="38" xfId="1" applyFont="1" applyFill="1" applyBorder="1" applyAlignment="1">
      <alignment horizontal="center" vertical="center" shrinkToFit="1"/>
    </xf>
    <xf numFmtId="0" fontId="25" fillId="2" borderId="140" xfId="1" applyFont="1" applyFill="1" applyBorder="1" applyAlignment="1">
      <alignment horizontal="center" vertical="center" wrapText="1" shrinkToFit="1"/>
    </xf>
    <xf numFmtId="0" fontId="25" fillId="2" borderId="141" xfId="1" applyFont="1" applyFill="1" applyBorder="1" applyAlignment="1">
      <alignment horizontal="center" vertical="center" shrinkToFit="1"/>
    </xf>
    <xf numFmtId="0" fontId="25" fillId="2" borderId="143" xfId="1" applyFont="1" applyFill="1" applyBorder="1" applyAlignment="1">
      <alignment horizontal="center" vertical="center" shrinkToFit="1"/>
    </xf>
    <xf numFmtId="0" fontId="25" fillId="2" borderId="81" xfId="1" applyFont="1" applyFill="1" applyBorder="1" applyAlignment="1">
      <alignment horizontal="center" vertical="center" wrapText="1" shrinkToFit="1"/>
    </xf>
    <xf numFmtId="0" fontId="59" fillId="2" borderId="28" xfId="1" applyFont="1" applyFill="1" applyBorder="1" applyAlignment="1">
      <alignment horizontal="center" vertical="center" wrapText="1" shrinkToFit="1"/>
    </xf>
    <xf numFmtId="0" fontId="59" fillId="2" borderId="30" xfId="1" applyFont="1" applyFill="1" applyBorder="1" applyAlignment="1">
      <alignment horizontal="center" vertical="center" wrapText="1" shrinkToFit="1"/>
    </xf>
    <xf numFmtId="0" fontId="59" fillId="2" borderId="121" xfId="1" applyFont="1" applyFill="1" applyBorder="1" applyAlignment="1">
      <alignment horizontal="center" vertical="center" wrapText="1" shrinkToFit="1"/>
    </xf>
    <xf numFmtId="0" fontId="59" fillId="2" borderId="32" xfId="1" applyFont="1" applyFill="1" applyBorder="1" applyAlignment="1">
      <alignment horizontal="center" vertical="center" wrapText="1" shrinkToFit="1"/>
    </xf>
    <xf numFmtId="0" fontId="59" fillId="2" borderId="34" xfId="1" applyFont="1" applyFill="1" applyBorder="1" applyAlignment="1">
      <alignment horizontal="center" vertical="center" wrapText="1" shrinkToFit="1"/>
    </xf>
    <xf numFmtId="0" fontId="59" fillId="2" borderId="50" xfId="1" applyFont="1" applyFill="1" applyBorder="1" applyAlignment="1">
      <alignment horizontal="center" vertical="center" wrapText="1" shrinkToFit="1"/>
    </xf>
    <xf numFmtId="0" fontId="32" fillId="0" borderId="42" xfId="2" applyFont="1" applyBorder="1" applyAlignment="1">
      <alignment vertical="center" wrapText="1" shrinkToFit="1"/>
    </xf>
    <xf numFmtId="0" fontId="32" fillId="0" borderId="63" xfId="2" applyFont="1" applyBorder="1" applyAlignment="1">
      <alignment vertical="center" wrapText="1" shrinkToFit="1"/>
    </xf>
    <xf numFmtId="0" fontId="32" fillId="0" borderId="64" xfId="2" applyFont="1" applyBorder="1" applyAlignment="1">
      <alignment vertical="center" wrapText="1" shrinkToFit="1"/>
    </xf>
    <xf numFmtId="0" fontId="15" fillId="2" borderId="38" xfId="2" applyFont="1" applyFill="1" applyBorder="1" applyAlignment="1">
      <alignment vertical="center" wrapText="1" shrinkToFit="1"/>
    </xf>
    <xf numFmtId="0" fontId="15" fillId="2" borderId="0" xfId="2" applyFont="1" applyFill="1" applyAlignment="1">
      <alignment vertical="center" wrapText="1" shrinkToFit="1"/>
    </xf>
    <xf numFmtId="0" fontId="15" fillId="2" borderId="68" xfId="2" applyFont="1" applyFill="1" applyBorder="1" applyAlignment="1">
      <alignment vertical="center" wrapText="1" shrinkToFit="1"/>
    </xf>
    <xf numFmtId="0" fontId="12" fillId="4" borderId="24" xfId="2" applyFont="1" applyFill="1" applyBorder="1" applyAlignment="1">
      <alignment horizontal="left" vertical="center" shrinkToFit="1"/>
    </xf>
    <xf numFmtId="0" fontId="12" fillId="4" borderId="54" xfId="2" applyFont="1" applyFill="1" applyBorder="1" applyAlignment="1">
      <alignment horizontal="left" vertical="center" shrinkToFit="1"/>
    </xf>
    <xf numFmtId="0" fontId="15" fillId="0" borderId="66" xfId="2" applyFont="1" applyBorder="1" applyAlignment="1">
      <alignment horizontal="left" vertical="center" wrapText="1" shrinkToFit="1"/>
    </xf>
    <xf numFmtId="0" fontId="15" fillId="0" borderId="1" xfId="2" applyFont="1" applyBorder="1" applyAlignment="1">
      <alignment horizontal="left" vertical="center" wrapText="1" shrinkToFit="1"/>
    </xf>
    <xf numFmtId="0" fontId="15" fillId="0" borderId="67" xfId="2" applyFont="1" applyBorder="1" applyAlignment="1">
      <alignment horizontal="left" vertical="center" wrapText="1" shrinkToFit="1"/>
    </xf>
    <xf numFmtId="0" fontId="11" fillId="0" borderId="21" xfId="1" applyFont="1" applyBorder="1" applyAlignment="1">
      <alignment horizontal="center" vertical="center" wrapText="1" shrinkToFit="1"/>
    </xf>
    <xf numFmtId="0" fontId="30" fillId="0" borderId="23" xfId="1" applyFont="1" applyBorder="1" applyAlignment="1">
      <alignment horizontal="center" vertical="center" wrapText="1" shrinkToFit="1"/>
    </xf>
    <xf numFmtId="0" fontId="32" fillId="2" borderId="87" xfId="2" applyFont="1" applyFill="1" applyBorder="1" applyAlignment="1">
      <alignment horizontal="left" vertical="center" wrapText="1" shrinkToFit="1"/>
    </xf>
    <xf numFmtId="0" fontId="12" fillId="2" borderId="88" xfId="2" applyFont="1" applyFill="1" applyBorder="1" applyAlignment="1">
      <alignment horizontal="left" vertical="center" wrapText="1" shrinkToFit="1"/>
    </xf>
    <xf numFmtId="0" fontId="11" fillId="0" borderId="61" xfId="1" applyFont="1" applyBorder="1" applyAlignment="1">
      <alignment horizontal="center" vertical="center" wrapText="1" shrinkToFit="1"/>
    </xf>
    <xf numFmtId="0" fontId="30" fillId="0" borderId="62" xfId="1" applyFont="1" applyBorder="1" applyAlignment="1">
      <alignment horizontal="center" vertical="center" wrapText="1" shrinkToFit="1"/>
    </xf>
    <xf numFmtId="0" fontId="11" fillId="2" borderId="21" xfId="1" applyFont="1" applyFill="1" applyBorder="1" applyAlignment="1">
      <alignment horizontal="center" vertical="center" wrapText="1" shrinkToFit="1"/>
    </xf>
    <xf numFmtId="0" fontId="30" fillId="2" borderId="112" xfId="1" applyFont="1" applyFill="1" applyBorder="1" applyAlignment="1">
      <alignment horizontal="center" vertical="center" wrapText="1" shrinkToFit="1"/>
    </xf>
    <xf numFmtId="0" fontId="15" fillId="2" borderId="10" xfId="2" applyFont="1" applyFill="1" applyBorder="1" applyAlignment="1">
      <alignment horizontal="left" vertical="distributed" wrapText="1" shrinkToFit="1"/>
    </xf>
    <xf numFmtId="0" fontId="15" fillId="2" borderId="97" xfId="2" applyFont="1" applyFill="1" applyBorder="1" applyAlignment="1">
      <alignment horizontal="left" vertical="distributed" wrapText="1" shrinkToFit="1"/>
    </xf>
    <xf numFmtId="0" fontId="15" fillId="2" borderId="17" xfId="2" applyFont="1" applyFill="1" applyBorder="1" applyAlignment="1">
      <alignment vertical="center" wrapText="1" shrinkToFit="1"/>
    </xf>
    <xf numFmtId="0" fontId="15" fillId="2" borderId="19" xfId="2" applyFont="1" applyFill="1" applyBorder="1" applyAlignment="1">
      <alignment vertical="center" wrapText="1" shrinkToFit="1"/>
    </xf>
    <xf numFmtId="0" fontId="15" fillId="2" borderId="79" xfId="2" applyFont="1" applyFill="1" applyBorder="1" applyAlignment="1">
      <alignment vertical="center" wrapText="1" shrinkToFit="1"/>
    </xf>
    <xf numFmtId="0" fontId="15" fillId="2" borderId="18" xfId="2" applyFont="1" applyFill="1" applyBorder="1" applyAlignment="1">
      <alignment horizontal="left" vertical="distributed" wrapText="1" shrinkToFit="1"/>
    </xf>
    <xf numFmtId="0" fontId="15" fillId="2" borderId="79" xfId="2" applyFont="1" applyFill="1" applyBorder="1" applyAlignment="1">
      <alignment horizontal="left" vertical="distributed" wrapText="1" shrinkToFit="1"/>
    </xf>
    <xf numFmtId="0" fontId="15" fillId="2" borderId="18" xfId="2" applyFont="1" applyFill="1" applyBorder="1" applyAlignment="1">
      <alignment horizontal="left" vertical="center" wrapText="1" shrinkToFit="1"/>
    </xf>
    <xf numFmtId="0" fontId="15" fillId="2" borderId="65" xfId="2" applyFont="1" applyFill="1" applyBorder="1" applyAlignment="1">
      <alignment horizontal="left" vertical="center" wrapText="1" shrinkToFit="1"/>
    </xf>
    <xf numFmtId="0" fontId="15" fillId="2" borderId="8" xfId="2" applyFont="1" applyFill="1" applyBorder="1" applyAlignment="1">
      <alignment vertical="center" wrapText="1" shrinkToFit="1"/>
    </xf>
    <xf numFmtId="0" fontId="15" fillId="2" borderId="10" xfId="2" applyFont="1" applyFill="1" applyBorder="1" applyAlignment="1">
      <alignment vertical="center" wrapText="1" shrinkToFit="1"/>
    </xf>
    <xf numFmtId="0" fontId="15" fillId="2" borderId="81" xfId="2" applyFont="1" applyFill="1" applyBorder="1" applyAlignment="1">
      <alignment vertical="center" wrapText="1" shrinkToFit="1"/>
    </xf>
    <xf numFmtId="0" fontId="15" fillId="2" borderId="9" xfId="2" applyFont="1" applyFill="1" applyBorder="1" applyAlignment="1">
      <alignment horizontal="left" vertical="distributed" wrapText="1" shrinkToFit="1"/>
    </xf>
    <xf numFmtId="0" fontId="15" fillId="2" borderId="81" xfId="2" applyFont="1" applyFill="1" applyBorder="1" applyAlignment="1">
      <alignment horizontal="left" vertical="distributed" wrapText="1" shrinkToFit="1"/>
    </xf>
    <xf numFmtId="0" fontId="15" fillId="2" borderId="9" xfId="2" applyFont="1" applyFill="1" applyBorder="1" applyAlignment="1">
      <alignment horizontal="left" vertical="center" wrapText="1" shrinkToFit="1"/>
    </xf>
    <xf numFmtId="0" fontId="15" fillId="2" borderId="97" xfId="2" applyFont="1" applyFill="1" applyBorder="1" applyAlignment="1">
      <alignment horizontal="left" vertical="center" wrapText="1" shrinkToFit="1"/>
    </xf>
    <xf numFmtId="0" fontId="15" fillId="2" borderId="82" xfId="2" applyFont="1" applyFill="1" applyBorder="1" applyAlignment="1">
      <alignment horizontal="left" vertical="distributed" wrapText="1" shrinkToFit="1"/>
    </xf>
    <xf numFmtId="0" fontId="15" fillId="2" borderId="56" xfId="2" applyFont="1" applyFill="1" applyBorder="1" applyAlignment="1">
      <alignment horizontal="left" vertical="distributed" wrapText="1" shrinkToFit="1"/>
    </xf>
    <xf numFmtId="0" fontId="15" fillId="2" borderId="83" xfId="2" applyFont="1" applyFill="1" applyBorder="1" applyAlignment="1">
      <alignment horizontal="left" vertical="distributed" wrapText="1" shrinkToFit="1"/>
    </xf>
    <xf numFmtId="0" fontId="15" fillId="0" borderId="24" xfId="2" applyFont="1" applyBorder="1" applyAlignment="1">
      <alignment horizontal="left" vertical="center" wrapText="1" shrinkToFit="1"/>
    </xf>
    <xf numFmtId="0" fontId="15" fillId="0" borderId="26" xfId="2" applyFont="1" applyBorder="1" applyAlignment="1">
      <alignment horizontal="left" vertical="center" wrapText="1" shrinkToFit="1"/>
    </xf>
    <xf numFmtId="0" fontId="15" fillId="0" borderId="54" xfId="2" applyFont="1" applyBorder="1" applyAlignment="1">
      <alignment horizontal="left" vertical="center" wrapText="1" shrinkToFit="1"/>
    </xf>
    <xf numFmtId="0" fontId="30" fillId="0" borderId="0" xfId="2" applyFont="1" applyAlignment="1">
      <alignment vertical="center" wrapText="1" shrinkToFit="1"/>
    </xf>
    <xf numFmtId="0" fontId="30" fillId="0" borderId="68" xfId="2" applyFont="1" applyBorder="1" applyAlignment="1">
      <alignment vertical="center" wrapText="1" shrinkToFit="1"/>
    </xf>
    <xf numFmtId="0" fontId="11" fillId="0" borderId="144" xfId="1" applyFont="1" applyBorder="1" applyAlignment="1">
      <alignment horizontal="center" vertical="center" wrapText="1" shrinkToFit="1"/>
    </xf>
    <xf numFmtId="0" fontId="30" fillId="0" borderId="144" xfId="1" applyFont="1" applyBorder="1" applyAlignment="1">
      <alignment horizontal="center" vertical="center" wrapText="1" shrinkToFit="1"/>
    </xf>
    <xf numFmtId="0" fontId="30" fillId="0" borderId="145" xfId="1" applyFont="1" applyBorder="1" applyAlignment="1">
      <alignment horizontal="center" vertical="center" wrapText="1" shrinkToFit="1"/>
    </xf>
    <xf numFmtId="0" fontId="25" fillId="2" borderId="146" xfId="2" applyFont="1" applyFill="1" applyBorder="1" applyAlignment="1">
      <alignment horizontal="center" vertical="center" shrinkToFit="1"/>
    </xf>
    <xf numFmtId="0" fontId="25" fillId="2" borderId="147" xfId="2" applyFont="1" applyFill="1" applyBorder="1" applyAlignment="1">
      <alignment horizontal="center" vertical="center" shrinkToFit="1"/>
    </xf>
  </cellXfs>
  <cellStyles count="3">
    <cellStyle name="標準" xfId="0" builtinId="0"/>
    <cellStyle name="標準 2" xfId="2" xr:uid="{588F531A-51C1-47E8-BB7A-B21CDC7F88E4}"/>
    <cellStyle name="標準 8" xfId="1" xr:uid="{A4BDB8BB-9A34-4B31-925B-A7485C74192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4.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externalLink" Target="externalLinks/externalLink3.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11" Type="http://schemas.openxmlformats.org/officeDocument/2006/relationships/theme" Target="theme/theme1.xml"/><Relationship Id="rId5" Type="http://schemas.openxmlformats.org/officeDocument/2006/relationships/externalLink" Target="externalLinks/externalLink1.xml"/><Relationship Id="rId10" Type="http://schemas.openxmlformats.org/officeDocument/2006/relationships/externalLink" Target="externalLinks/externalLink6.xml"/><Relationship Id="rId4" Type="http://schemas.openxmlformats.org/officeDocument/2006/relationships/worksheet" Target="worksheets/sheet4.xml"/><Relationship Id="rId9" Type="http://schemas.openxmlformats.org/officeDocument/2006/relationships/externalLink" Target="externalLinks/externalLink5.xml"/><Relationship Id="rId14"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1" Type="http://schemas.openxmlformats.org/officeDocument/2006/relationships/image" Target="../media/image3.png"/></Relationships>
</file>

<file path=xl/drawings/_rels/drawing4.xml.rels><?xml version="1.0" encoding="UTF-8" standalone="yes"?>
<Relationships xmlns="http://schemas.openxmlformats.org/package/2006/relationships"><Relationship Id="rId1" Type="http://schemas.openxmlformats.org/officeDocument/2006/relationships/image" Target="../media/image4.png"/></Relationships>
</file>

<file path=xl/drawings/drawing1.xml><?xml version="1.0" encoding="utf-8"?>
<xdr:wsDr xmlns:xdr="http://schemas.openxmlformats.org/drawingml/2006/spreadsheetDrawing" xmlns:a="http://schemas.openxmlformats.org/drawingml/2006/main">
  <xdr:twoCellAnchor>
    <xdr:from>
      <xdr:col>1</xdr:col>
      <xdr:colOff>228600</xdr:colOff>
      <xdr:row>6</xdr:row>
      <xdr:rowOff>1828800</xdr:rowOff>
    </xdr:from>
    <xdr:to>
      <xdr:col>16</xdr:col>
      <xdr:colOff>3079750</xdr:colOff>
      <xdr:row>8</xdr:row>
      <xdr:rowOff>4114800</xdr:rowOff>
    </xdr:to>
    <xdr:sp macro="" textlink="">
      <xdr:nvSpPr>
        <xdr:cNvPr id="2" name="四角形: 角を丸くする 1">
          <a:extLst>
            <a:ext uri="{FF2B5EF4-FFF2-40B4-BE49-F238E27FC236}">
              <a16:creationId xmlns:a16="http://schemas.microsoft.com/office/drawing/2014/main" id="{74BC6816-33C0-4E60-B498-831000146FB7}"/>
            </a:ext>
          </a:extLst>
        </xdr:cNvPr>
        <xdr:cNvSpPr/>
      </xdr:nvSpPr>
      <xdr:spPr>
        <a:xfrm>
          <a:off x="441960" y="12245340"/>
          <a:ext cx="34717990" cy="11460480"/>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indent="177800" algn="l">
            <a:lnSpc>
              <a:spcPct val="115000"/>
            </a:lnSpc>
            <a:spcAft>
              <a:spcPts val="0"/>
            </a:spcAft>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提出後の流れ　～改善に向けて～　】</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は、立入検査等により飼養衛生管理の状況を再確認し、</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チェックボックスに「○」、「△」、「</a:t>
          </a:r>
          <a:r>
            <a:rPr lang="en-US" altLang="ja-JP"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又は「－」（非該当）を記入する。</a:t>
          </a: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が必要な項目については</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記入欄に改善指導の内容を記入し、</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に提供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指導があった場合、</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は指導内容を飼養衛生管理マニュアルに反映させ、実行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twoCellAnchor>
    <xdr:from>
      <xdr:col>4</xdr:col>
      <xdr:colOff>228600</xdr:colOff>
      <xdr:row>7</xdr:row>
      <xdr:rowOff>2667000</xdr:rowOff>
    </xdr:from>
    <xdr:to>
      <xdr:col>16</xdr:col>
      <xdr:colOff>635000</xdr:colOff>
      <xdr:row>8</xdr:row>
      <xdr:rowOff>3967162</xdr:rowOff>
    </xdr:to>
    <xdr:grpSp>
      <xdr:nvGrpSpPr>
        <xdr:cNvPr id="3" name="グループ化 2">
          <a:extLst>
            <a:ext uri="{FF2B5EF4-FFF2-40B4-BE49-F238E27FC236}">
              <a16:creationId xmlns:a16="http://schemas.microsoft.com/office/drawing/2014/main" id="{BCF32A67-A828-4AE2-B3F9-E8BC6E2C2FAB}"/>
            </a:ext>
          </a:extLst>
        </xdr:cNvPr>
        <xdr:cNvGrpSpPr/>
      </xdr:nvGrpSpPr>
      <xdr:grpSpPr>
        <a:xfrm>
          <a:off x="1996440" y="17693640"/>
          <a:ext cx="30886400" cy="5902642"/>
          <a:chOff x="-57531" y="0"/>
          <a:chExt cx="5836260" cy="1973822"/>
        </a:xfrm>
      </xdr:grpSpPr>
      <xdr:sp macro="" textlink="">
        <xdr:nvSpPr>
          <xdr:cNvPr id="4" name="テキスト ボックス 24">
            <a:extLst>
              <a:ext uri="{FF2B5EF4-FFF2-40B4-BE49-F238E27FC236}">
                <a16:creationId xmlns:a16="http://schemas.microsoft.com/office/drawing/2014/main" id="{5F664F77-200A-8B44-1FEE-CA4EF54703D0}"/>
              </a:ext>
            </a:extLst>
          </xdr:cNvPr>
          <xdr:cNvSpPr txBox="1"/>
        </xdr:nvSpPr>
        <xdr:spPr>
          <a:xfrm>
            <a:off x="2003998" y="0"/>
            <a:ext cx="1375933"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自己</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点検</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改善計画策定）</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5" name="テキスト ボックス 25">
            <a:extLst>
              <a:ext uri="{FF2B5EF4-FFF2-40B4-BE49-F238E27FC236}">
                <a16:creationId xmlns:a16="http://schemas.microsoft.com/office/drawing/2014/main" id="{0F25A32A-D5DC-84CB-AA21-12F647ABD59E}"/>
              </a:ext>
            </a:extLst>
          </xdr:cNvPr>
          <xdr:cNvSpPr txBox="1"/>
        </xdr:nvSpPr>
        <xdr:spPr>
          <a:xfrm>
            <a:off x="4065528" y="733425"/>
            <a:ext cx="1713201"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が確認・指導</a:t>
            </a:r>
          </a:p>
        </xdr:txBody>
      </xdr:sp>
      <xdr:sp macro="" textlink="">
        <xdr:nvSpPr>
          <xdr:cNvPr id="6" name="テキスト ボックス 43">
            <a:extLst>
              <a:ext uri="{FF2B5EF4-FFF2-40B4-BE49-F238E27FC236}">
                <a16:creationId xmlns:a16="http://schemas.microsoft.com/office/drawing/2014/main" id="{B148976E-9810-8FD8-1E18-4C2EB8107924}"/>
              </a:ext>
            </a:extLst>
          </xdr:cNvPr>
          <xdr:cNvSpPr txBox="1"/>
        </xdr:nvSpPr>
        <xdr:spPr>
          <a:xfrm>
            <a:off x="-57531" y="803371"/>
            <a:ext cx="1295400"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実</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　　　</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行</a:t>
            </a:r>
          </a:p>
        </xdr:txBody>
      </xdr:sp>
      <xdr:sp macro="" textlink="">
        <xdr:nvSpPr>
          <xdr:cNvPr id="7" name="テキスト ボックス 44">
            <a:extLst>
              <a:ext uri="{FF2B5EF4-FFF2-40B4-BE49-F238E27FC236}">
                <a16:creationId xmlns:a16="http://schemas.microsoft.com/office/drawing/2014/main" id="{A0F1F4D9-7300-3A91-D84A-C950E71A1EC0}"/>
              </a:ext>
            </a:extLst>
          </xdr:cNvPr>
          <xdr:cNvSpPr txBox="1"/>
        </xdr:nvSpPr>
        <xdr:spPr>
          <a:xfrm>
            <a:off x="1927684" y="1455662"/>
            <a:ext cx="1626569"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指導内容を</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マニュアル</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等</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に反映</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8" name="矢印: 右 7">
            <a:extLst>
              <a:ext uri="{FF2B5EF4-FFF2-40B4-BE49-F238E27FC236}">
                <a16:creationId xmlns:a16="http://schemas.microsoft.com/office/drawing/2014/main" id="{96101FEC-2A33-6289-9EAA-1D114F118057}"/>
              </a:ext>
            </a:extLst>
          </xdr:cNvPr>
          <xdr:cNvSpPr/>
        </xdr:nvSpPr>
        <xdr:spPr>
          <a:xfrm rot="2460018">
            <a:off x="3600450" y="419100"/>
            <a:ext cx="340995" cy="28638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9" name="矢印: 右 8">
            <a:extLst>
              <a:ext uri="{FF2B5EF4-FFF2-40B4-BE49-F238E27FC236}">
                <a16:creationId xmlns:a16="http://schemas.microsoft.com/office/drawing/2014/main" id="{5841AB45-1247-94B2-31C8-F9A59604D76D}"/>
              </a:ext>
            </a:extLst>
          </xdr:cNvPr>
          <xdr:cNvSpPr/>
        </xdr:nvSpPr>
        <xdr:spPr>
          <a:xfrm rot="13260000">
            <a:off x="1447228" y="1206549"/>
            <a:ext cx="34020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0" name="矢印: 右 9">
            <a:extLst>
              <a:ext uri="{FF2B5EF4-FFF2-40B4-BE49-F238E27FC236}">
                <a16:creationId xmlns:a16="http://schemas.microsoft.com/office/drawing/2014/main" id="{3BAB7AA7-98C8-4294-E80E-87D4DB8ABBB0}"/>
              </a:ext>
            </a:extLst>
          </xdr:cNvPr>
          <xdr:cNvSpPr/>
        </xdr:nvSpPr>
        <xdr:spPr>
          <a:xfrm rot="7860000">
            <a:off x="3542665" y="1200150"/>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1" name="矢印: 右 10">
            <a:extLst>
              <a:ext uri="{FF2B5EF4-FFF2-40B4-BE49-F238E27FC236}">
                <a16:creationId xmlns:a16="http://schemas.microsoft.com/office/drawing/2014/main" id="{5D168B40-24F9-C3EB-2F88-CCC5735678E0}"/>
              </a:ext>
            </a:extLst>
          </xdr:cNvPr>
          <xdr:cNvSpPr/>
        </xdr:nvSpPr>
        <xdr:spPr>
          <a:xfrm rot="18660000">
            <a:off x="1523047" y="465773"/>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grpSp>
    <xdr:clientData/>
  </xdr:twoCellAnchor>
  <xdr:twoCellAnchor>
    <xdr:from>
      <xdr:col>1</xdr:col>
      <xdr:colOff>190500</xdr:colOff>
      <xdr:row>2</xdr:row>
      <xdr:rowOff>304800</xdr:rowOff>
    </xdr:from>
    <xdr:to>
      <xdr:col>11</xdr:col>
      <xdr:colOff>2209800</xdr:colOff>
      <xdr:row>2</xdr:row>
      <xdr:rowOff>1447800</xdr:rowOff>
    </xdr:to>
    <xdr:sp macro="" textlink="">
      <xdr:nvSpPr>
        <xdr:cNvPr id="12" name="テキスト ボックス 11">
          <a:extLst>
            <a:ext uri="{FF2B5EF4-FFF2-40B4-BE49-F238E27FC236}">
              <a16:creationId xmlns:a16="http://schemas.microsoft.com/office/drawing/2014/main" id="{E55DF31F-A14F-4DF1-A8D9-AFBB55A0D365}"/>
            </a:ext>
          </a:extLst>
        </xdr:cNvPr>
        <xdr:cNvSpPr txBox="1"/>
      </xdr:nvSpPr>
      <xdr:spPr>
        <a:xfrm>
          <a:off x="403860" y="7787640"/>
          <a:ext cx="13479780" cy="11430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4400">
              <a:latin typeface="ＭＳ 明朝" panose="02020609040205080304" pitchFamily="17" charset="-128"/>
              <a:ea typeface="ＭＳ 明朝" panose="02020609040205080304" pitchFamily="17" charset="-128"/>
            </a:rPr>
            <a:t>【</a:t>
          </a:r>
          <a:r>
            <a:rPr kumimoji="1" lang="ja-JP" altLang="en-US" sz="4400">
              <a:latin typeface="ＭＳ 明朝" panose="02020609040205080304" pitchFamily="17" charset="-128"/>
              <a:ea typeface="ＭＳ 明朝" panose="02020609040205080304" pitchFamily="17" charset="-128"/>
            </a:rPr>
            <a:t>　評価基準の目安　</a:t>
          </a:r>
          <a:r>
            <a:rPr kumimoji="1" lang="en-US" altLang="ja-JP" sz="4400">
              <a:latin typeface="ＭＳ 明朝" panose="02020609040205080304" pitchFamily="17" charset="-128"/>
              <a:ea typeface="ＭＳ 明朝" panose="02020609040205080304" pitchFamily="17" charset="-128"/>
            </a:rPr>
            <a:t>】</a:t>
          </a:r>
          <a:endParaRPr kumimoji="1" lang="ja-JP" altLang="en-US" sz="4400">
            <a:latin typeface="ＭＳ 明朝" panose="02020609040205080304" pitchFamily="17" charset="-128"/>
            <a:ea typeface="ＭＳ 明朝" panose="02020609040205080304" pitchFamily="17" charset="-128"/>
          </a:endParaRPr>
        </a:p>
      </xdr:txBody>
    </xdr:sp>
    <xdr:clientData/>
  </xdr:twoCellAnchor>
  <xdr:twoCellAnchor editAs="oneCell">
    <xdr:from>
      <xdr:col>3</xdr:col>
      <xdr:colOff>0</xdr:colOff>
      <xdr:row>15</xdr:row>
      <xdr:rowOff>381000</xdr:rowOff>
    </xdr:from>
    <xdr:to>
      <xdr:col>13</xdr:col>
      <xdr:colOff>0</xdr:colOff>
      <xdr:row>18</xdr:row>
      <xdr:rowOff>3399323</xdr:rowOff>
    </xdr:to>
    <xdr:pic>
      <xdr:nvPicPr>
        <xdr:cNvPr id="13" name="図 12">
          <a:extLst>
            <a:ext uri="{FF2B5EF4-FFF2-40B4-BE49-F238E27FC236}">
              <a16:creationId xmlns:a16="http://schemas.microsoft.com/office/drawing/2014/main" id="{86551C42-3DF1-417D-82BE-387EFBCAB72E}"/>
            </a:ext>
          </a:extLst>
        </xdr:cNvPr>
        <xdr:cNvPicPr>
          <a:picLocks noChangeAspect="1"/>
        </xdr:cNvPicPr>
      </xdr:nvPicPr>
      <xdr:blipFill>
        <a:blip xmlns:r="http://schemas.openxmlformats.org/officeDocument/2006/relationships" r:embed="rId1"/>
        <a:stretch>
          <a:fillRect/>
        </a:stretch>
      </xdr:blipFill>
      <xdr:spPr>
        <a:xfrm>
          <a:off x="1219200" y="30556200"/>
          <a:ext cx="18379440" cy="12360443"/>
        </a:xfrm>
        <a:prstGeom prst="rect">
          <a:avLst/>
        </a:prstGeom>
      </xdr:spPr>
    </xdr:pic>
    <xdr:clientData/>
  </xdr:twoCellAnchor>
  <xdr:twoCellAnchor>
    <xdr:from>
      <xdr:col>2</xdr:col>
      <xdr:colOff>0</xdr:colOff>
      <xdr:row>2</xdr:row>
      <xdr:rowOff>1333500</xdr:rowOff>
    </xdr:from>
    <xdr:to>
      <xdr:col>19</xdr:col>
      <xdr:colOff>990600</xdr:colOff>
      <xdr:row>6</xdr:row>
      <xdr:rowOff>914400</xdr:rowOff>
    </xdr:to>
    <xdr:sp macro="" textlink="">
      <xdr:nvSpPr>
        <xdr:cNvPr id="14" name="テキスト ボックス 13">
          <a:extLst>
            <a:ext uri="{FF2B5EF4-FFF2-40B4-BE49-F238E27FC236}">
              <a16:creationId xmlns:a16="http://schemas.microsoft.com/office/drawing/2014/main" id="{6F7F9D4A-C178-4064-BE9F-62B459EED526}"/>
            </a:ext>
          </a:extLst>
        </xdr:cNvPr>
        <xdr:cNvSpPr txBox="1"/>
      </xdr:nvSpPr>
      <xdr:spPr>
        <a:xfrm>
          <a:off x="716280" y="8816340"/>
          <a:ext cx="36880800" cy="25146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4400">
              <a:solidFill>
                <a:sysClr val="windowText" lastClr="000000"/>
              </a:solidFill>
              <a:latin typeface="ＭＳ 明朝" panose="02020609040205080304" pitchFamily="17" charset="-128"/>
              <a:ea typeface="ＭＳ 明朝" panose="02020609040205080304" pitchFamily="17" charset="-128"/>
            </a:rPr>
            <a:t>できている：項目の内容が遵守できている場合</a:t>
          </a:r>
        </a:p>
        <a:p>
          <a:r>
            <a:rPr kumimoji="1" lang="ja-JP" altLang="en-US" sz="4400">
              <a:solidFill>
                <a:sysClr val="windowText" lastClr="000000"/>
              </a:solidFill>
              <a:latin typeface="ＭＳ 明朝" panose="02020609040205080304" pitchFamily="17" charset="-128"/>
              <a:ea typeface="ＭＳ 明朝" panose="02020609040205080304" pitchFamily="17" charset="-128"/>
            </a:rPr>
            <a:t>一部できている：できている項目とできていない項目が両方ある場合</a:t>
          </a:r>
          <a:endParaRPr kumimoji="1" lang="en-US" altLang="ja-JP" sz="4400">
            <a:solidFill>
              <a:sysClr val="windowText" lastClr="000000"/>
            </a:solidFill>
            <a:latin typeface="ＭＳ 明朝" panose="02020609040205080304" pitchFamily="17" charset="-128"/>
            <a:ea typeface="ＭＳ 明朝" panose="02020609040205080304" pitchFamily="17" charset="-128"/>
          </a:endParaRPr>
        </a:p>
        <a:p>
          <a:r>
            <a:rPr kumimoji="1" lang="ja-JP" altLang="en-US" sz="4400">
              <a:solidFill>
                <a:sysClr val="windowText" lastClr="000000"/>
              </a:solidFill>
              <a:latin typeface="ＭＳ 明朝" panose="02020609040205080304" pitchFamily="17" charset="-128"/>
              <a:ea typeface="ＭＳ 明朝" panose="02020609040205080304" pitchFamily="17" charset="-128"/>
            </a:rPr>
            <a:t>できていない：項目の内容が不遵守の場合</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190500</xdr:colOff>
      <xdr:row>6</xdr:row>
      <xdr:rowOff>0</xdr:rowOff>
    </xdr:from>
    <xdr:to>
      <xdr:col>14</xdr:col>
      <xdr:colOff>2049780</xdr:colOff>
      <xdr:row>8</xdr:row>
      <xdr:rowOff>3924300</xdr:rowOff>
    </xdr:to>
    <xdr:sp macro="" textlink="">
      <xdr:nvSpPr>
        <xdr:cNvPr id="2" name="四角形: 角を丸くする 1">
          <a:extLst>
            <a:ext uri="{FF2B5EF4-FFF2-40B4-BE49-F238E27FC236}">
              <a16:creationId xmlns:a16="http://schemas.microsoft.com/office/drawing/2014/main" id="{50AD82A1-01D7-41F7-9EFD-597724CDFEA1}"/>
            </a:ext>
          </a:extLst>
        </xdr:cNvPr>
        <xdr:cNvSpPr/>
      </xdr:nvSpPr>
      <xdr:spPr>
        <a:xfrm>
          <a:off x="190500" y="12115800"/>
          <a:ext cx="25618440" cy="11574780"/>
        </a:xfrm>
        <a:prstGeom prst="round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indent="177800" algn="l">
            <a:lnSpc>
              <a:spcPct val="115000"/>
            </a:lnSpc>
            <a:spcAft>
              <a:spcPts val="0"/>
            </a:spcAft>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提出後の流れ　～改善に向けて～　】</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は、立入検査等により飼養衛生管理の状況を再確認し、家畜防疫員チェックボックスに「〇」、「△」、「</a:t>
          </a:r>
          <a:r>
            <a:rPr lang="en-US" alt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又は「－」（非該当）を記入する。</a:t>
          </a: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が必要な項目については</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記入欄に改善指導の内容を記入し、</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に提供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指導があった場合、</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は指導内容を飼養衛生管理マニュアルに反映させ、実行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twoCellAnchor>
    <xdr:from>
      <xdr:col>3</xdr:col>
      <xdr:colOff>152400</xdr:colOff>
      <xdr:row>7</xdr:row>
      <xdr:rowOff>1524000</xdr:rowOff>
    </xdr:from>
    <xdr:to>
      <xdr:col>13</xdr:col>
      <xdr:colOff>3276599</xdr:colOff>
      <xdr:row>8</xdr:row>
      <xdr:rowOff>3586162</xdr:rowOff>
    </xdr:to>
    <xdr:grpSp>
      <xdr:nvGrpSpPr>
        <xdr:cNvPr id="3" name="グループ化 2">
          <a:extLst>
            <a:ext uri="{FF2B5EF4-FFF2-40B4-BE49-F238E27FC236}">
              <a16:creationId xmlns:a16="http://schemas.microsoft.com/office/drawing/2014/main" id="{D9058FC8-5DBD-4264-97D7-7D7E67D3209B}"/>
            </a:ext>
          </a:extLst>
        </xdr:cNvPr>
        <xdr:cNvGrpSpPr/>
      </xdr:nvGrpSpPr>
      <xdr:grpSpPr>
        <a:xfrm>
          <a:off x="1371600" y="17465040"/>
          <a:ext cx="21503639" cy="5887402"/>
          <a:chOff x="-57531" y="0"/>
          <a:chExt cx="6002406" cy="1973822"/>
        </a:xfrm>
      </xdr:grpSpPr>
      <xdr:sp macro="" textlink="">
        <xdr:nvSpPr>
          <xdr:cNvPr id="4" name="テキスト ボックス 24">
            <a:extLst>
              <a:ext uri="{FF2B5EF4-FFF2-40B4-BE49-F238E27FC236}">
                <a16:creationId xmlns:a16="http://schemas.microsoft.com/office/drawing/2014/main" id="{19407F58-77E1-AA65-93A7-3622FEC3D809}"/>
              </a:ext>
            </a:extLst>
          </xdr:cNvPr>
          <xdr:cNvSpPr txBox="1"/>
        </xdr:nvSpPr>
        <xdr:spPr>
          <a:xfrm>
            <a:off x="2003998" y="0"/>
            <a:ext cx="1375933"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自己</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点検</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改善計画策定）</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5" name="テキスト ボックス 25">
            <a:extLst>
              <a:ext uri="{FF2B5EF4-FFF2-40B4-BE49-F238E27FC236}">
                <a16:creationId xmlns:a16="http://schemas.microsoft.com/office/drawing/2014/main" id="{8E6EADAE-D5D6-81F9-C311-DF9407C5371E}"/>
              </a:ext>
            </a:extLst>
          </xdr:cNvPr>
          <xdr:cNvSpPr txBox="1"/>
        </xdr:nvSpPr>
        <xdr:spPr>
          <a:xfrm>
            <a:off x="4065528" y="733425"/>
            <a:ext cx="1879347"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が確認・指導</a:t>
            </a:r>
          </a:p>
        </xdr:txBody>
      </xdr:sp>
      <xdr:sp macro="" textlink="">
        <xdr:nvSpPr>
          <xdr:cNvPr id="6" name="テキスト ボックス 43">
            <a:extLst>
              <a:ext uri="{FF2B5EF4-FFF2-40B4-BE49-F238E27FC236}">
                <a16:creationId xmlns:a16="http://schemas.microsoft.com/office/drawing/2014/main" id="{C0AA6A54-FB11-1EAA-6469-5E7097EAC7D9}"/>
              </a:ext>
            </a:extLst>
          </xdr:cNvPr>
          <xdr:cNvSpPr txBox="1"/>
        </xdr:nvSpPr>
        <xdr:spPr>
          <a:xfrm>
            <a:off x="-57531" y="803371"/>
            <a:ext cx="1295400"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実</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　　　</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行</a:t>
            </a:r>
          </a:p>
        </xdr:txBody>
      </xdr:sp>
      <xdr:sp macro="" textlink="">
        <xdr:nvSpPr>
          <xdr:cNvPr id="7" name="テキスト ボックス 44">
            <a:extLst>
              <a:ext uri="{FF2B5EF4-FFF2-40B4-BE49-F238E27FC236}">
                <a16:creationId xmlns:a16="http://schemas.microsoft.com/office/drawing/2014/main" id="{6073EA6A-95EE-D853-1895-9F5CC2291521}"/>
              </a:ext>
            </a:extLst>
          </xdr:cNvPr>
          <xdr:cNvSpPr txBox="1"/>
        </xdr:nvSpPr>
        <xdr:spPr>
          <a:xfrm>
            <a:off x="1927684" y="1455662"/>
            <a:ext cx="1626569"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指導内容を</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マニュアル</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等</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に反映</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8" name="矢印: 右 7">
            <a:extLst>
              <a:ext uri="{FF2B5EF4-FFF2-40B4-BE49-F238E27FC236}">
                <a16:creationId xmlns:a16="http://schemas.microsoft.com/office/drawing/2014/main" id="{42A7EF73-A003-042C-B242-CB67E7DD7883}"/>
              </a:ext>
            </a:extLst>
          </xdr:cNvPr>
          <xdr:cNvSpPr/>
        </xdr:nvSpPr>
        <xdr:spPr>
          <a:xfrm rot="2460018">
            <a:off x="3600450" y="419100"/>
            <a:ext cx="340995" cy="28638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9" name="矢印: 右 8">
            <a:extLst>
              <a:ext uri="{FF2B5EF4-FFF2-40B4-BE49-F238E27FC236}">
                <a16:creationId xmlns:a16="http://schemas.microsoft.com/office/drawing/2014/main" id="{C89EBB31-F474-6583-045C-4C5E451694A8}"/>
              </a:ext>
            </a:extLst>
          </xdr:cNvPr>
          <xdr:cNvSpPr/>
        </xdr:nvSpPr>
        <xdr:spPr>
          <a:xfrm rot="13260000">
            <a:off x="1447228" y="1206549"/>
            <a:ext cx="34020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0" name="矢印: 右 9">
            <a:extLst>
              <a:ext uri="{FF2B5EF4-FFF2-40B4-BE49-F238E27FC236}">
                <a16:creationId xmlns:a16="http://schemas.microsoft.com/office/drawing/2014/main" id="{3126C6D0-AA5E-A6E6-59D7-691B528D52AC}"/>
              </a:ext>
            </a:extLst>
          </xdr:cNvPr>
          <xdr:cNvSpPr/>
        </xdr:nvSpPr>
        <xdr:spPr>
          <a:xfrm rot="7860000">
            <a:off x="3542665" y="1200150"/>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1" name="矢印: 右 10">
            <a:extLst>
              <a:ext uri="{FF2B5EF4-FFF2-40B4-BE49-F238E27FC236}">
                <a16:creationId xmlns:a16="http://schemas.microsoft.com/office/drawing/2014/main" id="{A7F8FA77-D9BA-022E-320B-80DC2708973B}"/>
              </a:ext>
            </a:extLst>
          </xdr:cNvPr>
          <xdr:cNvSpPr/>
        </xdr:nvSpPr>
        <xdr:spPr>
          <a:xfrm rot="18660000">
            <a:off x="1523047" y="465773"/>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grpSp>
    <xdr:clientData/>
  </xdr:twoCellAnchor>
  <xdr:twoCellAnchor>
    <xdr:from>
      <xdr:col>1</xdr:col>
      <xdr:colOff>0</xdr:colOff>
      <xdr:row>2</xdr:row>
      <xdr:rowOff>114300</xdr:rowOff>
    </xdr:from>
    <xdr:to>
      <xdr:col>11</xdr:col>
      <xdr:colOff>3124200</xdr:colOff>
      <xdr:row>2</xdr:row>
      <xdr:rowOff>1257300</xdr:rowOff>
    </xdr:to>
    <xdr:sp macro="" textlink="">
      <xdr:nvSpPr>
        <xdr:cNvPr id="12" name="テキスト ボックス 11">
          <a:extLst>
            <a:ext uri="{FF2B5EF4-FFF2-40B4-BE49-F238E27FC236}">
              <a16:creationId xmlns:a16="http://schemas.microsoft.com/office/drawing/2014/main" id="{A7656A29-D224-4309-BA54-4E9E5A7C37B9}"/>
            </a:ext>
          </a:extLst>
        </xdr:cNvPr>
        <xdr:cNvSpPr txBox="1"/>
      </xdr:nvSpPr>
      <xdr:spPr>
        <a:xfrm>
          <a:off x="213360" y="7597140"/>
          <a:ext cx="14500860" cy="11430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4400">
              <a:latin typeface="ＭＳ 明朝" panose="02020609040205080304" pitchFamily="17" charset="-128"/>
              <a:ea typeface="ＭＳ 明朝" panose="02020609040205080304" pitchFamily="17" charset="-128"/>
            </a:rPr>
            <a:t>【</a:t>
          </a:r>
          <a:r>
            <a:rPr kumimoji="1" lang="ja-JP" altLang="en-US" sz="4400">
              <a:latin typeface="ＭＳ 明朝" panose="02020609040205080304" pitchFamily="17" charset="-128"/>
              <a:ea typeface="ＭＳ 明朝" panose="02020609040205080304" pitchFamily="17" charset="-128"/>
            </a:rPr>
            <a:t>　評価基準の目安　</a:t>
          </a:r>
          <a:r>
            <a:rPr kumimoji="1" lang="en-US" altLang="ja-JP" sz="4400">
              <a:latin typeface="ＭＳ 明朝" panose="02020609040205080304" pitchFamily="17" charset="-128"/>
              <a:ea typeface="ＭＳ 明朝" panose="02020609040205080304" pitchFamily="17" charset="-128"/>
            </a:rPr>
            <a:t>】</a:t>
          </a:r>
          <a:endParaRPr kumimoji="1" lang="ja-JP" altLang="en-US" sz="4400">
            <a:latin typeface="ＭＳ 明朝" panose="02020609040205080304" pitchFamily="17" charset="-128"/>
            <a:ea typeface="ＭＳ 明朝" panose="02020609040205080304" pitchFamily="17" charset="-128"/>
          </a:endParaRPr>
        </a:p>
      </xdr:txBody>
    </xdr:sp>
    <xdr:clientData/>
  </xdr:twoCellAnchor>
  <xdr:twoCellAnchor editAs="oneCell">
    <xdr:from>
      <xdr:col>2</xdr:col>
      <xdr:colOff>266699</xdr:colOff>
      <xdr:row>15</xdr:row>
      <xdr:rowOff>304800</xdr:rowOff>
    </xdr:from>
    <xdr:to>
      <xdr:col>13</xdr:col>
      <xdr:colOff>4966</xdr:colOff>
      <xdr:row>18</xdr:row>
      <xdr:rowOff>3429000</xdr:rowOff>
    </xdr:to>
    <xdr:pic>
      <xdr:nvPicPr>
        <xdr:cNvPr id="13" name="図 12">
          <a:extLst>
            <a:ext uri="{FF2B5EF4-FFF2-40B4-BE49-F238E27FC236}">
              <a16:creationId xmlns:a16="http://schemas.microsoft.com/office/drawing/2014/main" id="{E3B3DA68-096F-4A3F-A7CD-CB907DE3E878}"/>
            </a:ext>
          </a:extLst>
        </xdr:cNvPr>
        <xdr:cNvPicPr>
          <a:picLocks noChangeAspect="1"/>
        </xdr:cNvPicPr>
      </xdr:nvPicPr>
      <xdr:blipFill>
        <a:blip xmlns:r="http://schemas.openxmlformats.org/officeDocument/2006/relationships" r:embed="rId1"/>
        <a:stretch>
          <a:fillRect/>
        </a:stretch>
      </xdr:blipFill>
      <xdr:spPr>
        <a:xfrm>
          <a:off x="982979" y="30655260"/>
          <a:ext cx="18613007" cy="12466320"/>
        </a:xfrm>
        <a:prstGeom prst="rect">
          <a:avLst/>
        </a:prstGeom>
      </xdr:spPr>
    </xdr:pic>
    <xdr:clientData/>
  </xdr:twoCellAnchor>
  <xdr:twoCellAnchor>
    <xdr:from>
      <xdr:col>2</xdr:col>
      <xdr:colOff>76200</xdr:colOff>
      <xdr:row>2</xdr:row>
      <xdr:rowOff>1447800</xdr:rowOff>
    </xdr:from>
    <xdr:to>
      <xdr:col>18</xdr:col>
      <xdr:colOff>1257300</xdr:colOff>
      <xdr:row>3</xdr:row>
      <xdr:rowOff>76200</xdr:rowOff>
    </xdr:to>
    <xdr:sp macro="" textlink="">
      <xdr:nvSpPr>
        <xdr:cNvPr id="14" name="テキスト ボックス 13">
          <a:extLst>
            <a:ext uri="{FF2B5EF4-FFF2-40B4-BE49-F238E27FC236}">
              <a16:creationId xmlns:a16="http://schemas.microsoft.com/office/drawing/2014/main" id="{40202DA4-2131-4034-99C1-43D8FDCAD852}"/>
            </a:ext>
          </a:extLst>
        </xdr:cNvPr>
        <xdr:cNvSpPr txBox="1"/>
      </xdr:nvSpPr>
      <xdr:spPr>
        <a:xfrm>
          <a:off x="792480" y="8930640"/>
          <a:ext cx="36911280" cy="249174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4400">
              <a:solidFill>
                <a:sysClr val="windowText" lastClr="000000"/>
              </a:solidFill>
              <a:latin typeface="ＭＳ 明朝" panose="02020609040205080304" pitchFamily="17" charset="-128"/>
              <a:ea typeface="ＭＳ 明朝" panose="02020609040205080304" pitchFamily="17" charset="-128"/>
            </a:rPr>
            <a:t>できている：項目の内容が遵守できている場合</a:t>
          </a:r>
        </a:p>
        <a:p>
          <a:r>
            <a:rPr kumimoji="1" lang="ja-JP" altLang="en-US" sz="4400">
              <a:solidFill>
                <a:sysClr val="windowText" lastClr="000000"/>
              </a:solidFill>
              <a:latin typeface="ＭＳ 明朝" panose="02020609040205080304" pitchFamily="17" charset="-128"/>
              <a:ea typeface="ＭＳ 明朝" panose="02020609040205080304" pitchFamily="17" charset="-128"/>
            </a:rPr>
            <a:t>一部できている：できている項目とできていない項目が両方ある場合</a:t>
          </a:r>
          <a:endParaRPr kumimoji="1" lang="en-US" altLang="ja-JP" sz="4400">
            <a:solidFill>
              <a:sysClr val="windowText" lastClr="000000"/>
            </a:solidFill>
            <a:latin typeface="ＭＳ 明朝" panose="02020609040205080304" pitchFamily="17" charset="-128"/>
            <a:ea typeface="ＭＳ 明朝" panose="02020609040205080304" pitchFamily="17" charset="-128"/>
          </a:endParaRPr>
        </a:p>
        <a:p>
          <a:r>
            <a:rPr kumimoji="1" lang="ja-JP" altLang="en-US" sz="4400">
              <a:solidFill>
                <a:sysClr val="windowText" lastClr="000000"/>
              </a:solidFill>
              <a:latin typeface="ＭＳ 明朝" panose="02020609040205080304" pitchFamily="17" charset="-128"/>
              <a:ea typeface="ＭＳ 明朝" panose="02020609040205080304" pitchFamily="17" charset="-128"/>
            </a:rPr>
            <a:t>できていない：項目の内容が不遵守の場合</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0</xdr:colOff>
      <xdr:row>6</xdr:row>
      <xdr:rowOff>0</xdr:rowOff>
    </xdr:from>
    <xdr:to>
      <xdr:col>14</xdr:col>
      <xdr:colOff>2255520</xdr:colOff>
      <xdr:row>8</xdr:row>
      <xdr:rowOff>3863340</xdr:rowOff>
    </xdr:to>
    <xdr:sp macro="" textlink="">
      <xdr:nvSpPr>
        <xdr:cNvPr id="2" name="四角形: 角を丸くする 1">
          <a:extLst>
            <a:ext uri="{FF2B5EF4-FFF2-40B4-BE49-F238E27FC236}">
              <a16:creationId xmlns:a16="http://schemas.microsoft.com/office/drawing/2014/main" id="{07ADE0A0-17E8-49F8-90CA-BD934037C1BB}"/>
            </a:ext>
          </a:extLst>
        </xdr:cNvPr>
        <xdr:cNvSpPr/>
      </xdr:nvSpPr>
      <xdr:spPr>
        <a:xfrm>
          <a:off x="213360" y="12496800"/>
          <a:ext cx="25801320" cy="11513820"/>
        </a:xfrm>
        <a:prstGeom prst="round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indent="177800" algn="l">
            <a:lnSpc>
              <a:spcPct val="115000"/>
            </a:lnSpc>
            <a:spcAft>
              <a:spcPts val="0"/>
            </a:spcAft>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提出後の流れ　～改善に向けて～　】</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は、立入検査等により飼養衛生管理の状況を再確認し、家畜防疫員チェックボックスに「〇」、「△」「</a:t>
          </a:r>
          <a:r>
            <a:rPr lang="en-US" alt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又は「－」（非該当）を記入する。</a:t>
          </a: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が必要な項目については</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記入欄に改善指導の内容を記入し、</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に提供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指導があった場合、</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は指導内容を飼養衛生管理マニュアルに反映させ、実行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twoCellAnchor>
    <xdr:from>
      <xdr:col>4</xdr:col>
      <xdr:colOff>7620</xdr:colOff>
      <xdr:row>7</xdr:row>
      <xdr:rowOff>1684020</xdr:rowOff>
    </xdr:from>
    <xdr:to>
      <xdr:col>14</xdr:col>
      <xdr:colOff>426719</xdr:colOff>
      <xdr:row>8</xdr:row>
      <xdr:rowOff>3715702</xdr:rowOff>
    </xdr:to>
    <xdr:grpSp>
      <xdr:nvGrpSpPr>
        <xdr:cNvPr id="3" name="グループ化 2">
          <a:extLst>
            <a:ext uri="{FF2B5EF4-FFF2-40B4-BE49-F238E27FC236}">
              <a16:creationId xmlns:a16="http://schemas.microsoft.com/office/drawing/2014/main" id="{69DF9617-5E9E-4E66-B799-9B66130139CF}"/>
            </a:ext>
          </a:extLst>
        </xdr:cNvPr>
        <xdr:cNvGrpSpPr/>
      </xdr:nvGrpSpPr>
      <xdr:grpSpPr>
        <a:xfrm>
          <a:off x="1729740" y="18006060"/>
          <a:ext cx="22456139" cy="5856922"/>
          <a:chOff x="-57531" y="0"/>
          <a:chExt cx="6002406" cy="1973822"/>
        </a:xfrm>
      </xdr:grpSpPr>
      <xdr:sp macro="" textlink="">
        <xdr:nvSpPr>
          <xdr:cNvPr id="4" name="テキスト ボックス 24">
            <a:extLst>
              <a:ext uri="{FF2B5EF4-FFF2-40B4-BE49-F238E27FC236}">
                <a16:creationId xmlns:a16="http://schemas.microsoft.com/office/drawing/2014/main" id="{3177FA5A-52FA-E97B-1C19-CCBE036DE81E}"/>
              </a:ext>
            </a:extLst>
          </xdr:cNvPr>
          <xdr:cNvSpPr txBox="1"/>
        </xdr:nvSpPr>
        <xdr:spPr>
          <a:xfrm>
            <a:off x="2003998" y="0"/>
            <a:ext cx="1375933"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自己</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点検</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改善計画策定）</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5" name="テキスト ボックス 25">
            <a:extLst>
              <a:ext uri="{FF2B5EF4-FFF2-40B4-BE49-F238E27FC236}">
                <a16:creationId xmlns:a16="http://schemas.microsoft.com/office/drawing/2014/main" id="{0869C18A-34EA-6937-8F7C-C0EAB4222D5E}"/>
              </a:ext>
            </a:extLst>
          </xdr:cNvPr>
          <xdr:cNvSpPr txBox="1"/>
        </xdr:nvSpPr>
        <xdr:spPr>
          <a:xfrm>
            <a:off x="4065528" y="733425"/>
            <a:ext cx="1879347"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が確認・指導</a:t>
            </a:r>
          </a:p>
        </xdr:txBody>
      </xdr:sp>
      <xdr:sp macro="" textlink="">
        <xdr:nvSpPr>
          <xdr:cNvPr id="6" name="テキスト ボックス 43">
            <a:extLst>
              <a:ext uri="{FF2B5EF4-FFF2-40B4-BE49-F238E27FC236}">
                <a16:creationId xmlns:a16="http://schemas.microsoft.com/office/drawing/2014/main" id="{932FB74E-C998-6BE4-8FF1-E4FBF1C2F37F}"/>
              </a:ext>
            </a:extLst>
          </xdr:cNvPr>
          <xdr:cNvSpPr txBox="1"/>
        </xdr:nvSpPr>
        <xdr:spPr>
          <a:xfrm>
            <a:off x="-57531" y="803371"/>
            <a:ext cx="1295400"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実</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　　　</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行</a:t>
            </a:r>
          </a:p>
        </xdr:txBody>
      </xdr:sp>
      <xdr:sp macro="" textlink="">
        <xdr:nvSpPr>
          <xdr:cNvPr id="7" name="テキスト ボックス 44">
            <a:extLst>
              <a:ext uri="{FF2B5EF4-FFF2-40B4-BE49-F238E27FC236}">
                <a16:creationId xmlns:a16="http://schemas.microsoft.com/office/drawing/2014/main" id="{931C86D2-D1ED-6320-C864-7F06CEE1F93E}"/>
              </a:ext>
            </a:extLst>
          </xdr:cNvPr>
          <xdr:cNvSpPr txBox="1"/>
        </xdr:nvSpPr>
        <xdr:spPr>
          <a:xfrm>
            <a:off x="1927684" y="1455662"/>
            <a:ext cx="1626569"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指導内容を</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マニュアル</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等</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に反映</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8" name="矢印: 右 7">
            <a:extLst>
              <a:ext uri="{FF2B5EF4-FFF2-40B4-BE49-F238E27FC236}">
                <a16:creationId xmlns:a16="http://schemas.microsoft.com/office/drawing/2014/main" id="{BBA992BD-9130-7B5A-23E3-E92F3C4A3652}"/>
              </a:ext>
            </a:extLst>
          </xdr:cNvPr>
          <xdr:cNvSpPr/>
        </xdr:nvSpPr>
        <xdr:spPr>
          <a:xfrm rot="2460018">
            <a:off x="3600450" y="419100"/>
            <a:ext cx="340995" cy="28638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9" name="矢印: 右 8">
            <a:extLst>
              <a:ext uri="{FF2B5EF4-FFF2-40B4-BE49-F238E27FC236}">
                <a16:creationId xmlns:a16="http://schemas.microsoft.com/office/drawing/2014/main" id="{CF8D51D9-CE74-3BA1-988B-FDF8F20DB4E1}"/>
              </a:ext>
            </a:extLst>
          </xdr:cNvPr>
          <xdr:cNvSpPr/>
        </xdr:nvSpPr>
        <xdr:spPr>
          <a:xfrm rot="13260000">
            <a:off x="1447228" y="1206549"/>
            <a:ext cx="34020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0" name="矢印: 右 9">
            <a:extLst>
              <a:ext uri="{FF2B5EF4-FFF2-40B4-BE49-F238E27FC236}">
                <a16:creationId xmlns:a16="http://schemas.microsoft.com/office/drawing/2014/main" id="{7ED9AD80-846F-A7D3-7A50-D147FD2AAFB3}"/>
              </a:ext>
            </a:extLst>
          </xdr:cNvPr>
          <xdr:cNvSpPr/>
        </xdr:nvSpPr>
        <xdr:spPr>
          <a:xfrm rot="7860000">
            <a:off x="3542665" y="1200150"/>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1" name="矢印: 右 10">
            <a:extLst>
              <a:ext uri="{FF2B5EF4-FFF2-40B4-BE49-F238E27FC236}">
                <a16:creationId xmlns:a16="http://schemas.microsoft.com/office/drawing/2014/main" id="{2179E608-E9AD-B3EA-1ED4-05178E88AF7D}"/>
              </a:ext>
            </a:extLst>
          </xdr:cNvPr>
          <xdr:cNvSpPr/>
        </xdr:nvSpPr>
        <xdr:spPr>
          <a:xfrm rot="18660000">
            <a:off x="1523047" y="465773"/>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grpSp>
    <xdr:clientData/>
  </xdr:twoCellAnchor>
  <xdr:twoCellAnchor>
    <xdr:from>
      <xdr:col>1</xdr:col>
      <xdr:colOff>0</xdr:colOff>
      <xdr:row>2</xdr:row>
      <xdr:rowOff>114300</xdr:rowOff>
    </xdr:from>
    <xdr:to>
      <xdr:col>10</xdr:col>
      <xdr:colOff>2247900</xdr:colOff>
      <xdr:row>2</xdr:row>
      <xdr:rowOff>1257300</xdr:rowOff>
    </xdr:to>
    <xdr:sp macro="" textlink="">
      <xdr:nvSpPr>
        <xdr:cNvPr id="12" name="テキスト ボックス 11">
          <a:extLst>
            <a:ext uri="{FF2B5EF4-FFF2-40B4-BE49-F238E27FC236}">
              <a16:creationId xmlns:a16="http://schemas.microsoft.com/office/drawing/2014/main" id="{1F29361D-461B-4E41-9E64-2C9EACE6DC75}"/>
            </a:ext>
          </a:extLst>
        </xdr:cNvPr>
        <xdr:cNvSpPr txBox="1"/>
      </xdr:nvSpPr>
      <xdr:spPr>
        <a:xfrm>
          <a:off x="213360" y="7597140"/>
          <a:ext cx="11300460" cy="11430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4400">
              <a:latin typeface="ＭＳ 明朝" panose="02020609040205080304" pitchFamily="17" charset="-128"/>
              <a:ea typeface="ＭＳ 明朝" panose="02020609040205080304" pitchFamily="17" charset="-128"/>
            </a:rPr>
            <a:t>【</a:t>
          </a:r>
          <a:r>
            <a:rPr kumimoji="1" lang="ja-JP" altLang="en-US" sz="4400">
              <a:latin typeface="ＭＳ 明朝" panose="02020609040205080304" pitchFamily="17" charset="-128"/>
              <a:ea typeface="ＭＳ 明朝" panose="02020609040205080304" pitchFamily="17" charset="-128"/>
            </a:rPr>
            <a:t>　評価基準の目安　</a:t>
          </a:r>
          <a:r>
            <a:rPr kumimoji="1" lang="en-US" altLang="ja-JP" sz="4400">
              <a:latin typeface="ＭＳ 明朝" panose="02020609040205080304" pitchFamily="17" charset="-128"/>
              <a:ea typeface="ＭＳ 明朝" panose="02020609040205080304" pitchFamily="17" charset="-128"/>
            </a:rPr>
            <a:t>】</a:t>
          </a:r>
          <a:endParaRPr kumimoji="1" lang="ja-JP" altLang="en-US" sz="4400">
            <a:latin typeface="ＭＳ 明朝" panose="02020609040205080304" pitchFamily="17" charset="-128"/>
            <a:ea typeface="ＭＳ 明朝" panose="02020609040205080304" pitchFamily="17" charset="-128"/>
          </a:endParaRPr>
        </a:p>
      </xdr:txBody>
    </xdr:sp>
    <xdr:clientData/>
  </xdr:twoCellAnchor>
  <xdr:twoCellAnchor editAs="oneCell">
    <xdr:from>
      <xdr:col>2</xdr:col>
      <xdr:colOff>76199</xdr:colOff>
      <xdr:row>15</xdr:row>
      <xdr:rowOff>190499</xdr:rowOff>
    </xdr:from>
    <xdr:to>
      <xdr:col>13</xdr:col>
      <xdr:colOff>0</xdr:colOff>
      <xdr:row>18</xdr:row>
      <xdr:rowOff>3647164</xdr:rowOff>
    </xdr:to>
    <xdr:pic>
      <xdr:nvPicPr>
        <xdr:cNvPr id="13" name="図 12">
          <a:extLst>
            <a:ext uri="{FF2B5EF4-FFF2-40B4-BE49-F238E27FC236}">
              <a16:creationId xmlns:a16="http://schemas.microsoft.com/office/drawing/2014/main" id="{F4BD1761-1087-49D3-8B0F-C3C49E1FE898}"/>
            </a:ext>
          </a:extLst>
        </xdr:cNvPr>
        <xdr:cNvPicPr>
          <a:picLocks noChangeAspect="1"/>
        </xdr:cNvPicPr>
      </xdr:nvPicPr>
      <xdr:blipFill>
        <a:blip xmlns:r="http://schemas.openxmlformats.org/officeDocument/2006/relationships" r:embed="rId1"/>
        <a:stretch>
          <a:fillRect/>
        </a:stretch>
      </xdr:blipFill>
      <xdr:spPr>
        <a:xfrm>
          <a:off x="792479" y="30921959"/>
          <a:ext cx="18806161" cy="12798785"/>
        </a:xfrm>
        <a:prstGeom prst="rect">
          <a:avLst/>
        </a:prstGeom>
      </xdr:spPr>
    </xdr:pic>
    <xdr:clientData/>
  </xdr:twoCellAnchor>
  <xdr:twoCellAnchor>
    <xdr:from>
      <xdr:col>2</xdr:col>
      <xdr:colOff>38100</xdr:colOff>
      <xdr:row>2</xdr:row>
      <xdr:rowOff>1333500</xdr:rowOff>
    </xdr:from>
    <xdr:to>
      <xdr:col>19</xdr:col>
      <xdr:colOff>1028700</xdr:colOff>
      <xdr:row>5</xdr:row>
      <xdr:rowOff>419100</xdr:rowOff>
    </xdr:to>
    <xdr:sp macro="" textlink="">
      <xdr:nvSpPr>
        <xdr:cNvPr id="14" name="テキスト ボックス 13">
          <a:extLst>
            <a:ext uri="{FF2B5EF4-FFF2-40B4-BE49-F238E27FC236}">
              <a16:creationId xmlns:a16="http://schemas.microsoft.com/office/drawing/2014/main" id="{D622FE1F-8FAA-4433-8B91-4BED52B4480F}"/>
            </a:ext>
          </a:extLst>
        </xdr:cNvPr>
        <xdr:cNvSpPr txBox="1"/>
      </xdr:nvSpPr>
      <xdr:spPr>
        <a:xfrm>
          <a:off x="754380" y="8816340"/>
          <a:ext cx="36880800" cy="244602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4400">
              <a:solidFill>
                <a:sysClr val="windowText" lastClr="000000"/>
              </a:solidFill>
              <a:latin typeface="ＭＳ 明朝" panose="02020609040205080304" pitchFamily="17" charset="-128"/>
              <a:ea typeface="ＭＳ 明朝" panose="02020609040205080304" pitchFamily="17" charset="-128"/>
            </a:rPr>
            <a:t>できている：項目の内容が遵守できている場合</a:t>
          </a:r>
        </a:p>
        <a:p>
          <a:r>
            <a:rPr kumimoji="1" lang="ja-JP" altLang="en-US" sz="4400">
              <a:solidFill>
                <a:sysClr val="windowText" lastClr="000000"/>
              </a:solidFill>
              <a:latin typeface="ＭＳ 明朝" panose="02020609040205080304" pitchFamily="17" charset="-128"/>
              <a:ea typeface="ＭＳ 明朝" panose="02020609040205080304" pitchFamily="17" charset="-128"/>
            </a:rPr>
            <a:t>一部できている：できている項目とできていない項目が両方ある場合</a:t>
          </a:r>
          <a:endParaRPr kumimoji="1" lang="en-US" altLang="ja-JP" sz="4400">
            <a:solidFill>
              <a:sysClr val="windowText" lastClr="000000"/>
            </a:solidFill>
            <a:latin typeface="ＭＳ 明朝" panose="02020609040205080304" pitchFamily="17" charset="-128"/>
            <a:ea typeface="ＭＳ 明朝" panose="02020609040205080304" pitchFamily="17" charset="-128"/>
          </a:endParaRPr>
        </a:p>
        <a:p>
          <a:r>
            <a:rPr kumimoji="1" lang="ja-JP" altLang="en-US" sz="4400">
              <a:solidFill>
                <a:sysClr val="windowText" lastClr="000000"/>
              </a:solidFill>
              <a:latin typeface="ＭＳ 明朝" panose="02020609040205080304" pitchFamily="17" charset="-128"/>
              <a:ea typeface="ＭＳ 明朝" panose="02020609040205080304" pitchFamily="17" charset="-128"/>
            </a:rPr>
            <a:t>できていない：項目の内容が不遵守の場合</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xdr:col>
      <xdr:colOff>0</xdr:colOff>
      <xdr:row>7</xdr:row>
      <xdr:rowOff>1569720</xdr:rowOff>
    </xdr:from>
    <xdr:to>
      <xdr:col>14</xdr:col>
      <xdr:colOff>1717040</xdr:colOff>
      <xdr:row>8</xdr:row>
      <xdr:rowOff>3631882</xdr:rowOff>
    </xdr:to>
    <xdr:grpSp>
      <xdr:nvGrpSpPr>
        <xdr:cNvPr id="2" name="グループ化 1">
          <a:extLst>
            <a:ext uri="{FF2B5EF4-FFF2-40B4-BE49-F238E27FC236}">
              <a16:creationId xmlns:a16="http://schemas.microsoft.com/office/drawing/2014/main" id="{795F53F3-5AF7-43C8-80A6-02754EAEE743}"/>
            </a:ext>
          </a:extLst>
        </xdr:cNvPr>
        <xdr:cNvGrpSpPr/>
      </xdr:nvGrpSpPr>
      <xdr:grpSpPr>
        <a:xfrm>
          <a:off x="716280" y="17625060"/>
          <a:ext cx="24759920" cy="5887402"/>
          <a:chOff x="-57531" y="0"/>
          <a:chExt cx="5836260" cy="1973822"/>
        </a:xfrm>
      </xdr:grpSpPr>
      <xdr:sp macro="" textlink="">
        <xdr:nvSpPr>
          <xdr:cNvPr id="3" name="テキスト ボックス 24">
            <a:extLst>
              <a:ext uri="{FF2B5EF4-FFF2-40B4-BE49-F238E27FC236}">
                <a16:creationId xmlns:a16="http://schemas.microsoft.com/office/drawing/2014/main" id="{512AC5B1-DD9B-1E67-0672-59BFABB47F98}"/>
              </a:ext>
            </a:extLst>
          </xdr:cNvPr>
          <xdr:cNvSpPr txBox="1"/>
        </xdr:nvSpPr>
        <xdr:spPr>
          <a:xfrm>
            <a:off x="2003998" y="0"/>
            <a:ext cx="1375933"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自己</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点検</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改善計画策定）</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4" name="テキスト ボックス 25">
            <a:extLst>
              <a:ext uri="{FF2B5EF4-FFF2-40B4-BE49-F238E27FC236}">
                <a16:creationId xmlns:a16="http://schemas.microsoft.com/office/drawing/2014/main" id="{FA45390D-A0A1-E426-85F0-751F6B093E61}"/>
              </a:ext>
            </a:extLst>
          </xdr:cNvPr>
          <xdr:cNvSpPr txBox="1"/>
        </xdr:nvSpPr>
        <xdr:spPr>
          <a:xfrm>
            <a:off x="4065528" y="733425"/>
            <a:ext cx="1713201"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が確認・指導</a:t>
            </a:r>
          </a:p>
        </xdr:txBody>
      </xdr:sp>
      <xdr:sp macro="" textlink="">
        <xdr:nvSpPr>
          <xdr:cNvPr id="5" name="テキスト ボックス 43">
            <a:extLst>
              <a:ext uri="{FF2B5EF4-FFF2-40B4-BE49-F238E27FC236}">
                <a16:creationId xmlns:a16="http://schemas.microsoft.com/office/drawing/2014/main" id="{9D7BCE1E-81DB-4E92-5967-E0B82EB9C13E}"/>
              </a:ext>
            </a:extLst>
          </xdr:cNvPr>
          <xdr:cNvSpPr txBox="1"/>
        </xdr:nvSpPr>
        <xdr:spPr>
          <a:xfrm>
            <a:off x="-57531" y="803371"/>
            <a:ext cx="1295400"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実</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　　　</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行</a:t>
            </a:r>
          </a:p>
        </xdr:txBody>
      </xdr:sp>
      <xdr:sp macro="" textlink="">
        <xdr:nvSpPr>
          <xdr:cNvPr id="6" name="テキスト ボックス 44">
            <a:extLst>
              <a:ext uri="{FF2B5EF4-FFF2-40B4-BE49-F238E27FC236}">
                <a16:creationId xmlns:a16="http://schemas.microsoft.com/office/drawing/2014/main" id="{040A0387-29AF-A2A0-5E82-52D02C73B308}"/>
              </a:ext>
            </a:extLst>
          </xdr:cNvPr>
          <xdr:cNvSpPr txBox="1"/>
        </xdr:nvSpPr>
        <xdr:spPr>
          <a:xfrm>
            <a:off x="1927684" y="1455662"/>
            <a:ext cx="1626569"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指導内容を</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マニュアル</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等</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に反映</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7" name="矢印: 右 6">
            <a:extLst>
              <a:ext uri="{FF2B5EF4-FFF2-40B4-BE49-F238E27FC236}">
                <a16:creationId xmlns:a16="http://schemas.microsoft.com/office/drawing/2014/main" id="{A3135881-4814-2CAF-B80C-2E7407CEFAF3}"/>
              </a:ext>
            </a:extLst>
          </xdr:cNvPr>
          <xdr:cNvSpPr/>
        </xdr:nvSpPr>
        <xdr:spPr>
          <a:xfrm rot="2460018">
            <a:off x="3600450" y="419100"/>
            <a:ext cx="340995" cy="28638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8" name="矢印: 右 7">
            <a:extLst>
              <a:ext uri="{FF2B5EF4-FFF2-40B4-BE49-F238E27FC236}">
                <a16:creationId xmlns:a16="http://schemas.microsoft.com/office/drawing/2014/main" id="{1D4BEF01-31A6-AC6B-9D53-08F322F82D6E}"/>
              </a:ext>
            </a:extLst>
          </xdr:cNvPr>
          <xdr:cNvSpPr/>
        </xdr:nvSpPr>
        <xdr:spPr>
          <a:xfrm rot="13260000">
            <a:off x="1447228" y="1206549"/>
            <a:ext cx="34020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9" name="矢印: 右 8">
            <a:extLst>
              <a:ext uri="{FF2B5EF4-FFF2-40B4-BE49-F238E27FC236}">
                <a16:creationId xmlns:a16="http://schemas.microsoft.com/office/drawing/2014/main" id="{E840A6FC-E9CF-09DB-0DDF-0CB78E55FEAB}"/>
              </a:ext>
            </a:extLst>
          </xdr:cNvPr>
          <xdr:cNvSpPr/>
        </xdr:nvSpPr>
        <xdr:spPr>
          <a:xfrm rot="7860000">
            <a:off x="3542665" y="1200150"/>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0" name="矢印: 右 9">
            <a:extLst>
              <a:ext uri="{FF2B5EF4-FFF2-40B4-BE49-F238E27FC236}">
                <a16:creationId xmlns:a16="http://schemas.microsoft.com/office/drawing/2014/main" id="{8DA0C2CA-6F3A-CA18-417E-ED9EDFB6D61C}"/>
              </a:ext>
            </a:extLst>
          </xdr:cNvPr>
          <xdr:cNvSpPr/>
        </xdr:nvSpPr>
        <xdr:spPr>
          <a:xfrm rot="18660000">
            <a:off x="1523047" y="465773"/>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grpSp>
    <xdr:clientData/>
  </xdr:twoCellAnchor>
  <xdr:twoCellAnchor>
    <xdr:from>
      <xdr:col>1</xdr:col>
      <xdr:colOff>243840</xdr:colOff>
      <xdr:row>6</xdr:row>
      <xdr:rowOff>0</xdr:rowOff>
    </xdr:from>
    <xdr:to>
      <xdr:col>14</xdr:col>
      <xdr:colOff>1813560</xdr:colOff>
      <xdr:row>8</xdr:row>
      <xdr:rowOff>3863340</xdr:rowOff>
    </xdr:to>
    <xdr:sp macro="" textlink="">
      <xdr:nvSpPr>
        <xdr:cNvPr id="11" name="四角形: 角を丸くする 10">
          <a:extLst>
            <a:ext uri="{FF2B5EF4-FFF2-40B4-BE49-F238E27FC236}">
              <a16:creationId xmlns:a16="http://schemas.microsoft.com/office/drawing/2014/main" id="{6C753B8B-EF4E-46DA-A024-878ED6159346}"/>
            </a:ext>
          </a:extLst>
        </xdr:cNvPr>
        <xdr:cNvSpPr/>
      </xdr:nvSpPr>
      <xdr:spPr>
        <a:xfrm>
          <a:off x="457200" y="12230100"/>
          <a:ext cx="25115520" cy="11513820"/>
        </a:xfrm>
        <a:prstGeom prst="round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indent="177800" algn="l">
            <a:lnSpc>
              <a:spcPct val="115000"/>
            </a:lnSpc>
            <a:spcAft>
              <a:spcPts val="0"/>
            </a:spcAft>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提出後の流れ　～改善に向けて～　】</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防疫員は</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立入検査等により飼養衛生管理の状況を再確認し、</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チェックボックスに「〇」</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又は「－」（非該当）</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を記入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が必要な項目については</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記入欄に改善指導の内容を記入し、</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に提供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指導があった場合、</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は指導内容を飼養衛生管理マニュアルに反映させ、実行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twoCellAnchor>
    <xdr:from>
      <xdr:col>1</xdr:col>
      <xdr:colOff>190500</xdr:colOff>
      <xdr:row>2</xdr:row>
      <xdr:rowOff>381000</xdr:rowOff>
    </xdr:from>
    <xdr:to>
      <xdr:col>9</xdr:col>
      <xdr:colOff>1905000</xdr:colOff>
      <xdr:row>2</xdr:row>
      <xdr:rowOff>1524000</xdr:rowOff>
    </xdr:to>
    <xdr:sp macro="" textlink="">
      <xdr:nvSpPr>
        <xdr:cNvPr id="12" name="テキスト ボックス 11">
          <a:extLst>
            <a:ext uri="{FF2B5EF4-FFF2-40B4-BE49-F238E27FC236}">
              <a16:creationId xmlns:a16="http://schemas.microsoft.com/office/drawing/2014/main" id="{EDC6B9DE-3A66-4945-BE17-0F4A66E71D08}"/>
            </a:ext>
          </a:extLst>
        </xdr:cNvPr>
        <xdr:cNvSpPr txBox="1"/>
      </xdr:nvSpPr>
      <xdr:spPr>
        <a:xfrm>
          <a:off x="403860" y="7863840"/>
          <a:ext cx="8343900" cy="11430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4400">
              <a:latin typeface="ＭＳ 明朝" panose="02020609040205080304" pitchFamily="17" charset="-128"/>
              <a:ea typeface="ＭＳ 明朝" panose="02020609040205080304" pitchFamily="17" charset="-128"/>
            </a:rPr>
            <a:t>【</a:t>
          </a:r>
          <a:r>
            <a:rPr kumimoji="1" lang="ja-JP" altLang="en-US" sz="4400">
              <a:latin typeface="ＭＳ 明朝" panose="02020609040205080304" pitchFamily="17" charset="-128"/>
              <a:ea typeface="ＭＳ 明朝" panose="02020609040205080304" pitchFamily="17" charset="-128"/>
            </a:rPr>
            <a:t>　評価基準の目安　</a:t>
          </a:r>
          <a:r>
            <a:rPr kumimoji="1" lang="en-US" altLang="ja-JP" sz="4400">
              <a:latin typeface="ＭＳ 明朝" panose="02020609040205080304" pitchFamily="17" charset="-128"/>
              <a:ea typeface="ＭＳ 明朝" panose="02020609040205080304" pitchFamily="17" charset="-128"/>
            </a:rPr>
            <a:t>】</a:t>
          </a:r>
          <a:endParaRPr kumimoji="1" lang="ja-JP" altLang="en-US" sz="4400">
            <a:latin typeface="ＭＳ 明朝" panose="02020609040205080304" pitchFamily="17" charset="-128"/>
            <a:ea typeface="ＭＳ 明朝" panose="02020609040205080304" pitchFamily="17" charset="-128"/>
          </a:endParaRPr>
        </a:p>
      </xdr:txBody>
    </xdr:sp>
    <xdr:clientData/>
  </xdr:twoCellAnchor>
  <xdr:twoCellAnchor editAs="oneCell">
    <xdr:from>
      <xdr:col>2</xdr:col>
      <xdr:colOff>266700</xdr:colOff>
      <xdr:row>15</xdr:row>
      <xdr:rowOff>152399</xdr:rowOff>
    </xdr:from>
    <xdr:to>
      <xdr:col>13</xdr:col>
      <xdr:colOff>0</xdr:colOff>
      <xdr:row>18</xdr:row>
      <xdr:rowOff>3677306</xdr:rowOff>
    </xdr:to>
    <xdr:pic>
      <xdr:nvPicPr>
        <xdr:cNvPr id="13" name="図 12">
          <a:extLst>
            <a:ext uri="{FF2B5EF4-FFF2-40B4-BE49-F238E27FC236}">
              <a16:creationId xmlns:a16="http://schemas.microsoft.com/office/drawing/2014/main" id="{06A6A0FD-67ED-43D4-8C53-2C20C561BB14}"/>
            </a:ext>
          </a:extLst>
        </xdr:cNvPr>
        <xdr:cNvPicPr>
          <a:picLocks noChangeAspect="1"/>
        </xdr:cNvPicPr>
      </xdr:nvPicPr>
      <xdr:blipFill>
        <a:blip xmlns:r="http://schemas.openxmlformats.org/officeDocument/2006/relationships" r:embed="rId1"/>
        <a:stretch>
          <a:fillRect/>
        </a:stretch>
      </xdr:blipFill>
      <xdr:spPr>
        <a:xfrm>
          <a:off x="982980" y="30617159"/>
          <a:ext cx="18615660" cy="12867027"/>
        </a:xfrm>
        <a:prstGeom prst="rect">
          <a:avLst/>
        </a:prstGeom>
      </xdr:spPr>
    </xdr:pic>
    <xdr:clientData/>
  </xdr:twoCellAnchor>
  <xdr:twoCellAnchor>
    <xdr:from>
      <xdr:col>2</xdr:col>
      <xdr:colOff>114300</xdr:colOff>
      <xdr:row>3</xdr:row>
      <xdr:rowOff>76200</xdr:rowOff>
    </xdr:from>
    <xdr:to>
      <xdr:col>19</xdr:col>
      <xdr:colOff>952500</xdr:colOff>
      <xdr:row>5</xdr:row>
      <xdr:rowOff>571500</xdr:rowOff>
    </xdr:to>
    <xdr:sp macro="" textlink="">
      <xdr:nvSpPr>
        <xdr:cNvPr id="14" name="テキスト ボックス 13">
          <a:extLst>
            <a:ext uri="{FF2B5EF4-FFF2-40B4-BE49-F238E27FC236}">
              <a16:creationId xmlns:a16="http://schemas.microsoft.com/office/drawing/2014/main" id="{B813458A-C30F-4432-B164-5BA2976FD148}"/>
            </a:ext>
          </a:extLst>
        </xdr:cNvPr>
        <xdr:cNvSpPr txBox="1"/>
      </xdr:nvSpPr>
      <xdr:spPr>
        <a:xfrm>
          <a:off x="830580" y="9212580"/>
          <a:ext cx="36865560" cy="246888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4400">
              <a:solidFill>
                <a:sysClr val="windowText" lastClr="000000"/>
              </a:solidFill>
              <a:latin typeface="ＭＳ 明朝" panose="02020609040205080304" pitchFamily="17" charset="-128"/>
              <a:ea typeface="ＭＳ 明朝" panose="02020609040205080304" pitchFamily="17" charset="-128"/>
            </a:rPr>
            <a:t>できている：項目の内容が遵守できている場合</a:t>
          </a:r>
        </a:p>
        <a:p>
          <a:r>
            <a:rPr kumimoji="1" lang="ja-JP" altLang="en-US" sz="4400">
              <a:solidFill>
                <a:sysClr val="windowText" lastClr="000000"/>
              </a:solidFill>
              <a:latin typeface="ＭＳ 明朝" panose="02020609040205080304" pitchFamily="17" charset="-128"/>
              <a:ea typeface="ＭＳ 明朝" panose="02020609040205080304" pitchFamily="17" charset="-128"/>
            </a:rPr>
            <a:t>一部できている：できている項目とできていない項目が両方ある場合</a:t>
          </a:r>
          <a:endParaRPr kumimoji="1" lang="en-US" altLang="ja-JP" sz="4400">
            <a:solidFill>
              <a:sysClr val="windowText" lastClr="000000"/>
            </a:solidFill>
            <a:latin typeface="ＭＳ 明朝" panose="02020609040205080304" pitchFamily="17" charset="-128"/>
            <a:ea typeface="ＭＳ 明朝" panose="02020609040205080304" pitchFamily="17" charset="-128"/>
          </a:endParaRPr>
        </a:p>
        <a:p>
          <a:r>
            <a:rPr kumimoji="1" lang="ja-JP" altLang="en-US" sz="4400">
              <a:solidFill>
                <a:sysClr val="windowText" lastClr="000000"/>
              </a:solidFill>
              <a:latin typeface="ＭＳ 明朝" panose="02020609040205080304" pitchFamily="17" charset="-128"/>
              <a:ea typeface="ＭＳ 明朝" panose="02020609040205080304" pitchFamily="17" charset="-128"/>
            </a:rPr>
            <a:t>できていない：項目の内容が不遵守の場合</a:t>
          </a:r>
        </a:p>
      </xdr:txBody>
    </xdr: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kfs01\s0510\05&#23433;&#20840;&#31649;&#29702;G\01_&#23478;&#30044;&#20253;&#26579;&#30149;&#20104;&#38450;&#20107;&#26989;\13_&#23450;&#26399;&#22577;&#21578;\01_&#23450;&#26399;&#22577;&#21578;\23_R8&#25552;&#20986;&#20381;&#38972;&#36890;&#30693;\R7&#36215;&#26696;&#29992;\&#21029;&#28155;2_&#23450;&#26399;&#22577;&#21578;&#27096;&#24335;.xlsx" TargetMode="External"/><Relationship Id="rId1" Type="http://schemas.openxmlformats.org/officeDocument/2006/relationships/externalLinkPath" Target="/05&#23433;&#20840;&#31649;&#29702;G/01_&#23478;&#30044;&#20253;&#26579;&#30149;&#20104;&#38450;&#20107;&#26989;/13_&#23450;&#26399;&#22577;&#21578;/01_&#23450;&#26399;&#22577;&#21578;/23_R8&#25552;&#20986;&#20381;&#38972;&#36890;&#30693;/R7&#36215;&#26696;&#29992;/&#21029;&#28155;2_&#23450;&#26399;&#22577;&#21578;&#27096;&#24335;.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HAWK\&#12471;&#12473;&#12486;&#12512;&#38283;&#30330;\ITC\ITC1036\&#20849;&#36890;&#20181;&#27096;&#65288;&#24341;&#32153;&#12366;&#32232;&#65289;\&#12503;&#12525;&#12464;&#12521;&#12512;&#20181;&#27096;.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Idcpsv01\&#12481;&#12540;&#12512;&#12456;&#12522;&#12450;\My%20Documents\401k\&#12510;&#12463;&#12525;&#12385;&#12419;&#12435;\df&#19968;&#35239;hs.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E:\&#20840;&#22269;&#36786;&#26989;&#20849;&#28168;&#21332;&#20250;\NOSAI\H17&#36786;&#28168;&#38651;&#23376;&#30003;&#35531;\&#12489;&#12461;&#12517;&#12513;&#12531;&#12488;\90&#12489;&#12461;&#12517;&#12513;&#12531;&#12488;&#12469;&#12531;&#12503;&#12523;\&#25104;&#26524;&#29289;&#23450;&#32681;_&#22522;&#26412;&#35373;&#35336;_DOA.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asp-file-01v\sbt_share$\Users\kaizawa.INTRA\Documents\02.&#26696;&#20214;\SBI&#35388;&#21048;\ETJ_XML_InterfaceList_20110401.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sbt-file-03\sbt_share$\&#12304;&#27231;&#23494;&#12305;LIXIL&#12469;&#12540;&#12499;&#12469;&#12452;&#12488;&#27083;&#31689;\01.&#21021;&#26399;&#23566;&#20837;&#65288;4&#26376;&#12522;&#12522;&#12540;&#12473;&#23550;&#24540;&#65289;\04.&#35373;&#35336;\&#31649;&#29702;&#27231;&#33021;\&#31649;&#29702;&#27231;&#33021;&#30011;&#38754;&#38917;&#30446;&#23450;&#32681;&#26360;_MF010101_&#12525;&#12464;&#12452;&#12531;&#30011;&#3875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表紙（定期報告）"/>
      <sheetName val="2(1)牛等"/>
      <sheetName val="2(2)豚等"/>
      <sheetName val="2(3)家きん"/>
      <sheetName val="2(4)馬"/>
    </sheetNames>
    <sheetDataSet>
      <sheetData sheetId="0"/>
      <sheetData sheetId="1"/>
      <sheetData sheetId="2"/>
      <sheetData sheetId="3"/>
      <sheetData sheetId="4"/>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ドキュメント一覧"/>
      <sheetName val="プロ仕 表紙"/>
      <sheetName val="プロ仕 履歴"/>
      <sheetName val="プロ仕 概要説明"/>
      <sheetName val="プロ仕 概要説明(2)"/>
      <sheetName val="プロ仕 フォーム"/>
      <sheetName val="プロ仕 モ構造"/>
      <sheetName val="プロ仕 - 共通ルーチン一覧"/>
      <sheetName val="ﾌｫｰﾑﾓｼﾞｭｰﾙ仕様"/>
      <sheetName val="標準ﾓｼﾞｭｰﾙ仕様"/>
      <sheetName val="ｸﾗｽﾓｼﾞｭｰﾙ仕様"/>
      <sheetName val="共通ﾓｼﾞｭｰﾙ定義定数一覧"/>
      <sheetName val="共通ﾓｼﾞｭｰﾙﾃｰﾌﾞﾙﾚｲｱｳﾄ"/>
      <sheetName val="共通ﾓｼﾞｭｰﾙ定義ﾃｰﾌﾞﾙ一覧"/>
      <sheetName val="共通ﾓｼﾞｭｰﾙ概要"/>
      <sheetName val="共通ﾓｼﾞｭｰﾙ詳細説明"/>
      <sheetName val="一般ルーチン説明"/>
      <sheetName val="共通ルーチン説明"/>
      <sheetName val="共通ルーチン使用例"/>
      <sheetName val="ﾓｼﾞｭｰﾙ情報表"/>
      <sheetName val="試験手順書"/>
      <sheetName val="試験手順書２"/>
      <sheetName val="試験項目表"/>
      <sheetName val="試験管理表"/>
      <sheetName val="故障処理票"/>
      <sheetName val="単体試験の故障処理表"/>
      <sheetName val="ドキュメント管理簿"/>
      <sheetName val="コメント票"/>
      <sheetName val="ﾒｯｾｰｼﾞ仕様"/>
      <sheetName val="ｼｽﾃﾑ定数一覧"/>
      <sheetName val="ｼｽﾃﾑ定義ﾃｰﾌﾞﾙ一覧"/>
      <sheetName val="ｼｽﾃﾑ定義ﾃｰﾌﾞﾙﾚｲｱｳﾄ"/>
      <sheetName val="家保名・支所名"/>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データ項目"/>
      <sheetName val="PR"/>
      <sheetName val="支払指図書データ（退職）(5.2.1.1)"/>
      <sheetName val="支払指図書データ（税引後）(5.2.1.2)"/>
      <sheetName val="支払指図書データ（困窮時）(5.2.1.3)"/>
      <sheetName val="支払指図書データ（一時払）(5.2.1.4)"/>
      <sheetName val="RO指図書データ（RO証明書）(5.2.1.5)"/>
      <sheetName val="RO指図書データ（RO取崩）(5.2.1.6)"/>
      <sheetName val="支払指図書データ（プラン外年金）(5.2.1.7)"/>
      <sheetName val="異動情報(5.2.1.11)"/>
      <sheetName val="RO移管払出適格証明請求情報(5.2.2)"/>
      <sheetName val="退職通知書情報(5.2.3.1)"/>
      <sheetName val="個人型受給者情報(5.2.3.2)"/>
      <sheetName val="売却情報(5.2.4.1)"/>
      <sheetName val="33260(3.2.2.3)"/>
      <sheetName val="33260(3.2.2.７)"/>
      <sheetName val="ローン内容登録情報（変更異動）(9.1.1)"/>
      <sheetName val="売却情報1(9.1.2)"/>
      <sheetName val="売却指図情報(9.1.2)"/>
      <sheetName val="実行ステータス情報(9.2.1)"/>
      <sheetName val="売却完了情報(9.2.1)"/>
      <sheetName val="売却完了情報(9.2.2)"/>
      <sheetName val="実行ステータス情報(9.2.3)"/>
      <sheetName val="一括返済額情報(9.3.1)"/>
      <sheetName val="入金予定額情報（一括時のみ）(9.3.3)"/>
      <sheetName val="売却時情報(9.3.5)"/>
      <sheetName val="33403(3.4)"/>
      <sheetName val="33518(3.5.4)"/>
      <sheetName val="33519(3.5.5)"/>
      <sheetName val="33602(3.6)"/>
      <sheetName val="24201(4.2.1)"/>
      <sheetName val="24235(4.2.2)"/>
      <sheetName val="24215(4.2.4)"/>
      <sheetName val="24322(4.3.4)"/>
      <sheetName val="24323(4.3.4)"/>
      <sheetName val="24404(4.4.2)"/>
      <sheetName val="24422(4.4.2)"/>
      <sheetName val="24409(4.4.3)"/>
      <sheetName val="24410(4.4.3)"/>
      <sheetName val="24411(4.4.4)"/>
      <sheetName val="24424(4.4.4)"/>
      <sheetName val="24502(4.5)"/>
      <sheetName val="保有数量(5.2.3.3)"/>
      <sheetName val="売却商品(5.2.4.4)"/>
      <sheetName val="資産処分明細情報(5.3)"/>
      <sheetName val="支払完了ｽﾃｰﾀｽ(5.3.2)"/>
      <sheetName val="加入者別商品売却情報(6.1.1)"/>
      <sheetName val="発注情報(6.1.2)"/>
      <sheetName val="発注情報(6.1.4)"/>
      <sheetName val="個人型売却結果(6.2.4)"/>
      <sheetName val="加入者別商品売却情報(6.3.2)"/>
      <sheetName val="約定済情報(6.3.2)"/>
      <sheetName val="加入者別商品売却情報(6.3.3)"/>
      <sheetName val="売却結果按分情報(6.3.3)"/>
      <sheetName val="売却結果按分情報(6.3.4)"/>
      <sheetName val="約定済情報(6.3.4)"/>
      <sheetName val="加入者別商品売却情報(6.4.1)"/>
      <sheetName val="加入者別対象残高(7.2)"/>
      <sheetName val="個人型収益明細情報 (7.3.5)"/>
      <sheetName val="対象残高（按分用）(7.3.6)"/>
      <sheetName val="加入者別収益明細情報(7.3.6)"/>
      <sheetName val="加入者別収益明細情報(7.3.7)"/>
      <sheetName val="加入者別収益情報(7.3.8)"/>
      <sheetName val="個人型収益情報(7.4)"/>
      <sheetName val="個人型買付指図情報(7.4)"/>
      <sheetName val="対象残高（按分用）(7.5.1)"/>
      <sheetName val="再投資結果按分情報(7.5.1)"/>
      <sheetName val="買付取引明細(9.3.5)"/>
      <sheetName val="加入者別売却指図取引明細（10.3）"/>
      <sheetName val="資産売却情報（加入者別)(10.5.1)"/>
      <sheetName val="移管済ステータス(10.5.6)"/>
      <sheetName val="33515(3.5.3)"/>
      <sheetName val="33516(3.5.4)"/>
      <sheetName val="指図書データ（プラン単位）(10.2)"/>
      <sheetName val="売却指図(10.3)"/>
      <sheetName val="売却指図"/>
      <sheetName val="移行先情報(10.5.1)"/>
      <sheetName val="加入者証変更情報(2.1.2.3)"/>
      <sheetName val="加入者口座存在有無(2.2)"/>
      <sheetName val="加入者口座登録情報(2.3.1.1.3)"/>
      <sheetName val="加入者証発行区分(2.3.1.6)"/>
      <sheetName val="加入者証発行区分(2.3.1.6) (2)"/>
      <sheetName val="加入者口座変更(2.3.1.2.3)"/>
      <sheetName val="加入者口座変更 (2.3.1.2.3)(2)"/>
      <sheetName val="加入者拠出金変更(2.3.1.3.2)"/>
      <sheetName val="加入者拠出金変更 (2.3.1.3.2)(2)"/>
      <sheetName val="ＲＯ加入者口座登録情報(2.3.1.5.3)"/>
      <sheetName val="加入者口座情報(2.3.3)"/>
      <sheetName val="33112(3.1.1.4)"/>
      <sheetName val="33151(3.1.2.1)"/>
      <sheetName val="33153(3.12.2)"/>
      <sheetName val="33165(3.1.2.5)"/>
      <sheetName val="33253(3.2.2.1)"/>
      <sheetName val="33334(3.3.7)"/>
      <sheetName val="加入者ｽﾃｰﾀｽ等(5.1.1)"/>
      <sheetName val="加入者ｽﾃｰﾀｽ等 (5.1.2) "/>
      <sheetName val="発送済フラグ"/>
      <sheetName val="加入者ｽﾃｰﾀｽ等(5.1.3) "/>
      <sheetName val="加入者ｽﾃｰﾀｽ区分(5.2.1)"/>
      <sheetName val="加入者ｽﾃｰﾀｽ区分(5.2.3.1)"/>
      <sheetName val="加入者ｽﾃｰﾀｽ区分 (5.2.3.2)"/>
      <sheetName val="支払済ｽﾃｰﾀｽ（5.3.2）"/>
      <sheetName val="受取人情報（5.3.3）"/>
      <sheetName val="加入者口座情報(6.1.4)"/>
      <sheetName val="有効プラン加入者(7.1.2)"/>
      <sheetName val="加入者キー情報(8.3.1)"/>
      <sheetName val="ローン要件情報(加入者）(9.1.1)"/>
      <sheetName val="決済口座情報(9.2.2)"/>
      <sheetName val="返済順序方法(9.3.5)"/>
      <sheetName val="加入者口座属性情報(10.5.2)"/>
      <sheetName val="加入者口座属性情報(10.5.4)"/>
      <sheetName val="従業員名寄せ情報(2.1.1.1)"/>
      <sheetName val="加入者属性登録情報(2.1.1.3)"/>
      <sheetName val="変更前従業員属性情報(2.1.2.1)"/>
      <sheetName val="従業員確認書情報(2.1.2.2)"/>
      <sheetName val="加入者属性変更情報(2.1.2.3)"/>
      <sheetName val="加入者証情報(2.1.2.3)"/>
      <sheetName val="従業員属性情報(2.1.3)"/>
      <sheetName val="募集用加入通知書情報(2.2)"/>
      <sheetName val="加入者存在有無(2.3.1.1.1)"/>
      <sheetName val="加入者属性登録情報(2.3.1.1.2)"/>
      <sheetName val="加入者属性変更(2.3.1.2)"/>
      <sheetName val="加入者属性変更(2.3.1.2) (2)"/>
      <sheetName val="加入者名情報(2.3.1.3.2)"/>
      <sheetName val="加入者名情報(2.3.1.6)"/>
      <sheetName val="33139(3.1.1..4)"/>
      <sheetName val="33503(3.5.1)"/>
      <sheetName val="33603(3.6)"/>
      <sheetName val="24213(4.2.4)"/>
      <sheetName val="24229(4.2.5)"/>
      <sheetName val="生年月日・現況区分(5.1.1)"/>
      <sheetName val="生年月日・現況区分 (5.1.2)"/>
      <sheetName val="生年月日・現況区分(5.1.3) "/>
      <sheetName val="加入者属性情報(5.2.1)"/>
      <sheetName val="加入者属性情報(5.2.2)"/>
      <sheetName val="退職事由等(5.2.3.1)"/>
      <sheetName val="退職事由等(5.2.3.2) (2)"/>
      <sheetName val="加入者属性情報(5.2.3)"/>
      <sheetName val="加入者属性情報(5.3.1)"/>
      <sheetName val="ﾌﾟﾗﾝ脱退情報(5.3.2)"/>
      <sheetName val="加入者属性情報(5.3.3.1)"/>
      <sheetName val="加入者属性情報(5.3.3.2)"/>
      <sheetName val="加入者属性情報(5.3.4.3)"/>
      <sheetName val="企業情報(6.1.2)"/>
      <sheetName val="加入者属性情報(6.1.4)"/>
      <sheetName val="加入者属性情報(6.1.5)"/>
      <sheetName val="加入者属性情報(7.1.2)"/>
      <sheetName val="加入属性情報(9.1.1)"/>
      <sheetName val="加入者属性(9.2.3)"/>
      <sheetName val="延滞情報(9.4.1)"/>
      <sheetName val="対象加入者属性情報(10.1.4)"/>
      <sheetName val="加入者属性情報(10.5.2)"/>
      <sheetName val="加入者属性情報(10.5.4)"/>
      <sheetName val="加入者属性情報(10.5.5)"/>
      <sheetName val="Sheet1"/>
      <sheetName val="Sheet2"/>
      <sheetName val="Sheet3"/>
      <sheetName val="共通系進捗（2)"/>
      <sheetName val="情報系 (ID)"/>
      <sheetName val="情報系 (ED)"/>
      <sheetName val="情報系(RD)"/>
      <sheetName val="変更要求"/>
      <sheetName val="UKE2 係コード"/>
      <sheetName val="UKE2 係コード (2)"/>
      <sheetName val="表紙"/>
      <sheetName val="サマリー"/>
      <sheetName val="TSM Server"/>
      <sheetName val="加入老名情報(2.3.1.3.2)"/>
      <sheetName val="加入者属性情報(10.5*5)"/>
      <sheetName val="加入者キヸ情報(8.3.1)"/>
      <sheetName val="個人型受給者情報(1.2.3.2)"/>
      <sheetName val="再投賃結果按分情報(7.5.1)"/>
      <sheetName val="変更前従業員属性惁報(2.1.2.1)"/>
      <sheetName val="加兡者属性情報(5.3.4.3)"/>
      <sheetName val="加兡者別商品売却情報(6.4.1)"/>
      <sheetName val="加入者刡商品売却情報(6.4.1)"/>
      <sheetName val="加入老別売却指図取引明細（10.3）"/>
      <sheetName val="加入老別商品売却情報(6.4.1)"/>
      <sheetName val="保按数量(5.2.3.3)"/>
      <sheetName val="支払済ｽﾃﭰﾀｽ（5.3.2）"/>
      <sheetName val="加入老属性情報(5.3.3.2)"/>
      <sheetName val="33003(3.4)"/>
      <sheetName val="加入者塞性情報(5.2.2)"/>
      <sheetName val="進捗表(ISOL）"/>
      <sheetName val="集計表（ISOL）　ｄｏｎ’ｔ　ｔｏｕｃｈ"/>
      <sheetName val="加入者属性情報(5.3.19"/>
      <sheetName val="Cover"/>
      <sheetName val="改定履歴 "/>
      <sheetName val="目次"/>
      <sheetName val=" IHS設定"/>
      <sheetName val="WAS基本設定"/>
      <sheetName val="WAS設定（DB）"/>
      <sheetName val="WAS設定（サーバ）"/>
      <sheetName val="シェル一覧(改訂案)"/>
      <sheetName val="A-AUTO運用ルール(2003.11.28)"/>
      <sheetName val="A-AUTO命名規約(2003.12.17)"/>
      <sheetName val="ネットワーク基本"/>
      <sheetName val="ネットワーク一覧"/>
      <sheetName val="シェル一覧"/>
      <sheetName val="シェル一覧(改訂)"/>
      <sheetName val="pfcaドライバ2.2.1インストール"/>
      <sheetName val="pfcaドライバ2.2.1コンフィグ"/>
      <sheetName val="変更前従業員属性_報(2.1.2.1)"/>
      <sheetName val="加_者属性情報(5.3.4.3)"/>
      <sheetName val="加_者別商品売却情報(6.4.1)"/>
      <sheetName val="加入者_商品売却情報(6.4.1)"/>
      <sheetName val="支払済ｽﾃ_ﾀｽ（5.3.2）"/>
      <sheetName val="HW構成"/>
      <sheetName val="SW構成"/>
      <sheetName val="NW構成"/>
      <sheetName val="BladeCenter構成"/>
      <sheetName val="ユーザー情報一覧"/>
      <sheetName val="Windows共通設定"/>
      <sheetName val="GWサーバー(win)設定情報"/>
      <sheetName val="APサーバー(aix)設定情報"/>
      <sheetName val="加入者ｽﾃｰﾀｽ等 (5.±.2) "/>
      <sheetName val="加入者ｽﾃｰﾀ_x0002__x0000__x0000__x0000_+_x0000_⽘_x0015__x0000__x0000_饦"/>
      <sheetName val="_x0000_:_x0013__x0000_0é0°_x0000__x0000__x0000__x0000_ ReQ_x0005_"/>
      <sheetName val="リスト"/>
      <sheetName val=":”_x0013__x0000_0é0°_x0000_ ReQ_x0005_"/>
      <sheetName val="加入者ｽﾃｰﾀ_x0002_   + ⽘_x0015_  饦"/>
      <sheetName val=" :”_x0013_ 0é0°     ReQ_x0005_"/>
      <sheetName val="加入者属性盻録情報(2.3.1.1.2)"/>
      <sheetName val="1.3.6.4.ReturnMonthCmd"/>
      <sheetName val="1.3.6.4.main"/>
      <sheetName val="1.3.6.4._execute"/>
      <sheetName val="１－１"/>
      <sheetName val="別紙１"/>
      <sheetName val="１－２"/>
      <sheetName val="支払指図書データ（困窮時）(5ĮÒ.1.3)"/>
      <sheetName val="加入者ｽﾃｰﾀｽ等 (5.1.2)栠"/>
      <sheetName val="個社機能)概要"/>
      <sheetName val="個社機能)詳細"/>
      <sheetName val="共通機能記述（概要）"/>
      <sheetName val="変更履歴"/>
      <sheetName val="定義書"/>
      <sheetName val="処理記述"/>
      <sheetName val="パラメータ領域定義"/>
      <sheetName val="JOB一覧 (給与)"/>
      <sheetName val="JOB一覧 (賞与)"/>
      <sheetName val="JOB一覧 (差額）"/>
      <sheetName val="JOB一覧 (単独年調）"/>
      <sheetName val="JOB一覧(年個）"/>
      <sheetName val="データ編集 (HEN001)"/>
      <sheetName val="データ編集 (HEN002)"/>
      <sheetName val="データ編集 (HEN003)"/>
      <sheetName val="データ編集 (GIPA035)"/>
      <sheetName val="データ編集 (GIPZ005)"/>
      <sheetName val="データ編集 (GIPZ074)"/>
      <sheetName val="データ編集 (GIPZ075)"/>
      <sheetName val="オペ表示項目一覧"/>
      <sheetName val="エラーメッセージ"/>
      <sheetName val="補足説明"/>
      <sheetName val="フォーム・共通機能記述（概要）"/>
      <sheetName val="JOBｸﾞﾙｰﾌﾟﾌﾛｰ"/>
      <sheetName val="Ｘ）JOBｸﾞﾙｰﾌﾟﾌﾛｰ (2)"/>
      <sheetName val="Ｘ）JOBｸﾞﾙｰﾌﾟﾌﾛｰ"/>
      <sheetName val="JOBﾌﾛｰ原紙"/>
      <sheetName val="☆★☆参考→"/>
      <sheetName val="Ｘweb_ＪＯＢ－カタプロ"/>
      <sheetName val="Ｘweb_ＪＯＢ構成"/>
      <sheetName val="XJOBﾈｯﾄ"/>
      <sheetName val="BIPG120_Ｐ６作表"/>
      <sheetName val="旧031114)BIPG120_Ｐ６作表"/>
      <sheetName val="Ｘ旧）BIPG120_Ｐ６作表"/>
      <sheetName val="031127)BIPG120_Ｐ６作表"/>
      <sheetName val="目次・共通"/>
      <sheetName val="目次・外部ｺｰﾄﾞ"/>
      <sheetName val="目次・受信"/>
      <sheetName val="目次・送信"/>
      <sheetName val="目次・給与"/>
      <sheetName val="目次・賞与"/>
      <sheetName val="目次・差額"/>
      <sheetName val="目次・社保"/>
      <sheetName val="目次・私共済"/>
      <sheetName val="目次・地方税"/>
      <sheetName val="目次・年調"/>
      <sheetName val="目次・振込"/>
      <sheetName val="目次・会社情報"/>
      <sheetName val="目次・臨時"/>
      <sheetName val="目次・帳票"/>
      <sheetName val="目次・業務"/>
      <sheetName val="変更管理シート"/>
      <sheetName val="帳票（年個）"/>
      <sheetName val="JOB一覧(共通）"/>
      <sheetName val="運用"/>
      <sheetName val="ﾃｽﾄｹｰｽ一覧"/>
      <sheetName val="☆データ条件★"/>
      <sheetName val="★データ編集Ⅱ-2-(1)"/>
      <sheetName val="☆B010計算"/>
      <sheetName val="☆B010(A031)振込計算"/>
      <sheetName val="☆★☆ITEM→"/>
      <sheetName val="☆★☆ITEM→ (2)"/>
      <sheetName val="Ｘ　☆★☆計算→"/>
      <sheetName val="人DB給DBﾏｯﾁﾝｸﾞ"/>
      <sheetName val="新業務機能記述書"/>
      <sheetName val="CS060MPRCSP"/>
      <sheetName val="CS060MPRCPT"/>
      <sheetName val="CS060MPAIRG"/>
      <sheetName val="支払完了ｽﾃｰﾀ(5.3.2)"/>
      <sheetName val="退職事由獉(5.2.3.1)"/>
      <sheetName val="更新履歴"/>
      <sheetName val="チェック表"/>
      <sheetName val="チェック表(月次上)"/>
      <sheetName val="チェック表(月次中)"/>
      <sheetName val="チェック表(月次下)"/>
      <sheetName val="加入者ｽﾃｰﾀ_x0002_"/>
      <sheetName val=":”_x0013_"/>
      <sheetName val="加入者ｽﾃｰﾀ_x0002_???+?⽘_x0015_??饦"/>
      <sheetName val="?:_x0013_?0é0°???? ReQ_x0005_"/>
      <sheetName val=":”_x0013_?0é0°? ReQ_x0005_"/>
      <sheetName val="加入者属性情報(10.5_5)"/>
      <sheetName val=""/>
      <sheetName val="_”_x0013_"/>
      <sheetName val=" _”_x0013_ 0é0°     ReQ_x0005_"/>
      <sheetName val="加入者ｽﾃｰﾀ_x0002____+_⽘_x0015___饦"/>
      <sheetName val="___x0013__0é0°____ ReQ_x0005_"/>
      <sheetName val="_”_x0013__0é0°_ ReQ_x0005_"/>
      <sheetName val="加入者属性情報(ᠵ㦆ꉠ赈鵛륿"/>
      <sheetName val="テーブル一覧1"/>
      <sheetName val="テーブル一覧_2"/>
      <sheetName val="テーブル一覧_3"/>
      <sheetName val="テーブル一覧_4"/>
      <sheetName val="テーブル一覧_計上保留システム"/>
      <sheetName val="テーブル一覧_計上保留システム２"/>
      <sheetName val="テーブル一覧_5"/>
      <sheetName val="テーブル一覧_6"/>
      <sheetName val="テーブル一覧_6 (2)"/>
      <sheetName val="テーブル一覧_計上入金管理システム"/>
      <sheetName val="テーブル一覧_代勘・団体オンライン"/>
      <sheetName val="テーブル一覧_6 (4)"/>
      <sheetName val="テーブル一覧_6 (3)"/>
      <sheetName val="テーブル一覧_マスタ管理"/>
      <sheetName val="テーブル一覧_マスタ管理２"/>
      <sheetName val="テーブル一覧_マスタ管理３"/>
      <sheetName val="テーブル一覧_マスタ管理４"/>
      <sheetName val="テーブル一覧_マスタ管理５"/>
      <sheetName val="テーブル一覧_マスタ管理６"/>
      <sheetName val="テーブル一覧_マスタ管理７"/>
      <sheetName val="テーブル一覧_マスタ管理８"/>
      <sheetName val="指図書データ（プラン単位）_x0008_10.2)"/>
      <sheetName val="GWサーヘー(win)設定情報"/>
      <sheetName val="_x0000_:”_x0013__x0000_0é0°_x0000__x0000__x0000__x0000_ ReQ_x0005_€"/>
      <sheetName val=" :”_x0013_ 0é0°     ReQ_x0005_€"/>
      <sheetName val="I_Oﾌｧｲﾙ"/>
      <sheetName val="I_OﾌｧｲﾙＸ"/>
      <sheetName val="原本"/>
      <sheetName val="ﾃｽﾄｹｰｽ一覧(2Ｘ)"/>
      <sheetName val="予算問題点 "/>
      <sheetName val="問題点"/>
      <sheetName val="インプット (2)"/>
      <sheetName val="一覧表"/>
      <sheetName val="１経費台帳"/>
      <sheetName val="２全経費科目集計表"/>
      <sheetName val="品質状況(2)"/>
      <sheetName val="参考（不具合分類）"/>
      <sheetName val="分類"/>
      <sheetName val="#REF"/>
      <sheetName val="_REF"/>
      <sheetName val="コールトラック"/>
      <sheetName val="ナレッジ"/>
      <sheetName val="I_Oﾌｧｲԯ"/>
      <sheetName val="I_Oﾌｧｲ밀"/>
      <sheetName val="I_Oﾌｧｲ㰀"/>
      <sheetName val="品質管理表(2)"/>
      <sheetName val="品質管理状況"/>
      <sheetName val="要件定義"/>
      <sheetName val="基本設計"/>
      <sheetName val="詳細設計"/>
      <sheetName val="ローン要件情報(加入者）㓌9.1.1)"/>
      <sheetName val="para"/>
      <sheetName val="新業務機能記栅㊔"/>
      <sheetName val="３消費税の計算書"/>
      <sheetName val="４経費集計表"/>
      <sheetName val="５製品製造原価報告書"/>
      <sheetName val="６損益計算書"/>
      <sheetName val="退職事由等(µ.2.3.2) (2)"/>
      <sheetName val="I_Oﾌｧｲ쐍"/>
      <sheetName val="７総勘定元帳"/>
      <sheetName val="８試算表"/>
      <sheetName val="９貸借対照表"/>
      <sheetName val="１０雑収雑損一覧"/>
      <sheetName val="１１関係会社売上仕入一覧表"/>
      <sheetName val="ＪＯＢ単位"/>
      <sheetName val="JOB単位ｹｰｽ一覧"/>
      <sheetName val="ＪＯＢ単位BIPB010"/>
      <sheetName val="ＪＯＢ単位BIPB201"/>
      <sheetName val="ＪＯＢ単位NIPB202"/>
      <sheetName val="ＪＯＢ単位BIPBZ00)"/>
      <sheetName val="サンプル（ＪＯＢ単位）"/>
      <sheetName val="テストデータ"/>
      <sheetName val="プロセス単位"/>
      <sheetName val="ﾌﾟﾛｾｽ単位ｹｰｽ一覧"/>
      <sheetName val="プロセス単位Ｐ４"/>
      <sheetName val="プロセス単位Ｐ１"/>
      <sheetName val="Ｐ１Ｐ４-Ⅱ-(1)"/>
      <sheetName val="Ｐ１Ｐ４-Ⅱ-(2)"/>
      <sheetName val="プロセス単位Ｐ５"/>
      <sheetName val="プロセス単位Ｐ５ (2)"/>
      <sheetName val="Ｐ５Ⅰ-2-2-(1)"/>
      <sheetName val="Ｐ５Ⅰ-2-2-(2)"/>
      <sheetName val="Ｐ５Ⅱ-1-2-(1)"/>
      <sheetName val="Ｐ５Ⅱ-1-1-(3)"/>
      <sheetName val="Ｐ５Ⅱ-(1)"/>
      <sheetName val="Ｐ５Ⅱ-(2)"/>
      <sheetName val="Ｐ５Ⅱ-1-2-(3)"/>
      <sheetName val="Ｐ５Ⅱ-1-7-(2)"/>
      <sheetName val="Ｐ５Ⅱ-1-7-(1)"/>
      <sheetName val="Ｐ５Ⅱ-1-6-(1)"/>
      <sheetName val="Ｐ５Ⅱ-1-5-(1)"/>
      <sheetName val="プロセス単位Ｐ６"/>
      <sheetName val="プロセス間"/>
      <sheetName val="サンプル（プロセス単位）"/>
      <sheetName val="サンプル（プロセス間１）"/>
      <sheetName val="サンプル（プロセス間２）"/>
      <sheetName val="賞与－ＩＴａ"/>
      <sheetName val="サンプル－ＩＴａ"/>
      <sheetName val="ITA"/>
      <sheetName val="トラブル報告書(原本)"/>
      <sheetName val="030トラ報"/>
      <sheetName val="021トラ報"/>
      <sheetName val="019トラ報"/>
      <sheetName val="018トラ報"/>
      <sheetName val="017トラ報"/>
      <sheetName val="015トラ報"/>
      <sheetName val="012トラ報"/>
      <sheetName val="010トラ報"/>
      <sheetName val="007トラ報"/>
      <sheetName val="トラブル報告書記入要領_説明用_トラブル報告書"/>
      <sheetName val="トラブル報告書記入要領"/>
      <sheetName val="トラブル管理手順"/>
      <sheetName val="ﾌﾟﾛｾｽ間ｹｰｽ一覧"/>
      <sheetName val="プロセス間①"/>
      <sheetName val="プロセス間②"/>
      <sheetName val="プロセス間③"/>
      <sheetName val="プロセス間④"/>
      <sheetName val="プロセス間⑤"/>
      <sheetName val="■旧x040525)_BIPG120_Ｐ６作表"/>
      <sheetName val="BIPG130_電子帳票"/>
      <sheetName val="【補足1】"/>
      <sheetName val="■旧～0617)_JOBｸﾞﾙｰﾌﾟﾌﾛｰ"/>
      <sheetName val="BIPG110_Ｐ３加工～"/>
      <sheetName val="■旧)BIPG110_Ｐ３加工"/>
      <sheetName val="NIPG910_カード戻し"/>
      <sheetName val="NIPG920_引継F戻し"/>
      <sheetName val="I_Oﾌｧｲ/"/>
      <sheetName val="I_Oﾌｧｲ紆"/>
      <sheetName val="I_Oﾌｧｲ蠑"/>
      <sheetName val="I_Oﾌｧｲ　"/>
      <sheetName val="I_Oﾌｧｲ0"/>
      <sheetName val="I_Oﾌｧｲ紃"/>
      <sheetName val="I_Oﾌｧｲ"/>
      <sheetName val="I_Oﾌｧｲ렽"/>
      <sheetName val="I_Oﾌｧｲ롁"/>
      <sheetName val="加入者ᱞ性(9.2.3)"/>
      <sheetName val="加入者ｽﾃｰﾀ_x0002__x0000__x0000__x0000_+_x0000___x0015__x0000__x0000__"/>
      <sheetName val=":”_x0013__x0000_0_0°_x0000_ ReQ_x0005_\"/>
      <sheetName val="システム一覧"/>
      <sheetName val="wk_検索"/>
      <sheetName val="システム一覧_周辺システム名ソート"/>
      <sheetName val="新業務機能記/_x0000_"/>
      <sheetName val="新業務機能記쨄쭡"/>
      <sheetName val="I_Oﾌｧｲ紀"/>
      <sheetName val="I_Oﾌｧｲ怀"/>
      <sheetName val="I_Oﾌｧｲ㔀"/>
      <sheetName val="I_Oﾌｧｲ栀"/>
      <sheetName val="I_Oﾌｧｲ_xd831_"/>
      <sheetName val="I_Oﾌｧｲ爨"/>
      <sheetName val="I_Oﾌｧｲ爉"/>
      <sheetName val="I_Oﾌｧｲ"/>
      <sheetName val="I_Oﾌｧｲ納"/>
      <sheetName val="ྪ_x0004_Ѐ_x0000_"/>
      <sheetName val="加入者ｽﾃｰﾀ_x0002_??׃⿡_x0000__x0000_냠_x0000__x0000__x0000_"/>
      <sheetName val="加入者ｽﾃｰﾀ_x0002_??釐_x0014_꺨ሔ䑲⼝_x0001__x0000_"/>
      <sheetName val="退職事由等(µ.2._x0000__x0000_뎸_x0000__x0000__x0000_꼽࿰"/>
      <sheetName val="退職事由等(µ.2.䑲　_x0000__x0000_偰_x0000__x0000__x0000_"/>
      <sheetName val="退職事由等(µ.2._x0000__x0000_秘_x0000__x0000__x0000_ᾯ矄"/>
      <sheetName val="退職事由等(µ.2._x0000__x0000_님_x0000__x0000__x0000_鐾ᅺ"/>
      <sheetName val="退職事由等(µ.2._x0010__x0000_ꦠܝ䑲〆_x0000__x0000_"/>
      <sheetName val="退職事由等(µ.2._x0010__x0000_臸ৗ䑲〆_x0000__x0000_"/>
      <sheetName val="退職事由等(µ.2._x0010__x0000_ܻ䑲〆_x0000__x0000_"/>
      <sheetName val="退職事由等(µ.2._x0000__x0000_⪸_x0000__x0000__x0000_㟸ڷ"/>
      <sheetName val="人DB給DBﾏｯﾁﾝİ_x0000_"/>
      <sheetName val="☆B010(A00_x0000_　Â_x0000__x0000_㠀"/>
      <sheetName val="加入者ｽﾃｰﾀ_x0002_??_x0000__x0000__x0000__x0000__x0000_Ⓝ"/>
      <sheetName val="退職事由等(µ.2._x0000__x0000_훈_x0000__x0000__x0000_Ⓝ"/>
      <sheetName val="退職事由等(µ.2.⩿⿜_x0005__x0000__x0000__x0000__x0000_"/>
      <sheetName val="退職事由等(µ.2._x0005__x0000__x0000__x0000__x0000_㜕徙"/>
      <sheetName val="退職事由等(µ.2.砐5⩿⿫_x0005__x0000__x0000_"/>
      <sheetName val="退職事由等(µ.2.皐=⩿〃_x0005__x0000__x0000_"/>
      <sheetName val="退職事由等(µ.2.⩿⾤_x0005__x0000__x0000__x0000__x0000_"/>
      <sheetName val="退職事由等(µ.2.⩿、_x0005__x0000__x0000__x0000__x0000_"/>
      <sheetName val="退職事由等(µ.2.⩿〙_x0005__x0000__x0000__x0000__x0000_"/>
      <sheetName val="☆B010(A0⻡_x0000__x0000_礀恃Ŀ"/>
      <sheetName val="新業務機能記԰_x0000_"/>
      <sheetName val="新業務機能記　⥫"/>
      <sheetName val="☆B010(A0ⴀ_xdd46_⁶ー崂യ_x0001_"/>
      <sheetName val="☆B010(A0ⴀ鑆_xd876_䴬_xdb01_⫊_x0000_"/>
      <sheetName val="☆B010(A0頇㖔ࠀ쏬紂占0"/>
      <sheetName val="人DB給DBﾏｯﾁﾝ_x0000_᧱"/>
      <sheetName val="☆B010(A00_x0000_栀²_x0000__x0000_㠀"/>
      <sheetName val="☆B010(A00_x0000_⠀d_x0000__x0000_㠀"/>
      <sheetName val="☆B010(A00_x0000_䀀_x0000__x0000_栀"/>
      <sheetName val="☆B010(A00_x0000_\_x0000__x0000_堀"/>
      <sheetName val="☆B010(A0/_x0000_怀_x0000__x0000_䠀"/>
      <sheetName val="☆B010(A00_x0000_렀z_x0000__x0000_砀"/>
      <sheetName val="☆B010(A00_x0000_退_x0000__x0000_㠀"/>
      <sheetName val="☆B010(A0/_x0000_ꀀÂ_x0000__x0000_栀"/>
      <sheetName val="☆B010(A00_x0000_¸_x0000__x0000_㠀"/>
      <sheetName val="☆B010(A00_x0000_쀀_x0001__x0000__x0000_䠀"/>
      <sheetName val="☆B010(A00_x0000_㠀w_x0000__x0000_㠀"/>
      <sheetName val="☆B010(A00_x0000_퀀ô_x0000__x0000_㠀"/>
      <sheetName val="☆B010(A00_x0000_堀_x001d__x0000__x0000_᠀"/>
      <sheetName val="☆B010(A0절ᾓʨ紅詠0"/>
      <sheetName val="加入者ｽﾃｰ0_x0000_"/>
      <sheetName val="I_Oﾌｧｲ紅"/>
      <sheetName val="I_Oﾌｧｲ紁"/>
      <sheetName val="I_Oﾌｧｲက"/>
      <sheetName val="I_Oﾌｧｲ䠓"/>
      <sheetName val="プロセス単位Ｐ锼"/>
      <sheetName val="リᰀ፜"/>
      <sheetName val="I_Oﾌｧｲ䈀"/>
      <sheetName val="I_Oﾌｧｲ䠈"/>
      <sheetName val="I_Oﾌｧｲ夂"/>
      <sheetName val="I_Oﾌｧｲ䠅"/>
      <sheetName val="I_Oﾌｧｲ紇"/>
      <sheetName val="☆B010(A0԰_x0000_缀_x0000__x0000__x0000_⼀"/>
      <sheetName val="☆B010(A0԰_x0000_缀_x0000__x0000__x0000_ऀ"/>
      <sheetName val="☆B010(A0԰_x0000_缀_x0000__x0000__x0000_봀"/>
      <sheetName val="☆B010(A0_x0001__x0000_䠀꼡_xdc07_䤧"/>
      <sheetName val="☆B010(A0_x0001__x0000_怀팀_xdc17_䤧"/>
      <sheetName val="☆B010(A0쀀⷏܃䎎/_x0000_瀀"/>
      <sheetName val="☆B010(A0/_x0000_蠀__x0000__x0000_ᬀ"/>
      <sheetName val="☆B010(A0/_x0000__x0000__x0000__x0000_ᬀ"/>
      <sheetName val="☆B010(A0က_x0000_᠀蚯܂美/"/>
      <sheetName val="☆B010(A0栀㔂܇↎/_x0000_ꠀ"/>
      <sheetName val="☆B010(A0က_x0000_堀㼆܆庎/"/>
      <sheetName val="☆B010(A0䠍㶕ࠀጅ約๠0"/>
      <sheetName val="人DB給DBﾏｯﾁﾝ栕ᒘ"/>
      <sheetName val="目次・쐂屣"/>
      <sheetName val="目次・/_x0000_"/>
      <sheetName val="目次・0_x0000_"/>
      <sheetName val="目次・砉ᩋ"/>
      <sheetName val="区分"/>
      <sheetName val="I_Oﾌｧｲ蠘"/>
      <sheetName val="I_Oﾌｧｲ蠖"/>
      <sheetName val="I_Oﾌｧｲ紂"/>
      <sheetName val="I_Oﾌｧｲ紉"/>
      <sheetName val="HW_x0005__x0000_"/>
      <sheetName val="☆B010(A0怀፵∀ᩃ԰_x0000_缀"/>
      <sheetName val="加入者ｽﾃｰ㰀᎕"/>
      <sheetName val="指図書データ（プランį_x0000_䠀_x000a__x0000__x0000_퀀ﾥⱁ"/>
      <sheetName val="☆B010(A0/_x0000_⠀Û_x0000__x0000_퀀"/>
      <sheetName val="☆B010(A0က⣬_x0000__x0000_넀鵄Ŀ"/>
      <sheetName val="I_Oﾌｧｲⴀ"/>
      <sheetName val="I_Oﾌｧｲ_x0001_"/>
      <sheetName val="支払完了ステータス(5.3.2)"/>
      <sheetName val="加入者ステータス等(5.1.1)"/>
      <sheetName val="加入者ステータス等 (5.1.2) "/>
      <sheetName val="加入者ステータス等(5.1.3) "/>
      <sheetName val="加入者ステータス区分(5.2.1)"/>
      <sheetName val="加入者ステータス区分(5.2.3.1)"/>
      <sheetName val="加入者ステータス区分 (5.2.3.2)"/>
      <sheetName val="支払済ステータス（5.3.2）"/>
      <sheetName val="プラン脱退情報(5.3.2)"/>
      <sheetName val="_x0000_:?_x0013__x0000_0?0?_x0000__x0000__x0000__x0000_?ReQ_x0005_?"/>
      <sheetName val="05.出向休職"/>
      <sheetName val="I_Oﾌｧｲ"/>
      <sheetName val="分類2"/>
      <sheetName val="新業務機能記紂੠"/>
      <sheetName val="H27管理指標"/>
      <sheetName val="?:”_x0013_?0é0°???? ReQ_x0005_€"/>
      <sheetName val="I_Oﾌｧｲ_xd806_"/>
      <sheetName val="I_Oﾌｧｲ렏"/>
      <sheetName val="I_Oﾌｧｲ"/>
      <sheetName val="I_Oﾌｧｲ蠦"/>
      <sheetName val="I_Oﾌｧｲ"/>
      <sheetName val="新業務機能記0_x0000_"/>
      <sheetName val="☆B010(A0紀浠0_x0000_耀Ú_x0000_"/>
      <sheetName val="☆B010(A00_x0000_뀀\_x0000__x0000_堀"/>
      <sheetName val="目次・䈀ᅪ"/>
      <sheetName val="目次・倀鮨"/>
      <sheetName val="目次・ _xda5d_"/>
      <sheetName val="目次・　隹"/>
      <sheetName val="目次・뀀魥"/>
      <sheetName val="目次・쀀_xda58_"/>
      <sheetName val="目次・㔀቎"/>
      <sheetName val="目次・԰_x0000_"/>
      <sheetName val="目次・_xd800_根"/>
      <sheetName val="目次・렀㙪"/>
      <sheetName val="目次・ꠈ㽯"/>
      <sheetName val="目次・朅ⵥ"/>
      <sheetName val="目次・栈䑳"/>
      <sheetName val="目次・젆ᶒ"/>
      <sheetName val="目次・約湠"/>
      <sheetName val="目次・紂湠"/>
      <sheetName val="加入者ｽﾃｰﾀ_x0002_?+?⽘_x0015_?饦"/>
      <sheetName val="テーブル嘀*噌"/>
      <sheetName val="テーブル橂⼣_x0005_"/>
      <sheetName val="☆B010(A0_x0000__x0000_쀀̴Ⱍ䄩Ⰰ"/>
      <sheetName val="☆B010(A0崀왅⡴_xd985_弁똿_x0000_"/>
      <sheetName val="新業務機能記紂"/>
      <sheetName val="新業務機能記蠓ㅬ"/>
      <sheetName val="新業務機能記쨂"/>
      <sheetName val="改訂履歴"/>
      <sheetName val="改訂内容"/>
      <sheetName val="1.前提"/>
      <sheetName val="2.IPOﾀﾞｲｱｸﾞﾗﾑ(1)"/>
      <sheetName val="2.IPOﾀﾞｲｱｸﾞﾗﾑ(2)"/>
      <sheetName val="2.IPOﾀﾞｲｱｸﾞﾗﾑ(3)"/>
      <sheetName val="2.IPOﾀﾞｲｱｸﾞﾗﾑ(4)"/>
      <sheetName val="3.ﾁｪｯｸ仕様"/>
      <sheetName val="4.編集仕様（受渡ﾊﾟﾗﾒｰﾀ）(1)"/>
      <sheetName val="4.編集仕様（受渡ﾊﾟﾗﾒｰﾀ）(2)"/>
      <sheetName val="4.編集仕様（受渡ﾊﾟﾗﾒｰﾀ）(3)"/>
      <sheetName val="4.編集仕様（受渡ﾊﾟﾗﾒｰﾀ）(4)"/>
      <sheetName val="5.データベース編集仕様"/>
      <sheetName val="6.金銭拘束残高依頼実行一覧"/>
      <sheetName val="7.パラメータレイアウト"/>
      <sheetName val="8.添付資料(日本語マクロガイド)"/>
      <sheetName val="日本語マクロガイド【NKEJ10】"/>
      <sheetName val="VKBJ04C"/>
      <sheetName val="区分定義"/>
      <sheetName val="新業務機能記怀ት"/>
      <sheetName val="設定シート１"/>
      <sheetName val="設定シート４"/>
      <sheetName val="設定シート３"/>
      <sheetName val="リ젆ⶓ"/>
      <sheetName val="新業務機能記쐇㡣"/>
      <sheetName val="新業務機能記쨃큡"/>
      <sheetName val="新業務機能記ꀀㅲ"/>
      <sheetName val="新業務機能記ꠀᩰ"/>
      <sheetName val="新業務機能記ࠀᕳ"/>
      <sheetName val="新業務機能記䠀ቬ"/>
      <sheetName val="新業務機能記씀촖"/>
      <sheetName val="新業務機能記_xd800_⹱"/>
      <sheetName val="新業務機能記_x0001__x0000_"/>
      <sheetName val="ドロップダウンリスト"/>
      <sheetName val="リက_x0000_"/>
      <sheetName val="I_Oﾌｧｲ렀"/>
      <sheetName val="I_Oﾌｧｲꨀ"/>
      <sheetName val="I_Oﾌｧｲ쨁"/>
      <sheetName val="[df一覧hs.xls]_x0000_:_x0013__x0000_0é0°_x0000__x0000__x0000__x0000_ ReQ_x0005_"/>
      <sheetName val="[df一覧hs.xls]:”_x0013__x0000_0é0°_x0000_ ReQ_x0005_"/>
      <sheetName val="[df一覧hs.xls] :”_x0013_ 0é0°     ReQ_x0005_"/>
      <sheetName val="[df一覧hs.xls]_x0000_:”_x0013__x0000_0é0°_x0000__x0000__x0000__x0000_ ReQ_x0005_€"/>
      <sheetName val="[df一覧hs.xls] :”_x0013_ 0é0°     ReQ_x0005_€"/>
      <sheetName val="[df一覧hs.xls]?:_x0013_?0é0°???? ReQ_x0005_"/>
      <sheetName val="[df一覧hs.xls]I_Oﾌｧｲ/"/>
      <sheetName val="[df一覧hs.xls]:”_x0013__x0000_0_0°_x0000_ ReQ_x0005_\"/>
      <sheetName val="[df一覧hs.xls]新業務機能記/_x0000_"/>
      <sheetName val="[df一覧hs.xls]:”_x0013_"/>
      <sheetName val="[df一覧hs.xls]:”_x0013_?0é0°? ReQ_x0005_"/>
      <sheetName val="[df一覧hs.xls]目次・/_x0000_"/>
      <sheetName val="[df一覧hs.xls]?:”_x0013_?0é0°???? ReQ_x0005_€"/>
      <sheetName val="[df一覧hs.xls]☆B010(A00_x0000_\_x0000__x0000_堀"/>
      <sheetName val="[df一覧hs.xls]☆B010(A0/_x0000_怀_x0000__x0000_䠀"/>
      <sheetName val="[df一覧hs.xls]☆B010(A0/_x0000_ꀀÂ_x0000__x0000_栀"/>
      <sheetName val="[df一覧hs.xls]☆B010(A0/_x0000_⠀Û_x0000__x0000_퀀"/>
      <sheetName val="[df一覧hs.xls]☆B010(A0쀀⷏܃䎎/_x0000_瀀"/>
      <sheetName val="[df一覧hs.xls]☆B010(A0/_x0000_蠀__x0000__x0000_ᬀ"/>
      <sheetName val="[df一覧hs.xls]☆B010(A0/_x0000__x0000__x0000__x0000_ᬀ"/>
      <sheetName val="[df一覧hs.xls]☆B010(A0က_x0000_᠀蚯܂美/"/>
      <sheetName val="[df一覧hs.xls]☆B010(A0栀㔂܇↎/_x0000_ꠀ"/>
      <sheetName val="[df一覧hs.xls]☆B010(A0က_x0000_堀㼆܆庎/"/>
      <sheetName val="[df一覧hs.xls]_x0000_:?_x0013__x0000_0?0?_x0000__x0000__x0000__x0000_?ReQ_x0005_?"/>
      <sheetName val="[df一覧hs.xls]☆B010(A00_x0000_뀀\_x0000__x0000_堀"/>
      <sheetName val="変更管理쐊潣0"/>
      <sheetName val="変更管理/_x0000_ࠀ"/>
      <sheetName val="変更管理ԯ_x0000_缀"/>
      <sheetName val="変更管理ꠀ⡮䈀"/>
      <sheetName val="変更管理耀ᩰ찀"/>
      <sheetName val="変更管理㠀⑰䈀"/>
      <sheetName val="変更管理ꀀ╭"/>
      <sheetName val="変更管理崀졅塶"/>
      <sheetName val="変更管理줂倯_x0001_"/>
      <sheetName val="メイン・メニュー"/>
      <sheetName val="見積明細"/>
      <sheetName val="★データ編集Ⅱ쨄/_x0000_᠀x"/>
      <sheetName val="展開表"/>
      <sheetName val="加入者ｽﾃｰﾀ_x0002_???+?ᘀ᨜԰_x0000_缀"/>
      <sheetName val="加入者ｽﾃｰﾀ_x0002_???+?︀矕ԯ_x0000_缀"/>
      <sheetName val="加入者ｽﾃｰﾀ_x0002_???+?᠀⺝尀⺝︀"/>
      <sheetName val="加入者ｽﾃｰﾀ_x0002_???+?䠀គ谀គ︀"/>
      <sheetName val="加入者ｽﾃｰﾀ_x0002_???+?︀ԯ_x0000_缀"/>
      <sheetName val="加入者ｽﾃｰﾀ_x0002_???+?︀ꯕԯ_x0000_缀"/>
      <sheetName val="★データ編集Ⅱ䁵턲蠯䑤㄁⁶"/>
      <sheetName val="ＲＯ加入者口座登録情報(2.3.1䱴쮡美佣䄌"/>
      <sheetName val="生年月日・現臁_x0000_舀_x0000_茀_x0000_萀_x0000_蔀_x0000_"/>
      <sheetName val="☆★☆ITE砛ᒇ"/>
      <sheetName val="☆★☆ITE砟ᒇ"/>
      <sheetName val="☆★☆ITE脅呦"/>
      <sheetName val="☆★☆ITE0_x0000_"/>
      <sheetName val="☆★☆ITE脆呦"/>
      <sheetName val=":က_x0000_"/>
      <sheetName val=":龜"/>
      <sheetName val=":䀀≖"/>
      <sheetName val=":ἀ邦"/>
      <sheetName val=":ԯ_x0000_"/>
      <sheetName val=":렀╊"/>
      <sheetName val=":ꠀ╭"/>
      <sheetName val=":砀ᩈ"/>
      <sheetName val="Ｘweb_ＪＯＢ爁筄"/>
      <sheetName val="Ｘweb_ＪＯＢ爁驄"/>
      <sheetName val="Ｘweb_ＪＯＢ爃驄"/>
      <sheetName val="Ｘweb_ＪＯＢ爁硄"/>
      <sheetName val="★データ編集Ⅱ렀቟԰_x0000_缀_x0000_"/>
      <sheetName val="★データ編集Ⅱ԰_x0000_缀_x0000__x0000__x0000_"/>
      <sheetName val="★データ編集Ⅱ᠀ᩙ䈀湪ԯ_x0000_"/>
      <sheetName val="所管別１"/>
      <sheetName val="df一覧hs"/>
      <sheetName val="NIPG930_読み飛ばしカード(共通)戻し"/>
      <sheetName val="後日変更作表済ﾄﾗﾝｽﾞｸﾘｱｰ"/>
      <sheetName val="加入者ｽﾃｰﾀ_x0002_???+?⽘_x0015_?亨&amp;"/>
      <sheetName val="ྪ_x0004_Ѐ橂"/>
      <sheetName val="ྪ_x0004_Ѐ闰"/>
      <sheetName val="ྪ_x0004_Ѐ_x0005_"/>
      <sheetName val="テーブル定義書（案件番号採番）"/>
      <sheetName val="外部設計WBS"/>
      <sheetName val="リ蠄⢔"/>
      <sheetName val="ドメイン情報"/>
      <sheetName val="IPアドレス一覧"/>
      <sheetName val="回線情報"/>
      <sheetName val="電話機関連"/>
      <sheetName val="回線接続図"/>
      <sheetName val="CIC(Line)設定"/>
      <sheetName val="Workgroup設定"/>
      <sheetName val="CIC(Station)設定"/>
      <sheetName val="CIC(Station)シリアル"/>
      <sheetName val="ユーザ一覧(オペレータ "/>
      <sheetName val="スキル"/>
      <sheetName val="CIC(Status)"/>
      <sheetName val="スケジュール"/>
      <sheetName val="CIC(Roles)"/>
      <sheetName val="CIC(InputConversion)設定"/>
      <sheetName val="CIC(DialPlan)設定"/>
      <sheetName val="SIPMG設定 (Mediant)"/>
      <sheetName val="SIP端末設定"/>
      <sheetName val="Recorder設定"/>
      <sheetName val="ハンドラーカスタマイズ"/>
      <sheetName val="目次・給_x0005_"/>
      <sheetName val="目次・給䴻"/>
      <sheetName val="２月見直し後"/>
      <sheetName val="内訳"/>
      <sheetName val="ヘッダ"/>
      <sheetName val="開発残"/>
      <sheetName val="TBLﾚｲｱｳﾄ"/>
      <sheetName val="DDICT"/>
      <sheetName val="支払指図書Ǉータ（一時払）(5.2.1.4)"/>
      <sheetName val="目次・　㕔"/>
      <sheetName val="作番一覧"/>
      <sheetName val="A3 Resource Plan by Person"/>
      <sheetName val="SPC_LC"/>
      <sheetName val="CPTY table"/>
      <sheetName val="historical data (var)"/>
      <sheetName val="切替本部・海外記帳発生事象一覧（UKD1・UKE1）"/>
      <sheetName val="☆B010(A0쌔ᄅ0_x0000_ကs_x0000_"/>
      <sheetName val="ྪ_x0004_Ѐ锼"/>
      <sheetName val="☆B010(A0㰀᎕萀᎕缀ᨪ԰"/>
      <sheetName val="ྪ_x0004_Ѐ徸"/>
      <sheetName val="ྪ_x0004_Ѐ玸"/>
      <sheetName val="ྪ_x0004_Ѐ"/>
      <sheetName val="Ｃ１表"/>
      <sheetName val="Ｃ２表"/>
      <sheetName val="ローン要件情報(加入者）⻌9.1.1)"/>
      <sheetName val="障害管理台帳"/>
      <sheetName val="進捗グラフ"/>
      <sheetName val="集計表"/>
      <sheetName val="TWH060_VIEW②"/>
      <sheetName val="総括表"/>
      <sheetName val="DL購入分"/>
      <sheetName val="昭和成約"/>
      <sheetName val="昭和拠点"/>
      <sheetName val="専用TBL定義書"/>
      <sheetName val="営業資産＋資金収益（削除予定）"/>
      <sheetName val="加入者ｽﾃｰﾀ_x0002_԰_x0000_缀_x0000__x0000__x0000_谀鋥л፳"/>
      <sheetName val="ＡＰ用山積表"/>
      <sheetName val="ＡＰ用投資諸費"/>
      <sheetName val="受療率変動5"/>
      <sheetName val="CIO"/>
      <sheetName val="受療率変動3"/>
      <sheetName val="人口"/>
      <sheetName val="メニュー"/>
      <sheetName val="2002目標"/>
      <sheetName val="会社情報"/>
      <sheetName val="提出２"/>
      <sheetName val="貸出比較"/>
      <sheetName val="作業)投資資金"/>
      <sheetName val="COMPANY"/>
      <sheetName val="ﾁｪｯｸﾘｽﾄ(個別)"/>
      <sheetName val="問合せ・要望・依頼管理台帳"/>
      <sheetName val="PowerCenter(製品）"/>
      <sheetName val="予算問題点԰"/>
      <sheetName val="ﾃｽﾄｹｰｽ一覧(怀፵"/>
      <sheetName val="予算問題点怀"/>
      <sheetName val="予算問題点렀"/>
      <sheetName val="移10月"/>
      <sheetName val="Ｘ　☆★☆計0_x0000_"/>
      <sheetName val="接続先ＦＴｻｰﾊﾞ開発機（HA070CR80）"/>
      <sheetName val="共通・定期サーバ本番機（HA270DF400）"/>
      <sheetName val="約定管理・定期預金サーバ開発機（HA070CR80）"/>
      <sheetName val="Ｘ　☆★☆計┄⡏"/>
      <sheetName val="8F東"/>
      <sheetName val="目0"/>
      <sheetName val="外部ﾃﾞｨｽｸ"/>
      <sheetName val="I_Oﾌｧｲﾙ帔"/>
      <sheetName val="プログラム設計書"/>
      <sheetName val="Ｘ　☆★☆計┇"/>
      <sheetName val="Ｘ　☆★☆計頕⺔"/>
      <sheetName val="★データ編集Ⅱ렒⾒蠀婱쐋衣"/>
      <sheetName val="★データ編集Ⅱ0_x0000_렀s_x0000__x0000_"/>
      <sheetName val="【外貨預金】実施作業スケジュール"/>
      <sheetName val="データ"/>
      <sheetName val="I_Oﾌｧｲﾙ揄"/>
      <sheetName val="リリースファイル・ソースチェック結果一覧"/>
      <sheetName val="Ｘ　☆★☆計研゘"/>
      <sheetName val="はじめに"/>
      <sheetName val="辞書4"/>
      <sheetName val="辞書5"/>
      <sheetName val="辞書1"/>
      <sheetName val="東海店番 変更方針"/>
      <sheetName val="取引ストリーム表"/>
      <sheetName val="DNA変更管理台帳"/>
      <sheetName val="目栎"/>
      <sheetName val="目┃"/>
      <sheetName val="目᠒"/>
      <sheetName val="目/"/>
      <sheetName val="目栓"/>
      <sheetName val="CASE02"/>
      <sheetName val="Ｘ　☆★☆計쐁᭣"/>
      <sheetName val="選択項目"/>
      <sheetName val="Work"/>
      <sheetName val="★データ編集Ⅱ/_x0000_ꀀ¹_x0000__x0000_"/>
      <sheetName val="Ｘ　☆★☆計뀀_xd9e5_"/>
      <sheetName val="★データ編集Ⅱ䠏ቮ⠀穤쐊畣"/>
      <sheetName val="★データ編集Ⅱ䠓ቮꠀፎ쐍畣"/>
      <sheetName val="Ｘ　☆★☆計쐋녣"/>
      <sheetName val="Ｘ　☆★☆計頎⌠"/>
      <sheetName val="Ｘ　☆★☆計蠎⌞"/>
      <sheetName val="Ｘ　☆★☆計預⌠"/>
      <sheetName val="Ｘ　☆★☆計蠐⌞"/>
      <sheetName val="Ｘ　☆★☆計蠏⌞"/>
      <sheetName val="★データ編集Ⅱ፭꿾쐍_xda63_"/>
      <sheetName val="Ｘ　☆★☆計쐇ᙣ"/>
      <sheetName val="Ｘ　☆★☆計က뫣"/>
      <sheetName val="Ｘ　☆★☆計ꀀ๒"/>
      <sheetName val="Ｘ　☆★☆計쁷虯"/>
      <sheetName val="入力規則"/>
      <sheetName val="Ｘ　☆★☆計㠛▒"/>
      <sheetName val="Ｘ　☆★☆計㠝▒"/>
      <sheetName val="Ｘ　☆★☆計ꠖ゘"/>
      <sheetName val="Ｘ　☆★☆計栄Გ"/>
      <sheetName val="進捗表(_x0000__x0000_ㆈ_x0000__x0000_"/>
      <sheetName val="進捗表(愵の_x0000__x0000_眀"/>
      <sheetName val="納品書"/>
      <sheetName val="ﾕｰｻﾞｰ設定"/>
      <sheetName val="3.3.1-2 Schedule per person"/>
      <sheetName val="CRATE"/>
      <sheetName val="data"/>
      <sheetName val="FFOUTP"/>
      <sheetName val="FFOUTL"/>
      <sheetName val="目쐈"/>
      <sheetName val="Scope &amp; Estimation(E)"/>
      <sheetName val="Change History"/>
      <sheetName val="QA Test Case_Script Execution"/>
      <sheetName val="Macro1"/>
      <sheetName val="予算問題点栀"/>
      <sheetName val="予算問題点က"/>
      <sheetName val="予算問題点/"/>
      <sheetName val="進捗表(鈨_x001c_滠ࠣ揄"/>
      <sheetName val="POPCON Master"/>
      <sheetName val="基礎数字"/>
      <sheetName val="リソース(リスト)"/>
      <sheetName val="目蠀"/>
      <sheetName val="目退"/>
      <sheetName val="部門"/>
      <sheetName val="図表の見方"/>
      <sheetName val="リスト定義"/>
      <sheetName val="履歴管理"/>
      <sheetName val="処理概要"/>
      <sheetName val="フローチャート"/>
      <sheetName val="機能仕様"/>
      <sheetName val="補足 データ更新仕様"/>
      <sheetName val="Ｘ　☆★☆計砟ⴣ"/>
      <sheetName val="Ｘ　☆★☆計栟ⴡ"/>
      <sheetName val="Ｘ　☆★☆計栚ⴡ"/>
      <sheetName val="EUC_LIST.WJ2"/>
      <sheetName val="ﾃｽﾄｹｰｽ一覧(2Ｘ午"/>
      <sheetName val="ﾃｽﾄｹｰｽ一覧(2Ｘ䷈"/>
      <sheetName val="ﾃｽﾄｹｰｽ一覧(2Ｘ_x0010_"/>
      <sheetName val="ﾃｽﾄｹｰｽက_x0000_砀㰬܁ྎ"/>
      <sheetName val="カテゴリテーブル"/>
      <sheetName val="list"/>
      <sheetName val="Customize"/>
      <sheetName val="I_Oﾌｧｲ쐊"/>
      <sheetName val="Ｘ　☆★☆計瀀繐"/>
      <sheetName val="Ｘ　☆★☆計젢≮"/>
      <sheetName val="対象加入者属性情䠱(10.1.4)"/>
      <sheetName val="目렄"/>
      <sheetName val="Q_W_履歴TBL"/>
      <sheetName val="Ｘ　☆★☆計ࠅቮ"/>
      <sheetName val="Ｘ　☆★☆計/_x0000_"/>
      <sheetName val="EASYTRIEVE先"/>
      <sheetName val="進捗表(揄】_x0000__x0000_領"/>
      <sheetName val="詳細（ｼｽﾃﾑ数有）"/>
      <sheetName val="リスト項目"/>
      <sheetName val="Q_エクスポート管理票"/>
      <sheetName val="修正履歴"/>
      <sheetName val="返却ﾗﾍﾞﾙ"/>
      <sheetName val="保管ﾗﾍﾞﾙ"/>
      <sheetName val="work_sheet"/>
      <sheetName val="Ｘ　☆★☆計蘀肶"/>
      <sheetName val="★データ編集Ⅱ᭭䀅쐗"/>
      <sheetName val="Param"/>
      <sheetName val="部門別Ｆ"/>
      <sheetName val="プロセス単位Ｐ_x0000_"/>
      <sheetName val="プロセス単位Ｐ"/>
      <sheetName val="プロセス単位Ｐ熈"/>
      <sheetName val="Asset_Class"/>
      <sheetName val="ﾃﾞｰﾀ"/>
      <sheetName val="各種設定"/>
      <sheetName val="銘柄コード"/>
      <sheetName val="為Y-8NEW"/>
      <sheetName val="補足資料A-4"/>
      <sheetName val="補足資料A-2"/>
      <sheetName val="補足資料A-6"/>
      <sheetName val="Form 21-2 Post311201"/>
      <sheetName val="Form 21-4 Pre311201"/>
      <sheetName val="PLHistory"/>
      <sheetName val="コード表"/>
      <sheetName val="FFF"/>
      <sheetName val="BBB"/>
      <sheetName val="aaa"/>
      <sheetName val="CCC"/>
      <sheetName val="DDD"/>
      <sheetName val="cop"/>
      <sheetName val="リモート"/>
      <sheetName val="Ｘ　☆★☆計栄ភ"/>
      <sheetName val="Ｘ　☆★☆計쐅祣"/>
      <sheetName val="Ｘ　☆★☆計쐆祣"/>
      <sheetName val="Ｘ　☆★☆計᠄ᔢ"/>
      <sheetName val="Ｘ　☆★☆計ࠄᔠ"/>
      <sheetName val="Ｘ　☆★☆計ꠀ봰"/>
      <sheetName val="ﾃｽﾄｹｰｽ一覧(԰_x0000_缀"/>
      <sheetName val="ﾃｽﾄｹｰｽ一覧(렀቟԰"/>
      <sheetName val="予算問題点耀"/>
      <sheetName val="ﾃｽﾄｹｰｽ一覧(耀⥗찀"/>
      <sheetName val="ﾃｽﾄｹｰｽ一覧(䈀콪ԯ"/>
      <sheetName val="ﾃｽﾄｹｰｽ一覧(쐂_xda63_/"/>
      <sheetName val="ﾃｽﾄｹｰｽ一覧(怀ᡒ가"/>
      <sheetName val="予算問題点䈀"/>
      <sheetName val="ﾃｽﾄｹｰｽ一覧(0_x0000_㠀"/>
      <sheetName val="加入者ｽﾃ預᪌頀"/>
      <sheetName val="Ｘ　☆★☆計⠀䗄"/>
      <sheetName val="Ｘ　☆★☆計렛⢕"/>
      <sheetName val="☆★☆ITEM→項ᕯ᠀ꑈ"/>
      <sheetName val="PMO Use  Only"/>
      <sheetName val="DDL作成"/>
      <sheetName val="バッチ編画面詳細分"/>
      <sheetName val="店並"/>
      <sheetName val="Ｘ　☆★☆計᠏Ⱖ"/>
      <sheetName val="Ｘ　☆★☆計ࠐⰤ"/>
      <sheetName val="Ｘ　☆★☆計蠀鵁"/>
      <sheetName val="Ｘ　☆★☆計쐔罣"/>
      <sheetName val="Ｘ　☆★☆計ᢔ"/>
      <sheetName val="Ｘ　☆★☆計頄•"/>
      <sheetName val="Ｘ　☆★☆計蠄†"/>
      <sheetName val="PL (EURO)"/>
      <sheetName val="PL (TKY)"/>
      <sheetName val="格付試算シート"/>
      <sheetName val="Ｘ　☆★☆計쐈鉣"/>
      <sheetName val="Ｘ　☆★☆計䀀枥"/>
      <sheetName val="Ｘ　☆★☆計_x0000_枧"/>
      <sheetName val="Ｘ　☆★☆計耀蟪"/>
      <sheetName val="Ｘ　☆★☆計᠄⌢"/>
      <sheetName val="Ｘ　☆★☆計ࠄ⌠"/>
      <sheetName val="項目定義書"/>
      <sheetName val="TABLE_DD"/>
      <sheetName val="MASTER"/>
      <sheetName val="DD"/>
      <sheetName val="レビュー評価集計"/>
      <sheetName val="FUTURE"/>
      <sheetName val="ﾃｽﾄｹｰｽ一覧(/_x0000_耀"/>
      <sheetName val="予算問題点䀀"/>
      <sheetName val="新経費"/>
      <sheetName val="目砈"/>
      <sheetName val="リソース"/>
      <sheetName val="目"/>
      <sheetName val="Lists"/>
      <sheetName val="規模・工数・取纏表"/>
      <sheetName val="CodeRed_BaseLogのクロス集計"/>
      <sheetName val="I_Oﾌｧｲ帧"/>
      <sheetName val="記入欄補足"/>
      <sheetName val="WBS"/>
      <sheetName val="選択肢"/>
      <sheetName val="集計シート"/>
      <sheetName val="会員企業名"/>
      <sheetName val="人員推移"/>
      <sheetName val="☆B010(A0倀ᚨ쐂ལ0_x0000_က"/>
      <sheetName val="☆B010(A0/_x0000_᠀a_x0000__x0000_㠀"/>
      <sheetName val="サービス"/>
      <sheetName val="ﾘﾘｰｽ一覧"/>
      <sheetName val="６損益付'視"/>
      <sheetName val="ﾃｽﾄｹｰ_x0000__x0000_"/>
      <sheetName val="決済書"/>
      <sheetName val="ﾃｽﾄｹｰ࿀˽橿"/>
      <sheetName val="ﾃｽﾄｹｰ_x0000__x0000_뮘"/>
      <sheetName val="ﾃｽﾄｹｰ_x0000__x0000_蜸"/>
      <sheetName val="I_Oﾌｧｲﾙ鐸"/>
      <sheetName val="退職事由等(µ.2.3.0_x0000_ê_x0000__x0000_"/>
      <sheetName val="退職事由等(µ.2.3./_x0000_頀T_x0000__x0000_"/>
      <sheetName val="退職事由等(µ.2.3./_x0000_U_x0000__x0000_"/>
      <sheetName val="退職事由等(µ.2.3.0_x0000_뀀Ì_x0000__x0000_"/>
      <sheetName val="退職事由等(µ.2.3.0_x0000_Á_x0000__x0000_"/>
      <sheetName val="退職事由等(µ.2.3.0_x0000_저í_x0000__x0000_"/>
      <sheetName val="ゾーニング設定表"/>
      <sheetName val="退職事由等(µ.2.3.0_x0000_瀀p_x0000__x0000_"/>
      <sheetName val="退職事由等(µ.2.3.0_x0000__x0000__x0000_"/>
      <sheetName val="退職事由等(µ.2.3.0_x0000_瀀G_x0000__x0000_"/>
      <sheetName val="退職事由等(µ.2.3.0_x0000__x0000_N_x0000__x0000_"/>
      <sheetName val="I_Oﾌｧｲﾙ门"/>
      <sheetName val="退職事由等(µ.2.3.ᦑ岊쐆⡣"/>
      <sheetName val="退職事由等(µ.2.3./_x0000_⠀´_x0000__x0000_"/>
      <sheetName val="コールト揄〬_x0000_"/>
      <sheetName val="コールト霨'Ꙙ"/>
      <sheetName val="退職事由等(µ.2.3.0_x0000_堀_x0000__x0000_"/>
      <sheetName val="予算問題点ꠁ"/>
      <sheetName val="予算問題点쀁"/>
      <sheetName val="★データ編集Ⅱ/_x0000_倀¿_x0000__x0000_"/>
      <sheetName val="退職事由等(µ.2.3.䠍ᢖ볘쐂ၣ"/>
      <sheetName val="変更管理ᒑ蠀"/>
      <sheetName val="変更管理쐁謹/"/>
      <sheetName val="退職事由等(µ.2.3.⠔ん䀀踌쐄ꑣ"/>
      <sheetName val="退職事由等(µ.2.3.쐆፣0_x0000_栀É"/>
      <sheetName val="顧客リスト"/>
      <sheetName val="Ｘ　☆★☆計ᠺጢ"/>
      <sheetName val="Ｘ　☆★☆計࠺ጠ"/>
      <sheetName val="Ｘ　☆★☆計℣"/>
      <sheetName val="Ｘ　☆★☆計℣"/>
      <sheetName val="Ｘ　☆★☆計℡"/>
      <sheetName val="Ｘ　☆★☆計堄Ω"/>
      <sheetName val="Ｘ　☆★☆計䠄ℤ"/>
      <sheetName val="退職事由等(µ.2.壆⿀_x0000__x0000_➨_x0000__x0000__x0000_"/>
      <sheetName val="退職事由等(µ.2._x0000__x0000__x0000__x0000__x0000_ߨճ"/>
      <sheetName val="加入者ｽﾃｰﾀ_x0002_??鉈_x0012_爰क़壆』_x0000__x0000_"/>
      <sheetName val="退職事由等(µ.2.餈(䊠გ壆せ_x0000__x0000_"/>
      <sheetName val="退職事由等(µ.2.壆⾬_x0000__x0000_ꍈ_x0000__x0000__x0000_"/>
      <sheetName val="退職事由等(µ.2.傘%ﴠԷ壆〾_x0000__x0000_"/>
      <sheetName val="ﾃｽﾄｹ_x0000__x0000_木ホ"/>
      <sheetName val="退職事由等(µ.2.壆で_x0000__x0000_❰_x0000__x0000__x0000_"/>
      <sheetName val="退職事由等(µ.2.䭈$㐨๤壆づ_x0000__x0000_"/>
      <sheetName val="ヘッダ用シート"/>
      <sheetName val="退職事由等(µ.2.常ݡ壆⿡_x0001__x0000_臸_x0000_"/>
      <sheetName val="退職事由等(µ.2.壆〷_x0000__x0000_ঠ_x0000__x0000__x0000_"/>
      <sheetName val="ビュー一覧"/>
      <sheetName val="作成要領・プロセス間関係図"/>
      <sheetName val="Ｘ　☆★☆計頄⾇"/>
      <sheetName val="ACM0131(GT)"/>
      <sheetName val="XPNOW"/>
      <sheetName val="【L2】移行先vs移行元_コンプラ・信用情報"/>
      <sheetName val="Period-End Data"/>
      <sheetName val="入力画面"/>
      <sheetName val="カメラ"/>
      <sheetName val="ｺﾞﾝﾍﾟﾙﾂ曲線"/>
      <sheetName val="原紙２"/>
      <sheetName val="ﾃｽﾄｹｰｽ一覧(쐂蹣/"/>
      <sheetName val="ﾃｽﾄｹｰｽ一覧(0_x0000_쀀"/>
      <sheetName val="ﾃｽﾄｹｰｽ一覧(0_x0000_頀"/>
      <sheetName val="ﾃｽﾄｹｰｽ一覧(0_x0000_퀀"/>
      <sheetName val="ﾃｽﾄｹｰｽ一覧(0_x0000_ꠀ"/>
      <sheetName val="ﾃｽﾄｹｰｽ一覧(0_x0000_"/>
      <sheetName val="ﾃｽﾄｹｰｽ一覧(/_x0000_㠀"/>
      <sheetName val="ﾃｽﾄｹｰｽ一覧(쐆ၣ0"/>
      <sheetName val="４経費集懇だ"/>
      <sheetName val="４経費集懇〪"/>
      <sheetName val="ﾃｽﾄｹｰｽ一覧(쐋浣0"/>
      <sheetName val="【別紙6】予実集計表"/>
      <sheetName val="目"/>
      <sheetName val="目_xd805_"/>
      <sheetName val="変更管理票"/>
      <sheetName val="入力シート"/>
      <sheetName val="料金表"/>
      <sheetName val="Ｘ　☆★☆計⠢"/>
      <sheetName val="Ｘ　☆★☆計쐁"/>
      <sheetName val="Ｘ　☆★☆計⠠"/>
      <sheetName val="Ｘ　☆★☆計⠢"/>
      <sheetName val="Ｘ　☆★☆計⠠"/>
      <sheetName val="Ｘ　☆★☆計렩ሧ"/>
      <sheetName val="Ｘ　☆★☆計꠩ሥ"/>
      <sheetName val="Ｘ　☆★☆計렧ሧ"/>
      <sheetName val="Ｘ　☆★☆計ꠥሥ"/>
      <sheetName val="Ｘ　☆★☆計_xd828_∤"/>
      <sheetName val="Ｘ　☆★☆計젨∢"/>
      <sheetName val="Ｘ　☆★☆計_xd821_∤"/>
      <sheetName val="Ｘ　☆★☆計젡∢"/>
      <sheetName val="Ｘ　☆★☆計_xd822_∤"/>
      <sheetName val="Ｘ　☆★☆計젢∢"/>
      <sheetName val="Ｘ　☆★☆計젍∢"/>
      <sheetName val="Ｘ　☆★☆計_xd829_∤"/>
      <sheetName val="Ｘ　☆★☆計_xd824_∤"/>
      <sheetName val="Ｘ　☆★☆計젤∢"/>
      <sheetName val="Ｘ　☆★☆計☤"/>
      <sheetName val="Ｘ　☆★☆計력⸣"/>
      <sheetName val="Ｘ　☆★☆計ꠥ⸡"/>
      <sheetName val="Ｘ　☆★☆計렵⸣"/>
      <sheetName val="Ｘ　☆★☆計꠵⸡"/>
      <sheetName val="Ｘ　☆★☆計㠜⠡"/>
      <sheetName val="Ｘ　☆★☆計⠜⠟"/>
      <sheetName val="Ｘ　☆★☆計ᠩሥ"/>
      <sheetName val="Ｘ　☆★☆計ࠩሣ"/>
      <sheetName val="Ｘ　☆★☆計_xd825_␦"/>
      <sheetName val="Ｘ　☆★☆計젥␤"/>
      <sheetName val="Ｘ　☆★☆計_xd815_‥"/>
      <sheetName val="Ｘ　☆★☆計정‣"/>
      <sheetName val="Ｘ　☆★☆計렭ᰠ"/>
      <sheetName val="Ｘ　☆★☆計꠬ᰞ"/>
      <sheetName val="Ｘ　☆★☆計렬ᰠ"/>
      <sheetName val="Ｘ　☆★☆計렱ᰠ"/>
      <sheetName val="Ｘ　☆★☆計렶ᰠ"/>
      <sheetName val="Ｘ　☆★☆計렵ᰠ"/>
      <sheetName val="為替明細ﾌｧｲﾙ"/>
      <sheetName val="支払指図書データ（一時払）(5.2.1㸀ᰀ̀"/>
      <sheetName val="電文比率"/>
      <sheetName val="個人型受給者情報(1.2.3.2ଝ"/>
      <sheetName val="進捗表(_x0000__x0000__xdc78__x0000__x0000_"/>
      <sheetName val="進捗表(氚〹_x0000__x0000_툰"/>
      <sheetName val="const"/>
      <sheetName val="ST2逓"/>
      <sheetName val="排他制御"/>
      <sheetName val="CPBS_D社変換"/>
      <sheetName val="CPBS280変換"/>
      <sheetName val="CPBS281変換"/>
      <sheetName val="NDI108変換"/>
      <sheetName val="NDI117変換"/>
      <sheetName val="NIC変換"/>
      <sheetName val="NIS変換"/>
      <sheetName val="NNC変換"/>
      <sheetName val="ニッセイ商事変換"/>
      <sheetName val="もしもし変換"/>
      <sheetName val="営業管理職_20_変換"/>
      <sheetName val="営業専門職_21_変換"/>
      <sheetName val="営職_10_変換"/>
      <sheetName val="支部長代理_12_変換"/>
      <sheetName val="支部長補佐_11_変換"/>
      <sheetName val="内勤_30_変換"/>
      <sheetName val="加入者ｽﾃｰﾀ栀"/>
      <sheetName val="加入者ｽﾃｰﾀ退"/>
      <sheetName val="連動ファイル一覧"/>
      <sheetName val="エラーコード"/>
      <sheetName val="ﾌｪｰｽﾞﾚﾍﾞﾙｺｽﾄ要員計画"/>
      <sheetName val="CountryCode"/>
      <sheetName val="I_Oﾌｧｲ栃"/>
      <sheetName val="退職事由等(µ.2.洨_x0017_ɶ壆べ_x0000__x0000_"/>
      <sheetName val="退職事由等(µ.2.壆〬_x0000__x0000_Ő_x0000__x0000__x0000_"/>
      <sheetName val="退職事由等(µ.2._x0000__x0000_䓐_x0000__x0000__x0000_Ј⒞"/>
      <sheetName val="FormD_201506"/>
      <sheetName val="定額コスト"/>
      <sheetName val="進捗表(_x0000__x0000_㰈_x0000__x0000_"/>
      <sheetName val="進捗表(_x0000__x0000_╀_x0000__x0000_"/>
      <sheetName val="進捗表(_x0000__x0000__xd9d8__x0000__x0000_"/>
      <sheetName val="リスト一覧"/>
      <sheetName val="基本マスタ"/>
      <sheetName val="目㠀"/>
      <sheetName val="資産全店VR"/>
      <sheetName val="NPLI"/>
      <sheetName val="ﾃｽﾄｹ_x0000__x0000_ᄘ_x0000_"/>
      <sheetName val="Temporary"/>
      <sheetName val="99.入力規則"/>
      <sheetName val="変更不可"/>
      <sheetName val="CPリスト"/>
      <sheetName val="System x"/>
      <sheetName val="参考(ServicePac)"/>
      <sheetName val="表紙（標準)"/>
      <sheetName val="(Hide)Dropdown List"/>
      <sheetName val="LCMoney"/>
      <sheetName val="Statics Information"/>
      <sheetName val="人DB給DB銨)㫰Λ業⾭"/>
      <sheetName val="取り纏め表"/>
      <sheetName val="目砀"/>
      <sheetName val="目堎"/>
      <sheetName val="目_xd817_"/>
      <sheetName val="目퀀"/>
      <sheetName val="Ｘ　☆★☆計堳ᬦ"/>
      <sheetName val="Ｘ　☆★☆計䠳ᬤ"/>
      <sheetName val="Ｘ　☆★☆計　荲"/>
      <sheetName val="進捗表(렘ࠦ揄⿦_x0000_"/>
      <sheetName val="目뀀"/>
      <sheetName val="目Б"/>
      <sheetName val="目Њ"/>
      <sheetName val="目"/>
      <sheetName val="FSC_COUNTRY_DIM"/>
      <sheetName val="FSC_MONTH_DIM"/>
      <sheetName val="加入者ｽﾃｰﾀ_x0002_??_x0000__x0000_쌐_x0000__x0000__x0000_՘ហ"/>
      <sheetName val="加入者ｽﾃｰﾀ_x0002_??_x0000__x0000_슠_x0000__x0000__x0000_՘ᕝ"/>
      <sheetName val="加入者ｽﾃｰﾀ_x0002_??壆〭_x0000__x0000_㊠_x0000__x0000__x0000_"/>
      <sheetName val="加入者ｽﾃｰﾀ_x0002_??_x0000__x0000_ࣸ_x0000__x0000__x0000_䟸ڇ"/>
      <sheetName val="加入者ｽﾃｰﾀ_x0002_??壆〭_x0000__x0000_⨐_x0000__x0000__x0000_"/>
      <sheetName val="加入者ｽﾃｰﾀ_x0002_??壆〭_x0000__x0000_⧘_x0000__x0000__x0000_"/>
      <sheetName val="退職事由等(µ.2.㊘ 拘Փ敧げ_x0000__x0000_"/>
      <sheetName val="退職事由等(µ.2.㊘ 常ր敧げ_x0000__x0000_"/>
      <sheetName val="加入者ｽﾃｰﾀ_x0002_??_x0000__x0000_剨_x0000__x0000__x0000_࢈ᑚ"/>
      <sheetName val="加入者ｽﾃｰﾀ_x0002_??_x0000__x0000_㳨_x0000__x0000__x0000_܈᪇"/>
      <sheetName val="退職事由等(µ.2.蛈ŝ挷べ_x0000__x0000_衐_x0000_"/>
      <sheetName val="退職事由等(µ.2.蚐Ļ挷た_x0000__x0000_衐_x0000_"/>
      <sheetName val="標準"/>
      <sheetName val="支払指図書データ（退職）(5_2_1_1)"/>
      <sheetName val="支払指図書データ（税引後）(5_2_1_2)"/>
      <sheetName val="支払指図書データ（困窮時）(5_2_1_3)"/>
      <sheetName val="支払指図書データ（一時払）(5_2_1_4)"/>
      <sheetName val="RO指図書データ（RO証明書）(5_2_1_5)"/>
      <sheetName val="RO指図書データ（RO取崩）(5_2_1_6)"/>
      <sheetName val="支払指図書データ（プラン外年金）(5_2_1_7)"/>
      <sheetName val="異動情報(5_2_1_11)"/>
      <sheetName val="RO移管払出適格証明請求情報(5_2_2)"/>
      <sheetName val="退職通知書情報(5_2_3_1)"/>
      <sheetName val="個人型受給者情報(5_2_3_2)"/>
      <sheetName val="売却情報(5_2_4_1)"/>
      <sheetName val="33260(3_2_2_3)"/>
      <sheetName val="33260(3_2_2_７)"/>
      <sheetName val="ローン内容登録情報（変更異動）(9_1_1)"/>
      <sheetName val="売却情報1(9_1_2)"/>
      <sheetName val="売却指図情報(9_1_2)"/>
      <sheetName val="実行ステータス情報(9_2_1)"/>
      <sheetName val="売却完了情報(9_2_1)"/>
      <sheetName val="売却完了情報(9_2_2)"/>
      <sheetName val="実行ステータス情報(9_2_3)"/>
      <sheetName val="一括返済額情報(9_3_1)"/>
      <sheetName val="入金予定額情報（一括時のみ）(9_3_3)"/>
      <sheetName val="売却時情報(9_3_5)"/>
      <sheetName val="33403(3_4)"/>
      <sheetName val="33518(3_5_4)"/>
      <sheetName val="33519(3_5_5)"/>
      <sheetName val="33602(3_6)"/>
      <sheetName val="24201(4_2_1)"/>
      <sheetName val="24235(4_2_2)"/>
      <sheetName val="24215(4_2_4)"/>
      <sheetName val="24322(4_3_4)"/>
      <sheetName val="24323(4_3_4)"/>
      <sheetName val="24404(4_4_2)"/>
      <sheetName val="24422(4_4_2)"/>
      <sheetName val="24409(4_4_3)"/>
      <sheetName val="24410(4_4_3)"/>
      <sheetName val="24411(4_4_4)"/>
      <sheetName val="24424(4_4_4)"/>
      <sheetName val="24502(4_5)"/>
      <sheetName val="保有数量(5_2_3_3)"/>
      <sheetName val="売却商品(5_2_4_4)"/>
      <sheetName val="資産処分明細情報(5_3)"/>
      <sheetName val="支払完了ｽﾃｰﾀｽ(5_3_2)"/>
      <sheetName val="加入者別商品売却情報(6_1_1)"/>
      <sheetName val="発注情報(6_1_2)"/>
      <sheetName val="発注情報(6_1_4)"/>
      <sheetName val="個人型売却結果(6_2_4)"/>
      <sheetName val="加入者別商品売却情報(6_3_2)"/>
      <sheetName val="約定済情報(6_3_2)"/>
      <sheetName val="加入者別商品売却情報(6_3_3)"/>
      <sheetName val="売却結果按分情報(6_3_3)"/>
      <sheetName val="売却結果按分情報(6_3_4)"/>
      <sheetName val="約定済情報(6_3_4)"/>
      <sheetName val="加入者別商品売却情報(6_4_1)"/>
      <sheetName val="加入者別対象残高(7_2)"/>
      <sheetName val="個人型収益明細情報_(7_3_5)"/>
      <sheetName val="対象残高（按分用）(7_3_6)"/>
      <sheetName val="加入者別収益明細情報(7_3_6)"/>
      <sheetName val="加入者別収益明細情報(7_3_7)"/>
      <sheetName val="加入者別収益情報(7_3_8)"/>
      <sheetName val="個人型収益情報(7_4)"/>
      <sheetName val="個人型買付指図情報(7_4)"/>
      <sheetName val="対象残高（按分用）(7_5_1)"/>
      <sheetName val="再投資結果按分情報(7_5_1)"/>
      <sheetName val="買付取引明細(9_3_5)"/>
      <sheetName val="加入者別売却指図取引明細（10_3）"/>
      <sheetName val="資産売却情報（加入者別)(10_5_1)"/>
      <sheetName val="移管済ステータス(10_5_6)"/>
      <sheetName val="33515(3_5_3)"/>
      <sheetName val="33516(3_5_4)"/>
      <sheetName val="指図書データ（プラン単位）(10_2)"/>
      <sheetName val="売却指図(10_3)"/>
      <sheetName val="移行先情報(10_5_1)"/>
      <sheetName val="加入者証変更情報(2_1_2_3)"/>
      <sheetName val="加入者口座存在有無(2_2)"/>
      <sheetName val="加入者口座登録情報(2_3_1_1_3)"/>
      <sheetName val="加入者証発行区分(2_3_1_6)"/>
      <sheetName val="加入者証発行区分(2_3_1_6)_(2)"/>
      <sheetName val="加入者口座変更(2_3_1_2_3)"/>
      <sheetName val="加入者口座変更_(2_3_1_2_3)(2)"/>
      <sheetName val="加入者拠出金変更(2_3_1_3_2)"/>
      <sheetName val="加入者拠出金変更_(2_3_1_3_2)(2)"/>
      <sheetName val="ＲＯ加入者口座登録情報(2_3_1_5_3)"/>
      <sheetName val="加入者口座情報(2_3_3)"/>
      <sheetName val="33112(3_1_1_4)"/>
      <sheetName val="33151(3_1_2_1)"/>
      <sheetName val="33153(3_12_2)"/>
      <sheetName val="33165(3_1_2_5)"/>
      <sheetName val="33253(3_2_2_1)"/>
      <sheetName val="33334(3_3_7)"/>
      <sheetName val="加入者ｽﾃｰﾀｽ等(5_1_1)"/>
      <sheetName val="加入者ｽﾃｰﾀｽ等_(5_1_2)_"/>
      <sheetName val="加入者ｽﾃｰﾀｽ等(5_1_3)_"/>
      <sheetName val="加入者ｽﾃｰﾀｽ区分(5_2_1)"/>
      <sheetName val="加入者ｽﾃｰﾀｽ区分(5_2_3_1)"/>
      <sheetName val="加入者ｽﾃｰﾀｽ区分_(5_2_3_2)"/>
      <sheetName val="支払済ｽﾃｰﾀｽ（5_3_2）"/>
      <sheetName val="受取人情報（5_3_3）"/>
      <sheetName val="加入者口座情報(6_1_4)"/>
      <sheetName val="有効プラン加入者(7_1_2)"/>
      <sheetName val="加入者キー情報(8_3_1)"/>
      <sheetName val="ローン要件情報(加入者）(9_1_1)"/>
      <sheetName val="決済口座情報(9_2_2)"/>
      <sheetName val="返済順序方法(9_3_5)"/>
      <sheetName val="加入者口座属性情報(10_5_2)"/>
      <sheetName val="加入者口座属性情報(10_5_4)"/>
      <sheetName val="従業員名寄せ情報(2_1_1_1)"/>
      <sheetName val="加入者属性登録情報(2_1_1_3)"/>
      <sheetName val="変更前従業員属性情報(2_1_2_1)"/>
      <sheetName val="従業員確認書情報(2_1_2_2)"/>
      <sheetName val="加入者属性変更情報(2_1_2_3)"/>
      <sheetName val="加入者証情報(2_1_2_3)"/>
      <sheetName val="従業員属性情報(2_1_3)"/>
      <sheetName val="募集用加入通知書情報(2_2)"/>
      <sheetName val="加入者存在有無(2_3_1_1_1)"/>
      <sheetName val="加入者属性登録情報(2_3_1_1_2)"/>
      <sheetName val="加入者属性変更(2_3_1_2)"/>
      <sheetName val="加入者属性変更(2_3_1_2)_(2)"/>
      <sheetName val="加入者名情報(2_3_1_3_2)"/>
      <sheetName val="加入者名情報(2_3_1_6)"/>
      <sheetName val="33139(3_1_1__4)"/>
      <sheetName val="33503(3_5_1)"/>
      <sheetName val="33603(3_6)"/>
      <sheetName val="24213(4_2_4)"/>
      <sheetName val="24229(4_2_5)"/>
      <sheetName val="生年月日・現況区分(5_1_1)"/>
      <sheetName val="生年月日・現況区分_(5_1_2)"/>
      <sheetName val="生年月日・現況区分(5_1_3)_"/>
      <sheetName val="加入者属性情報(5_2_1)"/>
      <sheetName val="加入者属性情報(5_2_2)"/>
      <sheetName val="退職事由等(5_2_3_1)"/>
      <sheetName val="退職事由等(5_2_3_2)_(2)"/>
      <sheetName val="加入者属性情報(5_2_3)"/>
      <sheetName val="加入者属性情報(5_3_1)"/>
      <sheetName val="ﾌﾟﾗﾝ脱退情報(5_3_2)"/>
      <sheetName val="加入者属性情報(5_3_3_1)"/>
      <sheetName val="加入者属性情報(5_3_3_2)"/>
      <sheetName val="加入者属性情報(5_3_4_3)"/>
      <sheetName val="企業情報(6_1_2)"/>
      <sheetName val="加入者属性情報(6_1_4)"/>
      <sheetName val="加入者属性情報(6_1_5)"/>
      <sheetName val="加入者属性情報(7_1_2)"/>
      <sheetName val="加入属性情報(9_1_1)"/>
      <sheetName val="加入者属性(9_2_3)"/>
      <sheetName val="延滞情報(9_4_1)"/>
      <sheetName val="対象加入者属性情報(10_1_4)"/>
      <sheetName val="加入者属性情報(10_5_2)"/>
      <sheetName val="加入者属性情報(10_5_4)"/>
      <sheetName val="加入者属性情報(10_5_5)"/>
      <sheetName val="情報系_(ID)"/>
      <sheetName val="情報系_(ED)"/>
      <sheetName val="UKE2_係コード"/>
      <sheetName val="UKE2_係コード_(2)"/>
      <sheetName val="TSM_Server"/>
      <sheetName val="加入者ｽﾃｰﾀ+⽘饦"/>
      <sheetName val=":0é0° ReQ"/>
      <sheetName val="加入老名情報(2_3_1_3_2)"/>
      <sheetName val="加入者属性情報(10_5*5)"/>
      <sheetName val="個人型受給者情報(1_2_3_2)"/>
      <sheetName val="再投賃結果按分情報(7_5_1)"/>
      <sheetName val="変更前従業員属性惁報(2_1_2_1)"/>
      <sheetName val="加兡者属性情報(5_3_4_3)"/>
      <sheetName val="加兡者別商品売却情報(6_4_1)"/>
      <sheetName val="加入者刡商品売却情報(6_4_1)"/>
      <sheetName val="加入老別売却指図取引明細（10_3）"/>
      <sheetName val="加入老別商品売却情報(6_4_1)"/>
      <sheetName val="保按数量(5_2_3_3)"/>
      <sheetName val="支払済ｽﾃﭰﾀｽ（5_3_2）"/>
      <sheetName val="加入老属性情報(5_3_3_2)"/>
      <sheetName val="33003(3_4)"/>
      <sheetName val="加入者キヸ情報(8_3_1)"/>
      <sheetName val="加入者塞性情報(5_2_2)"/>
      <sheetName val="変更前従業員属性_報(2_1_2_1)"/>
      <sheetName val="加_者属性情報(5_3_4_3)"/>
      <sheetName val="加_者別商品売却情報(6_4_1)"/>
      <sheetName val="加入者_商品売却情報(6_4_1)"/>
      <sheetName val="支払済ｽﾃ_ﾀｽ（5_3_2）"/>
      <sheetName val="加入者属性情報(5_3_19"/>
      <sheetName val="改定履歴_"/>
      <sheetName val="_IHS設定"/>
      <sheetName val="A-AUTO運用ルール(2003_11_28)"/>
      <sheetName val="A-AUTO命名規約(2003_12_17)"/>
      <sheetName val="pfcaドライバ2_2_1インストール"/>
      <sheetName val="pfcaドライバ2_2_1コンフィグ"/>
      <sheetName val="加入者ｽﾃｰﾀ___+_⽘__饦"/>
      <sheetName val="_:”_0é0°____ ReQ"/>
      <sheetName val="加入者ｽﾃｰﾀｽ等_(5_±_2)_"/>
      <sheetName val="加入者属性盻録情報(2_3_1_1_2)"/>
      <sheetName val=":”0é0° ReQ"/>
      <sheetName val="支払指図書データ（困窮時）(5ĮÒ_1_3)"/>
      <sheetName val="加入者ｽﾃｰﾀｽ等_(5_1_2)栠"/>
      <sheetName val="JOB一覧_(給与)"/>
      <sheetName val="JOB一覧_(賞与)"/>
      <sheetName val="JOB一覧_(差額）"/>
      <sheetName val="JOB一覧_(単独年調）"/>
      <sheetName val="データ編集_(HEN001)"/>
      <sheetName val="データ編集_(HEN002)"/>
      <sheetName val="データ編集_(HEN003)"/>
      <sheetName val="データ編集_(GIPA035)"/>
      <sheetName val="データ編集_(GIPZ005)"/>
      <sheetName val="データ編集_(GIPZ074)"/>
      <sheetName val="データ編集_(GIPZ075)"/>
      <sheetName val="Ｘ）JOBｸﾞﾙｰﾌﾟﾌﾛｰ_(2)"/>
      <sheetName val="☆★☆ITEM→_(2)"/>
      <sheetName val="００出張所"/>
      <sheetName val="単体テスト実施サマリ"/>
      <sheetName val="FXRates"/>
      <sheetName val="生人台帳"/>
      <sheetName val="★データ編集Ⅱ/_x0000_堀M_x0000__x0000_"/>
      <sheetName val="★データ編集Ⅱ缂奪0_x0000_¨"/>
      <sheetName val="★データ編集Ⅱ缂奪0_x0000_倀!"/>
      <sheetName val="帳票（旉⿤_x0000_"/>
      <sheetName val="帳票（_x0000__x0000_嫰"/>
      <sheetName val="★データ編集Ⅱ⠆㚖պ옃䑘"/>
      <sheetName val="★データ編集Ⅱ/_x0000__x0013__x0000__x0000_"/>
      <sheetName val="★データ編集Ⅱ᠔㒖᠀幸옉陘"/>
      <sheetName val="帳票（殨(Ő"/>
      <sheetName val="★データ編集Ⅱꠗ⡫砀翅줂ť"/>
      <sheetName val="帳票（殨(ᘠ"/>
      <sheetName val="帳票（殨(牨"/>
      <sheetName val="退職事由等(µ.2.3.蠍㙮堀䶝쐆"/>
      <sheetName val="退職事由等(µ.2.3./_x0000_ࠀü_x0000__x0000_"/>
      <sheetName val="退職事由等(µ.2.3.0_x0000_堀-_x0000__x0000_"/>
      <sheetName val="★データ編集Ⅱက_x0000_怀倫쌁ᄅ"/>
      <sheetName val="★データ編集Ⅱက_x0000_蠀쌁ᄅ"/>
      <sheetName val="★データ編集Ⅱက_x0000_ꀀꩲ쌎ᄅ"/>
      <sheetName val="★データ編集Ⅱက_x0000_ 쌁ᄅ"/>
      <sheetName val="★データ編集Ⅱ/_x0000_䀀¼_x0000__x0000_"/>
      <sheetName val="★データ編集Ⅱ_xd817_ᥱ⠀袋옂션"/>
      <sheetName val="★データ編集Ⅱ砑䕱ꀀ쯢쐂潣"/>
      <sheetName val="★データ編集Ⅱ0_x0000_뀀,_x0000__x0000_"/>
      <sheetName val="★データ編集Ⅱ0_x0000_ꀀ¹_x0000__x0000_"/>
      <sheetName val="★データ編集Ⅱ0_x0000__x0011__x0000__x0000_"/>
      <sheetName val="★データ編集Ⅱ쌉ᄅ0_x0000_᠀A"/>
      <sheetName val="★データ編集Ⅱ쌋ᄅ0_x0000_᠀Ï"/>
      <sheetName val="★データ編集Ⅱꀀ挹쐅ᩣ0_x0000_"/>
      <sheetName val="★データ編集Ⅱ쀀挿쐅ᩣ0_x0000_"/>
      <sheetName val="★データ編集Ⅱ쐅絣0_x0000_G"/>
      <sheetName val="★データ編集Ⅱ_x0000_읾쐂嵣0_x0000_"/>
      <sheetName val="帳票（_x0000__x0000_"/>
      <sheetName val="帳票（亘B馠"/>
      <sheetName val="★データ編集Ⅱ0_x0000_砀_x000c__x0000__x0000_"/>
      <sheetName val="★データ編集Ⅱẉ䀀영ｘ"/>
      <sheetName val="★データ編集Ⅱ옊ｘ/_x0000__x000e_"/>
      <sheetName val="★データ編集Ⅱ옆ｘ/_x0000_退­"/>
      <sheetName val="★データ編集Ⅱ0_x0000_뀀5_x0000__x0000_"/>
      <sheetName val="★データ編集Ⅱ0_x0000_栀Ò_x0000__x0000_"/>
      <sheetName val="★データ編集Ⅱ예՘0_x0000_,"/>
      <sheetName val="★データ編集Ⅱ옇՘0_x0000_"/>
      <sheetName val="★データ編集Ⅱ옂托0_x0000_瀀P"/>
      <sheetName val="★データ編集Ⅱ蠇㝱_x0000_ꩠ옃䡘"/>
      <sheetName val="加入者ｽﾃｰﾀ揄"/>
      <sheetName val="★データ編集Ⅱ0_x0000_䠀Ã_x0000__x0000_"/>
      <sheetName val="★データ編集Ⅱ쐅Ᵽ0_x0000_ꀀ_x0019_"/>
      <sheetName val="★データ編集Ⅱ쐅ꡣ/_x0000_ࠀe"/>
      <sheetName val="★データ編集Ⅱ/_x0000_䠀Z_x0000__x0000_"/>
      <sheetName val="★データ編集Ⅱ順㝱堀캽쐂뽣"/>
      <sheetName val="★データ編集Ⅱ㞇 ⱶ쐇ᵣ"/>
      <sheetName val="★データ編集Ⅱ堇㒌저隦쐃董"/>
      <sheetName val="★データ編集Ⅱ䎐쐉굣/_x0000_"/>
      <sheetName val="★データ編集Ⅱ倀諸쐆굣/_x0000_"/>
      <sheetName val="★データ編集Ⅱ倀㵏쐍굣/_x0000_"/>
      <sheetName val="★データ編集Ⅱ뀀蔅쐍굣/_x0000_"/>
      <sheetName val="★データ編集Ⅱ䀀㕬쐇둣/_x0000_"/>
      <sheetName val="★データ編集Ⅱ쐃鵣/_x0000__x0000_P"/>
      <sheetName val="★データ編集Ⅱ쐃鵣/_x0000_瀀P"/>
      <sheetName val="★データ編集Ⅱ쐅鵣/_x0000_䀀L"/>
      <sheetName val="★データ編集Ⅱ쐅鵣/_x0000_ M"/>
      <sheetName val="★データ編集Ⅱ䀀ⶥ쐇굣/_x0000_"/>
      <sheetName val="★データ編集Ⅱ뀀頕쐈굣/_x0000_"/>
      <sheetName val="★データ編集Ⅱ뀀_xde05_쐃땣/_x0000_"/>
      <sheetName val="★データ編集Ⅱ_x0000_ᾇ쐃땣/_x0000_"/>
      <sheetName val="★データ編集Ⅱ쐆땣/_x0000_저}"/>
      <sheetName val="★データ編集Ⅱက⣺쐂/_x0000_"/>
      <sheetName val="★データ編集Ⅱ瀀ம쐄/_x0000_"/>
      <sheetName val="退職事由等(µ.2.3.蠀㡘쐈捣0_x0000_"/>
      <sheetName val="★データ編集Ⅱꠕ⪒뀀㡜쐈捣"/>
      <sheetName val="★データ編集Ⅱ쐄ꭣ/_x0000_᠀_x001f_"/>
      <sheetName val="★データ編集Ⅱ젛㑮蠀㩡쐅鍣"/>
      <sheetName val="退職事由等(µ.㠏㝭 ࡽ쐆롣/_x0000_뀀|"/>
      <sheetName val="★データ編集Ⅱ/_x0000_쀀Á_x0000__x0000_"/>
      <sheetName val="★データ編集Ⅱࠀ㫥쐇晣0_x0000_"/>
      <sheetName val="加入者ｽﾃｰﾀ_x0002_゗　釩윅鉡/_x0000_　â"/>
      <sheetName val="★データ編集Ⅱꠑ䅰렀벣윉歡"/>
      <sheetName val="★データ編集Ⅱ쐅ꝣ/_x0000_㠀p"/>
      <sheetName val="★データ編集Ⅱꀀ廹쐅佣0_x0000_"/>
      <sheetName val="★データ編集Ⅱ"/>
      <sheetName val="テスト対象受信MT"/>
      <sheetName val="目Ў"/>
      <sheetName val="目༛"/>
      <sheetName val="Ｘ　☆★☆計ㄡ"/>
      <sheetName val="Ｘ　☆★☆計젪ㄟ"/>
      <sheetName val="Ｘ　☆★☆計ࠄ⤥"/>
      <sheetName val="Ｘ　☆★☆計⤢"/>
      <sheetName val="holiday"/>
      <sheetName val="6 Resource Plan"/>
      <sheetName val="型一覧"/>
      <sheetName val="workプルダウンリスト"/>
      <sheetName val="見積書"/>
      <sheetName val="☆★☆ITEꮸ⽸_x0005__x0000__x0000_"/>
      <sheetName val="Ｘweb_ＪＯＢ－カꮸ⿣_x0005_"/>
      <sheetName val="☆★☆ITEꮸ⾄_x0005__x0000__x0000_"/>
      <sheetName val="☆★☆ITE瓰4ꮸ⾏_x0005__x0000_"/>
      <sheetName val="☆★☆ITEꮸ⾟_x0005__x0000__x0000_"/>
      <sheetName val="Ｘweb_ＪＯＢ－カ灰6ꮸ"/>
      <sheetName val="☆★☆ITE燐0ꮸ⿊_x0005__x0000_"/>
      <sheetName val="加入者属性情報(ᠵ㦆焸_x0019_ᛅ⼞_x0005__x0000_"/>
      <sheetName val="Ｘweb_ＪＯＢ－カ_x0005__x0000_"/>
      <sheetName val="Ｘweb_ＪＯＢ－カ熘)橂"/>
      <sheetName val="加入者属性情報(ᠵ㦆熘)橂⾀_x0005__x0000_"/>
      <sheetName val="加入者属性情報(ᠵ㦆炈_x0017_ᛅ⿆_x0005__x0000_"/>
      <sheetName val="Ｘweb_ＪＯＢ－カᛅ⾬_x0005_"/>
      <sheetName val="加入者属性情報(ᠵ㦆ᛅ⾬_x0005__x0000__x0000_"/>
      <sheetName val="Ｘweb_ＪＯＢ－カ頸&amp;"/>
      <sheetName val="加入者属性情報(ᠵ㦆颸1肨Ţ懇〛"/>
      <sheetName val="Ｘweb_ＪＯＢ－カ阸 䔈"/>
      <sheetName val="加入者属性情報(ᠵ㦆沠_x0017_泬_x0017_ᛅ⿇"/>
      <sheetName val="加入者属性情報(ᠵ㦆_x0005__x0000__x0000__x0000__x0000_"/>
      <sheetName val="加入者属性情報(ᠵ㦆測2湴2ꮸ⽜"/>
      <sheetName val="加入者属性情報(ᠵ㦆燜A爤Aꮸ⽐"/>
      <sheetName val="☆★☆ITE_x0005__x0000__x0000__x0000__x0000_"/>
      <sheetName val="加入者属性情報(ᠵ㦆瀜B灤Bꮸ⾹"/>
      <sheetName val="Ｘweb_ＪＯＢ－カ泜(洤"/>
      <sheetName val="Ｘweb_ＪＯＢ－カꮸ⼔_x0005_"/>
      <sheetName val="Ｘweb_ＪＯＢ－カ猐_x0019_ꮸ"/>
      <sheetName val="Ｘweb_ＪＯＢ－カꮸ⽭_x0005_"/>
      <sheetName val="加入者属性情報(ᠵ㦆畠_x0013_ꮸ】_x0005__x0000_"/>
      <sheetName val="加入者属性情報(ᠵ㦆ꮸ⼚_x0005__x0000__x0000_"/>
      <sheetName val="加入者属性情報(ᠵ㦆听=呴=ꮸ⾿"/>
      <sheetName val="新業務機能記䈀ᅪ"/>
      <sheetName val="加入者属性情報(ᠵ㦆ꮸ⽬_x0005__x0000__x0000_"/>
      <sheetName val="Ｘweb_ＪＯＢ－カ灬B炴"/>
      <sheetName val="加入者属性情報(ᠵ㦆煰 ꮸ⾁_x0005__x0000_"/>
      <sheetName val="Ｘweb_ＪＯＢ－カꮸ⾝_x0005_"/>
      <sheetName val="_x0000_:”_x0013__x0000_0é0°_x0000_ꮸ⾝_x0005__x0000__x0000__x0000__x0000_絝"/>
      <sheetName val="Ｘweb_ＪＯＢ－カꮸ⼯_x0005_"/>
      <sheetName val="Ｘweb_ＪＯＢ－カ喼&lt;嘄"/>
      <sheetName val="加入者属性情報(ᠵ㦆ꮸ⾹_x0005__x0000__x0000_"/>
      <sheetName val="加入者属性情報(ᠵ㦆測*湴*ꮸ⿬"/>
      <sheetName val="加入者属性情報(ᠵ㦆玌6珔6ꮸ⼼"/>
      <sheetName val="Ｘweb_ＪＯＢ－カ娰(ꮸ"/>
      <sheetName val="加入者属性情報(ᠵ㦆炠_x0016_ꮸ⼾_x0005__x0000_"/>
      <sheetName val="加入者属性情報(ᠵ㦆沸,丵⾇_x0005__x0000_"/>
      <sheetName val="加入者属性情報(ᠵ㦆焐1ꮸ⿈_x0005__x0000_"/>
      <sheetName val="Ｘweb_ＪＯＢ－カꮸ⽿_x0005_"/>
      <sheetName val="加入者属性情報(ᠵ㦆墌6壔6ꮸ⽿"/>
      <sheetName val="Ｘweb_ＪＯＢ－カ壀;ꮸ"/>
      <sheetName val="Ｘweb_ＪＯＢ－カ夠5ꮸ"/>
      <sheetName val="Ｘweb_ＪＯＢ－カ橂⾞_x0005_"/>
      <sheetName val="Ｘweb_ＪＯＢ－カ啀_x0016_ꮸ"/>
      <sheetName val="Ｘweb_ＪＯＢ－カꮸ⿵_x0005_"/>
      <sheetName val="Ｘweb_ＪＯＢ－カ埜4堤"/>
      <sheetName val="Ｘweb_ＪＯＢ－カꮸ⽩_x0005_"/>
      <sheetName val="Ｘweb_ＪＯＢ－カ夠_x0018_ꮸ"/>
      <sheetName val="Ｘweb_ＪＯＢ－カꮸ⼖_x0005_"/>
      <sheetName val="Ｘweb_ＪＯＢ－カꮸ⼱_x0005_"/>
      <sheetName val="Ｘweb_ＪＯＢ－カꮸ『_x0005_"/>
      <sheetName val="Ｘweb_ＪＯＢ－カ瑌璔"/>
      <sheetName val="Ｘweb_ＪＯＢ－カꮸ⾋_x0005_"/>
      <sheetName val="Ｘweb_ＪＯＢ－カꮸ⽈_x0005_"/>
      <sheetName val="Ｘweb_ＪＯＢ－カ灠5炬"/>
      <sheetName val="Ｘweb_ＪＯＢ－カ獰Fꮸ"/>
      <sheetName val="加入者属性情報(ᠵ㦆ꮸ⿇_x0005__x0000__x0000_"/>
      <sheetName val="加入者属性情報(ᠵ㦆瑜B璤Bꮸ⿇"/>
      <sheetName val="Ｘweb_ＪＯＢ－カ_x0000__x0000_ཐ"/>
      <sheetName val="Ｘweb_ＪＯＢ－カ啜_x001f_喤"/>
      <sheetName val="Ｘweb_ＪＯＢ－カ嗰_x001a_ꮸ"/>
      <sheetName val="Ｘweb_ＪＯＢ－カ囀&amp;ꮸ"/>
      <sheetName val="Ｘweb_ＪＯＢ－カ娬_x001a_婴"/>
      <sheetName val="Ｘweb_ＪＯＢ－カ唌&quot;啔"/>
      <sheetName val="Ｘweb_ＪＯＢ－カ啠0喬"/>
      <sheetName val="Ｘweb_ＪＯＢ－カ狠&gt;ꮸ"/>
      <sheetName val="Ｘweb_ＪＯＢ－カ呀_x0016_和"/>
      <sheetName val="Ｘweb_ＪＯＢ－カ嗨#橂"/>
      <sheetName val="Ｘweb_ＪＯＢ－カ橂⾹_x0005_"/>
      <sheetName val="Ｘweb_ＪＯＢ－カ洐8浜"/>
      <sheetName val="Ｘweb_ＪＯＢ－カ消_x0016_橂"/>
      <sheetName val="Ｘweb_ＪＯＢ－カ咈_x001b_橂"/>
      <sheetName val="Ｘweb_ＪＯＢ－カ揄〽_x0000_"/>
      <sheetName val="Ｘ）JOBｸﾞﾙｰﾌﾟﾌﾛｰ _x0005__x0000_"/>
      <sheetName val="Ｘweb_ＪＯＢ－カ妠1ꮸ"/>
      <sheetName val="Ｘweb_ＪＯＢ－カꮸ』_x0005_"/>
      <sheetName val="Ｘweb_ＪＯＢ－カ嗼@噄"/>
      <sheetName val="Ｘweb_ＪＯＢ－カꮸ⼹_x0005_"/>
      <sheetName val="Ｘweb_ＪＯＢ－カꮸ⿸_x0005_"/>
      <sheetName val="Ｘweb_ＪＯＢ－カ尰3ꮸ"/>
      <sheetName val="Ｘweb_ＪＯＢ－カ堠;ꮸ"/>
      <sheetName val="Ｘweb_ＪＯＢ－カ哜#唤"/>
      <sheetName val="Ｘweb_ＪＯＢ－カꮸ々_x0005_"/>
      <sheetName val="Ｘweb_ＪＯＢ－カ煼&amp;燄"/>
      <sheetName val="加入者ｽﾃｰﾀ_x0002_??爀,牌,橂⾛_x0005__x0000_"/>
      <sheetName val="Ｘweb_ＪＯＢ－カ瀀&quot;ꮸ"/>
      <sheetName val="Ｘweb_ＪＯＢ－カ牜 犤"/>
      <sheetName val="Ｘweb_ＪＯＢ－カ嗐6ꮸ"/>
      <sheetName val="Ｘweb_ＪＯＢ－カ漰@潼"/>
      <sheetName val="Ｘweb_ＪＯＢ－カꮸ⾹_x0005_"/>
      <sheetName val="Ｘweb_ＪＯＢ－カꮸ⿱_x0005_"/>
      <sheetName val="加入者属性情報(ᠵ㦆啌F喔Fꮸ⾧"/>
      <sheetName val="Ｘweb_ＪＯＢ－カ啌F喔"/>
      <sheetName val="Ｘweb_ＪＯＢ－カꮸ⿇_x0005_"/>
      <sheetName val="Ｘweb_ＪＯＢ－カ媀9ꮸ"/>
      <sheetName val="Ｘweb_ＪＯＢ－カ墜5壤"/>
      <sheetName val="加入者属性情報(ᠵ㦆富7尔7ꮸ⿃"/>
      <sheetName val="Ｘweb_ＪＯＢ－カꮸ》_x0005_"/>
      <sheetName val="Ｘweb_ＪＯＢ－カ噰_x001d_嚼"/>
      <sheetName val="Ｘweb_ＪＯＢ－カ困_x001b_圼"/>
      <sheetName val="Ｘweb_ＪＯＢ－カ垰0ꮸ"/>
      <sheetName val="加入者属性情報(ᠵ㦆鵈(헾⼤_x0005__x0000_"/>
      <sheetName val="Ｘweb_ＪＯＢ－カ鵈(헾"/>
      <sheetName val="加入者属性情報(ᠵ㦆纘_x001d_络_x001d_헾〄"/>
      <sheetName val="Ｘweb_ＪＯＢ－カ嬠_x001e_ꮸ"/>
      <sheetName val="Ｘweb_ＪＯＢ－カ圠4ꮸ"/>
      <sheetName val="Ｘweb_ＪＯＢ－カ淈3丵"/>
      <sheetName val="Ｘweb_ＪＯＢ－カꮸ〉_x0005_"/>
      <sheetName val="Ｘweb_ＪＯＢ－カ宠&gt;ꮸ"/>
      <sheetName val="Ｘweb_ＪＯＢ－カ完_x0019_寔"/>
      <sheetName val="Ｘweb_ＪＯＢ－カ啜&lt;喤"/>
      <sheetName val="Ｘweb_ＪＯＢ－カꮸ⿊_x0005_"/>
      <sheetName val="Ｘweb_ＪＯＢ－カ薘_x0012_헾"/>
      <sheetName val="Ｘweb_ＪＯＢ－カ牘9橂"/>
      <sheetName val="加入者属性情報(ᠵ㦆宼&gt;射&gt;ꮸ⾐"/>
      <sheetName val="Ｘweb_ＪＯＢ－カ헾⽚_x0005_"/>
      <sheetName val="Ｘweb_ＪＯＢ－カ헾⼻_x0005_"/>
      <sheetName val="Ｘweb_ＪＯＢ－カ嫀_x0016_ꮸ"/>
      <sheetName val="Ｘweb_ＪＯＢ－カ橂⽹_x0005_"/>
      <sheetName val="Ｘweb_ＪＯＢ－カ橂⾳_x0005_"/>
      <sheetName val="Ｘweb_ＪＯＢ－カ焐A煜"/>
      <sheetName val="Ｘweb_ＪＯＢ－カ午/橂"/>
      <sheetName val="Ｘweb_ＪＯＢ－カ剨_x0018_橂"/>
      <sheetName val="Ｘweb_ＪＯＢ－カ奨'橂"/>
      <sheetName val="Ｘweb_ＪＯＢ－カ剠$劬"/>
      <sheetName val="Ｘweb_ＪＯＢ－カ永&lt;丵"/>
      <sheetName val="Ｘweb_ＪＯＢ－カ헾⽫_x0005_"/>
      <sheetName val="Ｘweb_ＪＯＢ－カ瀈&lt;丵"/>
      <sheetName val="Ｘweb_ＪＯＢ－カ丵⼤_x0005_"/>
      <sheetName val="☆★☆ITE煰 熼 丵⿨"/>
      <sheetName val="Ｘweb_ＪＯＢ－カꮸ⾍_x0005_"/>
      <sheetName val="加入者属性情報(ᠵ㦆ꮸ⾍_x0005__x0000__x0000_"/>
      <sheetName val="Ｘweb_ＪＯＢ－カ헾⼙_x0005_"/>
      <sheetName val="Ｘweb_ＪＯＢ－カ毸2丵"/>
      <sheetName val="Ｘweb_ＪＯＢ－カ駸)헾"/>
      <sheetName val="Ｘweb_ＪＯＢ－カ鮨_x001c_헾"/>
      <sheetName val="加入者属性情報(ᠵ㦆鮨_x001c_헾⿢_x0005__x0000_"/>
      <sheetName val="Ｘweb_ＪＯＢ－カ丵⿌_x0005_"/>
      <sheetName val="Ｘweb_ＪＯＢ－カ洘_x0015_丵"/>
      <sheetName val="Ｘweb_ＪＯＢ－カ炈&amp;丵"/>
      <sheetName val="Ｘweb_ＪＯＢ－カ繈'續"/>
      <sheetName val="Ｘweb_ＪＯＢ－カ艘.芜"/>
      <sheetName val="Ｘweb_ＪＯＢ－カ燌_x0015_爔"/>
      <sheetName val="Ｘweb_ＪＯＢ－カꮸ。_x0005_"/>
      <sheetName val="Ｘweb_ＪＯＢ－カ墸-橂"/>
      <sheetName val="Ｘweb_ＪＯＢ－カ嚸4丵"/>
      <sheetName val="Ｘweb_ＪＯＢ－カ丵⾔_x0005_"/>
      <sheetName val="Ｘweb_ＪＯＢ－カ匨)橂"/>
      <sheetName val="Ｘweb_ＪＯＢ－カ헾⼾_x0005_"/>
      <sheetName val="Ｘweb_ＪＯＢ－カ橂⽑_x0005_"/>
      <sheetName val="Ｘweb_ＪＯＢ－カ荈á헾"/>
      <sheetName val="Ｘweb_ＪＯＢ－カ噐.ꮸ"/>
      <sheetName val="Ｘweb_ＪＯＢ－カ헾⼳_x0005_"/>
      <sheetName val="Ｘweb_ＪＯＢ－カ薘7藜"/>
      <sheetName val="Ｘweb_ＪＯＢ－カ헾⾑_x0005_"/>
      <sheetName val="Ｘweb_ＪＯＢ－カ歘=丵"/>
      <sheetName val="Ｘweb_ＪＯＢ－カ馨&quot;헾"/>
      <sheetName val="Ｘweb_ＪＯＢ－カ羘_x0016_翜"/>
      <sheetName val="Ｘweb_ＪＯＢ－カ牜3犤"/>
      <sheetName val="Ｘweb_ＪＯＢ－カ藘1헾"/>
      <sheetName val="Ｘweb_ＪＯＢ－カꮸ⽗_x0005_"/>
      <sheetName val="加入者属性情報(ᠵ㦆헾⿂_x0005__x0000__x0000_"/>
      <sheetName val="Ｘweb_ＪＯＢ－カ橂⽂_x0005_"/>
      <sheetName val="Ｘweb_ＪＯＢ－カ妠+姬"/>
      <sheetName val="Ｘweb_ＪＯＢ－カ妀-姌"/>
      <sheetName val="Ｘweb_ＪＯＢ－カ狈-ᛅ"/>
      <sheetName val="Ｘweb_ＪＯＢ－カ堸_x001b_ᛅ"/>
      <sheetName val="Ｘweb_ＪＯＢ－カ婌_x001a_媔"/>
      <sheetName val="Ｘweb_ＪＯＢ－カ漸6丵"/>
      <sheetName val="Ｘweb_ＪＯＢ－カᛅ⽑_x0005_"/>
      <sheetName val="☆★☆ITE濈_x001e_ᛅ⽍_x0005__x0000_"/>
      <sheetName val="加入者属性情報(ᠵ㦆噠#ꮸ⾆_x0005__x0000_"/>
      <sheetName val="加入者属性情報(ᠵ㦆嘐.ꮸ⽿_x0005__x0000_"/>
      <sheetName val="加入者ｽﾃｰ孠A"/>
      <sheetName val="加入者ｽﾃｰ姜_x0017_"/>
      <sheetName val="加入者属性情報(ᠵ㦆헾⽜_x0005__x0000__x0000_"/>
      <sheetName val="Ｘweb_ＪＯＢ－カ蓘_x0019_蔜"/>
      <sheetName val="Ｘweb_ＪＯＢ－カ匸_x001d_ᛅ"/>
      <sheetName val="Ｘweb_ＪＯＢ－カ苈_x0016_헾"/>
      <sheetName val="Ｘweb_ＪＯＢ－カ翈_x0019_헾"/>
      <sheetName val="Ｘweb_ＪＯＢ－カ_xfffe__xffff_"/>
      <sheetName val="Ｘweb_ＪＯＢ－カ헾⾻_x0005_"/>
      <sheetName val="Ｘweb_ＪＯＢ－カ헾⾖_x0005_"/>
      <sheetName val="加入者属性情報(ᠵ㦆_x0000__x0000_ꦠ_x0000__x0000__x0000_"/>
      <sheetName val="Ｘweb_ＪＯＢ－カ㥝⾃_x0005_"/>
      <sheetName val="☆★☆ITE消'ᛅ⽀_x0005__x0000_"/>
      <sheetName val="加入者属性情報(ᠵ㦆哐)ꮸ⽰_x0005__x0000_"/>
      <sheetName val="ﾃﾚﾊﾞﾝRTGS共用"/>
      <sheetName val="Ｘweb_ＪＯＢ－カ嬰Cꮸ"/>
      <sheetName val="Ｘweb_ＪＯＢ－カ涌_x0016_淔"/>
      <sheetName val="Ｘweb_ＪＯＢ－カ濘2橂"/>
      <sheetName val="Ｘweb_ＪＯＢ－カ丵⿍_x0005_"/>
      <sheetName val="Ｘweb_ＪＯＢ－カ丵』_x0005_"/>
      <sheetName val="Ｘweb_ＪＯＢ－カ犘&amp;橂"/>
      <sheetName val="Ｘweb_ＪＯＢ－カ鸘,헾"/>
      <sheetName val="Ｘweb_ＪＯＢ－カ嫌$嬔"/>
      <sheetName val="Ｘweb_ＪＯＢ－カ헾⿈_x0005_"/>
      <sheetName val="Ｘweb_ＪＯＢ－カ堐1ꮸ"/>
      <sheetName val="Ｘweb_ＪＯＢ－カꮸ⼡_x0005_"/>
      <sheetName val="加入者属性情報(ᠵ㦆ꮸ⾌_x0005__x0000__x0000_"/>
      <sheetName val="加入者属性情報(ᠵ㦆姬5娴5ꮸ⿔"/>
      <sheetName val="Ｘweb_ＪＯＢ－カ姬5娴"/>
      <sheetName val="Ｘweb_ＪＯＢ－カ喸-ᛅ"/>
      <sheetName val="Ｘweb_ＪＯＢ－カ헾⿪_x0005_"/>
      <sheetName val="Ｘweb_ＪＯＢ－カ淀&amp;ꮸ"/>
      <sheetName val="Ｘweb_ＪＯＢ－カ葨0蒬"/>
      <sheetName val="加入者属性情報(ᠵ㦆葨0蒬0헾⼣"/>
      <sheetName val="Ｘweb_ＪＯＢ－カ莨(헾"/>
      <sheetName val="Ｘweb_ＪＯＢ－カ煈!ᛅ"/>
      <sheetName val="Ｘweb_ＪＯＢ－カ舸1艼"/>
      <sheetName val="Ｘweb_ＪＯＢ－カ沨@ᛅ"/>
      <sheetName val="Ｘweb_ＪＯＢ－カ焌'煔"/>
      <sheetName val="Ｘweb_ＪＯＢ－カ헾⾲_x0005_"/>
      <sheetName val="Ｘweb_ＪＯＢ－カ葘(蒜"/>
      <sheetName val="Ｘweb_ＪＯＢ－カ헾⿸_x0005_"/>
      <sheetName val="Ｘweb_ＪＯＢ－カ獀6ꮸ"/>
      <sheetName val="Ｘweb_ＪＯＢ－カ헾」_x0005_"/>
      <sheetName val="Ｘweb_ＪＯＢ－カ鬸*魼"/>
      <sheetName val="Ｘweb_ＪＯＢ－カ熐2燜"/>
      <sheetName val="Ｘweb_ＪＯＢ－カ澈&amp;ᛅ"/>
      <sheetName val="Ｘweb_ＪＯＢ－カ毘5ᛅ"/>
      <sheetName val="Ｘweb_ＪＯＢ－カ圐_x0015_坜"/>
      <sheetName val="Ｘweb_ＪＯＢ－カ橂⽻_x0005_"/>
      <sheetName val="Ｘweb_ＪＯＢ－カ㥝⽭_x0005_"/>
      <sheetName val="Ｘweb_ＪＯＢ－カ吨_x0013_㥝"/>
      <sheetName val="Ｘweb_ＪＯＢ－カ塈0㥝"/>
      <sheetName val="Ｘweb_ＪＯＢ－カ喘#㥝"/>
      <sheetName val="Ｘweb_ＪＯＢ－カ㥝⼼_x0005_"/>
      <sheetName val="Ｘweb_ＪＯＢ－カ蘘_x001f_헾"/>
      <sheetName val="Ｘweb_ＪＯＢ－カ瀐&quot;ꮸ"/>
      <sheetName val="Ｘweb_ＪＯＢ－カꮸ⽜_x0005_"/>
      <sheetName val="Ｘweb_ＪＯＢ－カ丵⿼_x0005_"/>
      <sheetName val="加入者属性情報(ᠵ㦆媌2嫔2ꮸ⿒"/>
      <sheetName val="Ｘweb_ＪＯＢ－カ丵⾍_x0005_"/>
      <sheetName val="加入者属性情報(ᠵ㦆富4尔4ꮸ⼫"/>
      <sheetName val="加入者属性情報(ᠵ㦆猰8ꮸ⾒_x0005__x0000_"/>
      <sheetName val="加入者属性情報(ᠵ㦆澀:ꮸ⾤_x0005__x0000_"/>
      <sheetName val="加入者属性情報(ᠵ㦆呀7ꮸ⽒_x0005__x0000_"/>
      <sheetName val="加入者属性情報(ᠵ㦆碰2磼2丵⽹"/>
      <sheetName val="Ｘweb_ＪＯＢ－カ丵　_x0005_"/>
      <sheetName val="加入者属性情報(ᠵ㦆喠6ꮸ⽒_x0005__x0000_"/>
      <sheetName val="Ｘweb_ＪＯＢ－カꮸ⽺_x0005_"/>
      <sheetName val="Ｘweb_ＪＯＢ－カ颙⼳_x0005_"/>
      <sheetName val="Ｘweb_ＪＯＢ－カ颙⿄_x0005_"/>
      <sheetName val="Ｘweb_ＪＯＢ－カ午C颙"/>
      <sheetName val="Ｘweb_ＪＯＢ－カ堼_x0018_墄"/>
      <sheetName val="Ｘweb_ＪＯＢ－カ蕈&quot;薌"/>
      <sheetName val="加入者属性情報(ᠵ㦆蕈&quot;薌&quot;헾⾙"/>
      <sheetName val="Ｘweb_ＪＯＢ－カ苨(茬"/>
      <sheetName val="Ｘweb_ＪＯＢ－カ猰0ꮸ"/>
      <sheetName val="Ｘweb_ＪＯＢ－カ婌,媔"/>
      <sheetName val="Ｘweb_ＪＯＢ－カ헾】_x0005_"/>
      <sheetName val="Ｘweb_ＪＯＢ－カ徸〒_x0005_"/>
      <sheetName val="☆★☆ITEꮸ⼞_x0005__x0000__x0000_"/>
      <sheetName val="☆★☆ITE橂⾺_x0005__x0000__x0000_"/>
      <sheetName val="☆★☆ITE囜&gt;圤&gt;ꮸ⿠"/>
      <sheetName val="日付ﾃｰﾌﾞﾙ"/>
      <sheetName val="24323(4._x0000_.4)"/>
      <sheetName val="予算問題点ⴅ"/>
      <sheetName val="予算問題点ⴄ"/>
      <sheetName val="社員リスト"/>
      <sheetName val="ྪ_x0004_Ѐ?"/>
      <sheetName val="ྪ_x0004_Ѐ揄"/>
      <sheetName val="[df一覧hs.xls]☆B010(A0/_x0000_᠀a_x0000__x0000_㠀"/>
      <sheetName val="[df一覧hs.xls]_x0000_:”_x0013__x0000_0é0°_x0000_ꮸ⾝_x0005__x0000__x0000__x0000__x0000_絝"/>
      <sheetName val="[df一覧hs.xls]Ｘweb_ＪＯＢ－カ午/橂"/>
      <sheetName val="[df一覧hs.xls]加入者属性情報(ᠵ㦆澀:ꮸ⾤_x0005__x0000_"/>
      <sheetName val="[df一覧hs.xls]目/"/>
      <sheetName val="[df一覧hs.xls]★データ編集Ⅱ/_x0000_ꀀ¹_x0000__x0000_"/>
      <sheetName val="[df一覧hs.xls]予算問題点/"/>
      <sheetName val="[df一覧hs.xls]Ｘ　☆★☆計/_x0000_"/>
      <sheetName val=":_x0005__x001c_"/>
      <sheetName val="[df一覧hs.xls]退職事由等(µ.2.3./_x0000_頀T_x0000__x0000_"/>
      <sheetName val="[df一覧hs.xls]退職事由等(µ.2.3./_x0000_U_x0000__x0000_"/>
      <sheetName val="[df一覧hs.xls]退職事由等(µ.2.3./_x0000_⠀´_x0000__x0000_"/>
      <sheetName val="[df一覧hs.xls]★データ編集Ⅱ/_x0000_倀¿_x0000__x0000_"/>
      <sheetName val="[df一覧hs.xls]変更管理쐁謹/"/>
      <sheetName val="一覧"/>
      <sheetName val="年個個社ごと設定"/>
      <sheetName val="★データ編集Ⅱᄁ먅琀鱁。霋"/>
      <sheetName val="[df一覧hs.xls][df一覧hs.xls][df一覧hs"/>
      <sheetName val="[df一覧hs.xls][df一覧hs.xls]:”_x0013_"/>
      <sheetName val="[df一覧hs.xls]★データ編集Ⅱ쨄/_x0000_᠀x"/>
      <sheetName val="[df一覧hs.xls]:က_x0000_"/>
      <sheetName val="[df一覧hs.xls]:龜"/>
      <sheetName val="[df一覧hs.xls]:䀀≖"/>
      <sheetName val="[df一覧hs.xls]:ἀ邦"/>
      <sheetName val="[df一覧hs.xls]:ԯ_x0000_"/>
      <sheetName val="[df一覧hs.xls]:렀╊"/>
      <sheetName val="[df一覧hs.xls]:ꠀ╭"/>
      <sheetName val="[df一覧hs.xls]:砀ᩈ"/>
      <sheetName val=" _”_x0013_ 0é0°     ReQ_x0005_€"/>
      <sheetName val="予実績管理表"/>
      <sheetName val="改訂履歴 "/>
      <sheetName val="１．目的と背景"/>
      <sheetName val="２．概要（全体流れ）"/>
      <sheetName val="３．影響範囲"/>
      <sheetName val="４．手順説明"/>
      <sheetName val="５．補足事項"/>
      <sheetName val="&gt;&gt;添付資料(サンプル)"/>
      <sheetName val="オンラインデータ集計"/>
      <sheetName val="バッチデータ集計"/>
      <sheetName val="総レコード数推移"/>
      <sheetName val="&gt;&gt;チェックシート"/>
      <sheetName val="（添付）詳細手順＆チェック（１）"/>
      <sheetName val="（添付）詳細手順＆チェック（２）"/>
      <sheetName val="（添付）詳細手順＆チェック（３）"/>
      <sheetName val="支払指図書データ（一時払_x0000__x0000_맨Ვ⎼_x0008__x0000__x0000_轔/"/>
      <sheetName val="支払指図書データ（一時払_x0000__x0000_兰④⎼_x0008__x0000__x0000_轔/"/>
      <sheetName val="機能概要"/>
      <sheetName val="画面フロー"/>
      <sheetName val="画面レイアウト_1"/>
      <sheetName val="画面レイアウト_2"/>
      <sheetName val="画面レイアウト_3"/>
      <sheetName val="リソース一覧_1"/>
      <sheetName val="リソース一覧_2"/>
      <sheetName val="リソース一覧_3"/>
      <sheetName val="画面項目一覧_1"/>
      <sheetName val="画面項目一覧_2"/>
      <sheetName val="画面項目一覧_3"/>
      <sheetName val="イベント一覧(自作)"/>
      <sheetName val="属性チェック一覧_2"/>
      <sheetName val="属性チェック一覧_1"/>
      <sheetName val="属性チェック一覧_3"/>
      <sheetName val="業務チェック一覧"/>
      <sheetName val="その他チェック一覧"/>
      <sheetName val="コールト/_x0000_倀"/>
      <sheetName val="コールト/_x0000_　"/>
      <sheetName val="コールト/_x0000_"/>
      <sheetName val="コールト/_x0000__xd800_"/>
      <sheetName val="コールト/_x0000_퀀"/>
      <sheetName val="目次・臨睮"/>
      <sheetName val="目次・臨⒤"/>
      <sheetName val="目次・臨⊤"/>
      <sheetName val="変更管理シ԰_x0000_"/>
      <sheetName val="加入者ｽﾃｰﾀ_x0002_???+?__x0015_??_"/>
      <sheetName val=":”_x0013_?0_0°? ReQ_x0005_\"/>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sheetData sheetId="76"/>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sheetData sheetId="155"/>
      <sheetData sheetId="156"/>
      <sheetData sheetId="157"/>
      <sheetData sheetId="158"/>
      <sheetData sheetId="159"/>
      <sheetData sheetId="160"/>
      <sheetData sheetId="161"/>
      <sheetData sheetId="162"/>
      <sheetData sheetId="163"/>
      <sheetData sheetId="164"/>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sheetData sheetId="190"/>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sheetData sheetId="208"/>
      <sheetData sheetId="209"/>
      <sheetData sheetId="210"/>
      <sheetData sheetId="211"/>
      <sheetData sheetId="212"/>
      <sheetData sheetId="213"/>
      <sheetData sheetId="214"/>
      <sheetData sheetId="215" refreshError="1"/>
      <sheetData sheetId="216" refreshError="1"/>
      <sheetData sheetId="217" refreshError="1"/>
      <sheetData sheetId="218"/>
      <sheetData sheetId="219" refreshError="1"/>
      <sheetData sheetId="220"/>
      <sheetData sheetId="221"/>
      <sheetData sheetId="222" refreshError="1"/>
      <sheetData sheetId="223"/>
      <sheetData sheetId="224"/>
      <sheetData sheetId="225"/>
      <sheetData sheetId="226"/>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sheetData sheetId="243"/>
      <sheetData sheetId="244"/>
      <sheetData sheetId="245"/>
      <sheetData sheetId="246"/>
      <sheetData sheetId="247"/>
      <sheetData sheetId="248"/>
      <sheetData sheetId="249"/>
      <sheetData sheetId="250"/>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sheetData sheetId="273" refreshError="1"/>
      <sheetData sheetId="274" refreshError="1"/>
      <sheetData sheetId="275"/>
      <sheetData sheetId="276"/>
      <sheetData sheetId="277"/>
      <sheetData sheetId="278"/>
      <sheetData sheetId="279"/>
      <sheetData sheetId="280"/>
      <sheetData sheetId="281"/>
      <sheetData sheetId="282"/>
      <sheetData sheetId="283"/>
      <sheetData sheetId="284" refreshError="1"/>
      <sheetData sheetId="285" refreshError="1"/>
      <sheetData sheetId="286"/>
      <sheetData sheetId="287"/>
      <sheetData sheetId="288"/>
      <sheetData sheetId="289"/>
      <sheetData sheetId="290"/>
      <sheetData sheetId="291"/>
      <sheetData sheetId="292"/>
      <sheetData sheetId="293"/>
      <sheetData sheetId="294"/>
      <sheetData sheetId="295" refreshError="1"/>
      <sheetData sheetId="296" refreshError="1"/>
      <sheetData sheetId="297" refreshError="1"/>
      <sheetData sheetId="298" refreshError="1"/>
      <sheetData sheetId="299" refreshError="1"/>
      <sheetData sheetId="300"/>
      <sheetData sheetId="301"/>
      <sheetData sheetId="302"/>
      <sheetData sheetId="303" refreshError="1"/>
      <sheetData sheetId="304" refreshError="1"/>
      <sheetData sheetId="305"/>
      <sheetData sheetId="306"/>
      <sheetData sheetId="307"/>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sheetData sheetId="345"/>
      <sheetData sheetId="346"/>
      <sheetData sheetId="347"/>
      <sheetData sheetId="348"/>
      <sheetData sheetId="349"/>
      <sheetData sheetId="350"/>
      <sheetData sheetId="351"/>
      <sheetData sheetId="352"/>
      <sheetData sheetId="353"/>
      <sheetData sheetId="354" refreshError="1"/>
      <sheetData sheetId="355" refreshError="1"/>
      <sheetData sheetId="356" refreshError="1"/>
      <sheetData sheetId="357"/>
      <sheetData sheetId="358"/>
      <sheetData sheetId="359"/>
      <sheetData sheetId="360"/>
      <sheetData sheetId="361"/>
      <sheetData sheetId="362"/>
      <sheetData sheetId="363"/>
      <sheetData sheetId="364" refreshError="1"/>
      <sheetData sheetId="365"/>
      <sheetData sheetId="366"/>
      <sheetData sheetId="367"/>
      <sheetData sheetId="368"/>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sheetData sheetId="382"/>
      <sheetData sheetId="383"/>
      <sheetData sheetId="384"/>
      <sheetData sheetId="385"/>
      <sheetData sheetId="386"/>
      <sheetData sheetId="387"/>
      <sheetData sheetId="388"/>
      <sheetData sheetId="389"/>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refreshError="1"/>
      <sheetData sheetId="404" refreshError="1"/>
      <sheetData sheetId="405" refreshError="1"/>
      <sheetData sheetId="406" refreshError="1"/>
      <sheetData sheetId="407" refreshError="1"/>
      <sheetData sheetId="408" refreshError="1"/>
      <sheetData sheetId="409" refreshError="1"/>
      <sheetData sheetId="410" refreshError="1"/>
      <sheetData sheetId="411"/>
      <sheetData sheetId="412" refreshError="1"/>
      <sheetData sheetId="413" refreshError="1"/>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refreshError="1"/>
      <sheetData sheetId="443" refreshError="1"/>
      <sheetData sheetId="444" refreshError="1"/>
      <sheetData sheetId="445"/>
      <sheetData sheetId="446"/>
      <sheetData sheetId="447" refreshError="1"/>
      <sheetData sheetId="448"/>
      <sheetData sheetId="449"/>
      <sheetData sheetId="450"/>
      <sheetData sheetId="451"/>
      <sheetData sheetId="452"/>
      <sheetData sheetId="453"/>
      <sheetData sheetId="454"/>
      <sheetData sheetId="455"/>
      <sheetData sheetId="456"/>
      <sheetData sheetId="457"/>
      <sheetData sheetId="458" refreshError="1"/>
      <sheetData sheetId="459" refreshError="1"/>
      <sheetData sheetId="460" refreshError="1"/>
      <sheetData sheetId="461" refreshError="1"/>
      <sheetData sheetId="462"/>
      <sheetData sheetId="463" refreshError="1"/>
      <sheetData sheetId="464" refreshError="1"/>
      <sheetData sheetId="465"/>
      <sheetData sheetId="466"/>
      <sheetData sheetId="467"/>
      <sheetData sheetId="468"/>
      <sheetData sheetId="469"/>
      <sheetData sheetId="470"/>
      <sheetData sheetId="471"/>
      <sheetData sheetId="472" refreshError="1"/>
      <sheetData sheetId="473" refreshError="1"/>
      <sheetData sheetId="474" refreshError="1"/>
      <sheetData sheetId="475" refreshError="1"/>
      <sheetData sheetId="476" refreshError="1"/>
      <sheetData sheetId="477" refreshError="1"/>
      <sheetData sheetId="478" refreshError="1"/>
      <sheetData sheetId="479" refreshError="1"/>
      <sheetData sheetId="480" refreshError="1"/>
      <sheetData sheetId="481" refreshError="1"/>
      <sheetData sheetId="482"/>
      <sheetData sheetId="483"/>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sheetData sheetId="494"/>
      <sheetData sheetId="495" refreshError="1"/>
      <sheetData sheetId="496"/>
      <sheetData sheetId="497"/>
      <sheetData sheetId="498"/>
      <sheetData sheetId="499"/>
      <sheetData sheetId="500"/>
      <sheetData sheetId="501"/>
      <sheetData sheetId="502"/>
      <sheetData sheetId="503" refreshError="1"/>
      <sheetData sheetId="504"/>
      <sheetData sheetId="505" refreshError="1"/>
      <sheetData sheetId="506"/>
      <sheetData sheetId="507"/>
      <sheetData sheetId="508"/>
      <sheetData sheetId="509"/>
      <sheetData sheetId="510"/>
      <sheetData sheetId="511"/>
      <sheetData sheetId="512"/>
      <sheetData sheetId="513"/>
      <sheetData sheetId="514"/>
      <sheetData sheetId="515"/>
      <sheetData sheetId="516"/>
      <sheetData sheetId="517"/>
      <sheetData sheetId="518" refreshError="1"/>
      <sheetData sheetId="519" refreshError="1"/>
      <sheetData sheetId="520" refreshError="1"/>
      <sheetData sheetId="521"/>
      <sheetData sheetId="522"/>
      <sheetData sheetId="523" refreshError="1"/>
      <sheetData sheetId="524"/>
      <sheetData sheetId="525"/>
      <sheetData sheetId="526"/>
      <sheetData sheetId="527" refreshError="1"/>
      <sheetData sheetId="528" refreshError="1"/>
      <sheetData sheetId="529"/>
      <sheetData sheetId="530"/>
      <sheetData sheetId="531"/>
      <sheetData sheetId="532"/>
      <sheetData sheetId="533"/>
      <sheetData sheetId="534"/>
      <sheetData sheetId="535"/>
      <sheetData sheetId="536"/>
      <sheetData sheetId="537"/>
      <sheetData sheetId="538"/>
      <sheetData sheetId="539" refreshError="1"/>
      <sheetData sheetId="540" refreshError="1"/>
      <sheetData sheetId="541" refreshError="1"/>
      <sheetData sheetId="542" refreshError="1"/>
      <sheetData sheetId="543" refreshError="1"/>
      <sheetData sheetId="544"/>
      <sheetData sheetId="545"/>
      <sheetData sheetId="546"/>
      <sheetData sheetId="547"/>
      <sheetData sheetId="548" refreshError="1"/>
      <sheetData sheetId="549"/>
      <sheetData sheetId="550" refreshError="1"/>
      <sheetData sheetId="551"/>
      <sheetData sheetId="552" refreshError="1"/>
      <sheetData sheetId="553"/>
      <sheetData sheetId="554"/>
      <sheetData sheetId="555"/>
      <sheetData sheetId="556" refreshError="1"/>
      <sheetData sheetId="557" refreshError="1"/>
      <sheetData sheetId="558" refreshError="1"/>
      <sheetData sheetId="559" refreshError="1"/>
      <sheetData sheetId="560" refreshError="1"/>
      <sheetData sheetId="561" refreshError="1"/>
      <sheetData sheetId="562" refreshError="1"/>
      <sheetData sheetId="563" refreshError="1"/>
      <sheetData sheetId="564" refreshError="1"/>
      <sheetData sheetId="565" refreshError="1"/>
      <sheetData sheetId="566" refreshError="1"/>
      <sheetData sheetId="567"/>
      <sheetData sheetId="568" refreshError="1"/>
      <sheetData sheetId="569" refreshError="1"/>
      <sheetData sheetId="570" refreshError="1"/>
      <sheetData sheetId="571" refreshError="1"/>
      <sheetData sheetId="572"/>
      <sheetData sheetId="573"/>
      <sheetData sheetId="574" refreshError="1"/>
      <sheetData sheetId="575"/>
      <sheetData sheetId="576"/>
      <sheetData sheetId="577" refreshError="1"/>
      <sheetData sheetId="578"/>
      <sheetData sheetId="579"/>
      <sheetData sheetId="580" refreshError="1"/>
      <sheetData sheetId="581" refreshError="1"/>
      <sheetData sheetId="582" refreshError="1"/>
      <sheetData sheetId="583" refreshError="1"/>
      <sheetData sheetId="584" refreshError="1"/>
      <sheetData sheetId="585" refreshError="1"/>
      <sheetData sheetId="586" refreshError="1"/>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sheetData sheetId="597"/>
      <sheetData sheetId="598" refreshError="1"/>
      <sheetData sheetId="599"/>
      <sheetData sheetId="600"/>
      <sheetData sheetId="601" refreshError="1"/>
      <sheetData sheetId="602" refreshError="1"/>
      <sheetData sheetId="603" refreshError="1"/>
      <sheetData sheetId="604"/>
      <sheetData sheetId="605"/>
      <sheetData sheetId="606"/>
      <sheetData sheetId="607"/>
      <sheetData sheetId="608"/>
      <sheetData sheetId="609"/>
      <sheetData sheetId="610"/>
      <sheetData sheetId="611"/>
      <sheetData sheetId="612"/>
      <sheetData sheetId="613"/>
      <sheetData sheetId="614"/>
      <sheetData sheetId="615"/>
      <sheetData sheetId="616"/>
      <sheetData sheetId="617"/>
      <sheetData sheetId="618"/>
      <sheetData sheetId="619"/>
      <sheetData sheetId="620"/>
      <sheetData sheetId="621" refreshError="1"/>
      <sheetData sheetId="622" refreshError="1"/>
      <sheetData sheetId="623" refreshError="1"/>
      <sheetData sheetId="624" refreshError="1"/>
      <sheetData sheetId="625" refreshError="1"/>
      <sheetData sheetId="626" refreshError="1"/>
      <sheetData sheetId="627"/>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sheetData sheetId="639"/>
      <sheetData sheetId="640"/>
      <sheetData sheetId="641"/>
      <sheetData sheetId="642" refreshError="1"/>
      <sheetData sheetId="643" refreshError="1"/>
      <sheetData sheetId="644" refreshError="1"/>
      <sheetData sheetId="645" refreshError="1"/>
      <sheetData sheetId="646" refreshError="1"/>
      <sheetData sheetId="647"/>
      <sheetData sheetId="648"/>
      <sheetData sheetId="649"/>
      <sheetData sheetId="650" refreshError="1"/>
      <sheetData sheetId="651" refreshError="1"/>
      <sheetData sheetId="652"/>
      <sheetData sheetId="653" refreshError="1"/>
      <sheetData sheetId="654" refreshError="1"/>
      <sheetData sheetId="655" refreshError="1"/>
      <sheetData sheetId="656"/>
      <sheetData sheetId="657"/>
      <sheetData sheetId="658" refreshError="1"/>
      <sheetData sheetId="659"/>
      <sheetData sheetId="660"/>
      <sheetData sheetId="661"/>
      <sheetData sheetId="662"/>
      <sheetData sheetId="663"/>
      <sheetData sheetId="664"/>
      <sheetData sheetId="665" refreshError="1"/>
      <sheetData sheetId="666"/>
      <sheetData sheetId="667" refreshError="1"/>
      <sheetData sheetId="668" refreshError="1"/>
      <sheetData sheetId="669" refreshError="1"/>
      <sheetData sheetId="670" refreshError="1"/>
      <sheetData sheetId="671" refreshError="1"/>
      <sheetData sheetId="672" refreshError="1"/>
      <sheetData sheetId="673" refreshError="1"/>
      <sheetData sheetId="674" refreshError="1"/>
      <sheetData sheetId="675" refreshError="1"/>
      <sheetData sheetId="676" refreshError="1"/>
      <sheetData sheetId="677" refreshError="1"/>
      <sheetData sheetId="678"/>
      <sheetData sheetId="679"/>
      <sheetData sheetId="680"/>
      <sheetData sheetId="681"/>
      <sheetData sheetId="682" refreshError="1"/>
      <sheetData sheetId="683" refreshError="1"/>
      <sheetData sheetId="684" refreshError="1"/>
      <sheetData sheetId="685"/>
      <sheetData sheetId="686"/>
      <sheetData sheetId="687" refreshError="1"/>
      <sheetData sheetId="688" refreshError="1"/>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refreshError="1"/>
      <sheetData sheetId="703" refreshError="1"/>
      <sheetData sheetId="704"/>
      <sheetData sheetId="705"/>
      <sheetData sheetId="706" refreshError="1"/>
      <sheetData sheetId="707" refreshError="1"/>
      <sheetData sheetId="708" refreshError="1"/>
      <sheetData sheetId="709" refreshError="1"/>
      <sheetData sheetId="710" refreshError="1"/>
      <sheetData sheetId="711" refreshError="1"/>
      <sheetData sheetId="712" refreshError="1"/>
      <sheetData sheetId="713"/>
      <sheetData sheetId="714" refreshError="1"/>
      <sheetData sheetId="715" refreshError="1"/>
      <sheetData sheetId="716"/>
      <sheetData sheetId="717" refreshError="1"/>
      <sheetData sheetId="718" refreshError="1"/>
      <sheetData sheetId="719"/>
      <sheetData sheetId="720" refreshError="1"/>
      <sheetData sheetId="721" refreshError="1"/>
      <sheetData sheetId="722" refreshError="1"/>
      <sheetData sheetId="723" refreshError="1"/>
      <sheetData sheetId="724" refreshError="1"/>
      <sheetData sheetId="725" refreshError="1"/>
      <sheetData sheetId="726" refreshError="1"/>
      <sheetData sheetId="727" refreshError="1"/>
      <sheetData sheetId="728" refreshError="1"/>
      <sheetData sheetId="729" refreshError="1"/>
      <sheetData sheetId="730" refreshError="1"/>
      <sheetData sheetId="731" refreshError="1"/>
      <sheetData sheetId="732" refreshError="1"/>
      <sheetData sheetId="733" refreshError="1"/>
      <sheetData sheetId="734" refreshError="1"/>
      <sheetData sheetId="735" refreshError="1"/>
      <sheetData sheetId="736" refreshError="1"/>
      <sheetData sheetId="737" refreshError="1"/>
      <sheetData sheetId="738" refreshError="1"/>
      <sheetData sheetId="739" refreshError="1"/>
      <sheetData sheetId="740"/>
      <sheetData sheetId="741"/>
      <sheetData sheetId="742" refreshError="1"/>
      <sheetData sheetId="743" refreshError="1"/>
      <sheetData sheetId="744" refreshError="1"/>
      <sheetData sheetId="745" refreshError="1"/>
      <sheetData sheetId="746" refreshError="1"/>
      <sheetData sheetId="747" refreshError="1"/>
      <sheetData sheetId="748" refreshError="1"/>
      <sheetData sheetId="749" refreshError="1"/>
      <sheetData sheetId="750" refreshError="1"/>
      <sheetData sheetId="751" refreshError="1"/>
      <sheetData sheetId="752" refreshError="1"/>
      <sheetData sheetId="753" refreshError="1"/>
      <sheetData sheetId="754" refreshError="1"/>
      <sheetData sheetId="755" refreshError="1"/>
      <sheetData sheetId="756" refreshError="1"/>
      <sheetData sheetId="757" refreshError="1"/>
      <sheetData sheetId="758" refreshError="1"/>
      <sheetData sheetId="759" refreshError="1"/>
      <sheetData sheetId="760" refreshError="1"/>
      <sheetData sheetId="761" refreshError="1"/>
      <sheetData sheetId="762"/>
      <sheetData sheetId="763" refreshError="1"/>
      <sheetData sheetId="764" refreshError="1"/>
      <sheetData sheetId="765"/>
      <sheetData sheetId="766" refreshError="1"/>
      <sheetData sheetId="767"/>
      <sheetData sheetId="768" refreshError="1"/>
      <sheetData sheetId="769" refreshError="1"/>
      <sheetData sheetId="770" refreshError="1"/>
      <sheetData sheetId="771" refreshError="1"/>
      <sheetData sheetId="772" refreshError="1"/>
      <sheetData sheetId="773" refreshError="1"/>
      <sheetData sheetId="774" refreshError="1"/>
      <sheetData sheetId="775" refreshError="1"/>
      <sheetData sheetId="776" refreshError="1"/>
      <sheetData sheetId="777" refreshError="1"/>
      <sheetData sheetId="778" refreshError="1"/>
      <sheetData sheetId="779" refreshError="1"/>
      <sheetData sheetId="780" refreshError="1"/>
      <sheetData sheetId="781" refreshError="1"/>
      <sheetData sheetId="782" refreshError="1"/>
      <sheetData sheetId="783" refreshError="1"/>
      <sheetData sheetId="784" refreshError="1"/>
      <sheetData sheetId="785" refreshError="1"/>
      <sheetData sheetId="786" refreshError="1"/>
      <sheetData sheetId="787" refreshError="1"/>
      <sheetData sheetId="788" refreshError="1"/>
      <sheetData sheetId="789"/>
      <sheetData sheetId="790" refreshError="1"/>
      <sheetData sheetId="791" refreshError="1"/>
      <sheetData sheetId="792" refreshError="1"/>
      <sheetData sheetId="793" refreshError="1"/>
      <sheetData sheetId="794" refreshError="1"/>
      <sheetData sheetId="795" refreshError="1"/>
      <sheetData sheetId="796" refreshError="1"/>
      <sheetData sheetId="797" refreshError="1"/>
      <sheetData sheetId="798" refreshError="1"/>
      <sheetData sheetId="799" refreshError="1"/>
      <sheetData sheetId="800" refreshError="1"/>
      <sheetData sheetId="801"/>
      <sheetData sheetId="802" refreshError="1"/>
      <sheetData sheetId="803"/>
      <sheetData sheetId="804" refreshError="1"/>
      <sheetData sheetId="805"/>
      <sheetData sheetId="806" refreshError="1"/>
      <sheetData sheetId="807" refreshError="1"/>
      <sheetData sheetId="808"/>
      <sheetData sheetId="809"/>
      <sheetData sheetId="810"/>
      <sheetData sheetId="811" refreshError="1"/>
      <sheetData sheetId="812" refreshError="1"/>
      <sheetData sheetId="813"/>
      <sheetData sheetId="814" refreshError="1"/>
      <sheetData sheetId="815"/>
      <sheetData sheetId="816" refreshError="1"/>
      <sheetData sheetId="817" refreshError="1"/>
      <sheetData sheetId="818" refreshError="1"/>
      <sheetData sheetId="819" refreshError="1"/>
      <sheetData sheetId="820" refreshError="1"/>
      <sheetData sheetId="821" refreshError="1"/>
      <sheetData sheetId="822" refreshError="1"/>
      <sheetData sheetId="823"/>
      <sheetData sheetId="824"/>
      <sheetData sheetId="825"/>
      <sheetData sheetId="826"/>
      <sheetData sheetId="827"/>
      <sheetData sheetId="828" refreshError="1"/>
      <sheetData sheetId="829"/>
      <sheetData sheetId="830" refreshError="1"/>
      <sheetData sheetId="831" refreshError="1"/>
      <sheetData sheetId="832"/>
      <sheetData sheetId="833"/>
      <sheetData sheetId="834"/>
      <sheetData sheetId="835"/>
      <sheetData sheetId="836"/>
      <sheetData sheetId="837"/>
      <sheetData sheetId="838"/>
      <sheetData sheetId="839"/>
      <sheetData sheetId="840"/>
      <sheetData sheetId="841"/>
      <sheetData sheetId="842"/>
      <sheetData sheetId="843" refreshError="1"/>
      <sheetData sheetId="844"/>
      <sheetData sheetId="845"/>
      <sheetData sheetId="846" refreshError="1"/>
      <sheetData sheetId="847" refreshError="1"/>
      <sheetData sheetId="848"/>
      <sheetData sheetId="849"/>
      <sheetData sheetId="850"/>
      <sheetData sheetId="851"/>
      <sheetData sheetId="852"/>
      <sheetData sheetId="853"/>
      <sheetData sheetId="854" refreshError="1"/>
      <sheetData sheetId="855" refreshError="1"/>
      <sheetData sheetId="856" refreshError="1"/>
      <sheetData sheetId="857" refreshError="1"/>
      <sheetData sheetId="858" refreshError="1"/>
      <sheetData sheetId="859" refreshError="1"/>
      <sheetData sheetId="860" refreshError="1"/>
      <sheetData sheetId="861" refreshError="1"/>
      <sheetData sheetId="862" refreshError="1"/>
      <sheetData sheetId="863" refreshError="1"/>
      <sheetData sheetId="864" refreshError="1"/>
      <sheetData sheetId="865" refreshError="1"/>
      <sheetData sheetId="866" refreshError="1"/>
      <sheetData sheetId="867" refreshError="1"/>
      <sheetData sheetId="868"/>
      <sheetData sheetId="869"/>
      <sheetData sheetId="870" refreshError="1"/>
      <sheetData sheetId="871" refreshError="1"/>
      <sheetData sheetId="872" refreshError="1"/>
      <sheetData sheetId="873" refreshError="1"/>
      <sheetData sheetId="874" refreshError="1"/>
      <sheetData sheetId="875" refreshError="1"/>
      <sheetData sheetId="876" refreshError="1"/>
      <sheetData sheetId="877" refreshError="1"/>
      <sheetData sheetId="878"/>
      <sheetData sheetId="879"/>
      <sheetData sheetId="880"/>
      <sheetData sheetId="881"/>
      <sheetData sheetId="882"/>
      <sheetData sheetId="883"/>
      <sheetData sheetId="884"/>
      <sheetData sheetId="885"/>
      <sheetData sheetId="886" refreshError="1"/>
      <sheetData sheetId="887"/>
      <sheetData sheetId="888"/>
      <sheetData sheetId="889"/>
      <sheetData sheetId="890"/>
      <sheetData sheetId="891" refreshError="1"/>
      <sheetData sheetId="892" refreshError="1"/>
      <sheetData sheetId="893" refreshError="1"/>
      <sheetData sheetId="894" refreshError="1"/>
      <sheetData sheetId="895"/>
      <sheetData sheetId="896"/>
      <sheetData sheetId="897" refreshError="1"/>
      <sheetData sheetId="898"/>
      <sheetData sheetId="899" refreshError="1"/>
      <sheetData sheetId="900"/>
      <sheetData sheetId="901"/>
      <sheetData sheetId="902" refreshError="1"/>
      <sheetData sheetId="903"/>
      <sheetData sheetId="904" refreshError="1"/>
      <sheetData sheetId="905" refreshError="1"/>
      <sheetData sheetId="906" refreshError="1"/>
      <sheetData sheetId="907" refreshError="1"/>
      <sheetData sheetId="908" refreshError="1"/>
      <sheetData sheetId="909" refreshError="1"/>
      <sheetData sheetId="910" refreshError="1"/>
      <sheetData sheetId="911" refreshError="1"/>
      <sheetData sheetId="912"/>
      <sheetData sheetId="913" refreshError="1"/>
      <sheetData sheetId="914" refreshError="1"/>
      <sheetData sheetId="915" refreshError="1"/>
      <sheetData sheetId="916" refreshError="1"/>
      <sheetData sheetId="917" refreshError="1"/>
      <sheetData sheetId="918" refreshError="1"/>
      <sheetData sheetId="919" refreshError="1"/>
      <sheetData sheetId="920" refreshError="1"/>
      <sheetData sheetId="921" refreshError="1"/>
      <sheetData sheetId="922" refreshError="1"/>
      <sheetData sheetId="923" refreshError="1"/>
      <sheetData sheetId="924" refreshError="1"/>
      <sheetData sheetId="925" refreshError="1"/>
      <sheetData sheetId="926" refreshError="1"/>
      <sheetData sheetId="927" refreshError="1"/>
      <sheetData sheetId="928" refreshError="1"/>
      <sheetData sheetId="929" refreshError="1"/>
      <sheetData sheetId="930" refreshError="1"/>
      <sheetData sheetId="931" refreshError="1"/>
      <sheetData sheetId="932" refreshError="1"/>
      <sheetData sheetId="933" refreshError="1"/>
      <sheetData sheetId="934" refreshError="1"/>
      <sheetData sheetId="935" refreshError="1"/>
      <sheetData sheetId="936" refreshError="1"/>
      <sheetData sheetId="937"/>
      <sheetData sheetId="938"/>
      <sheetData sheetId="939"/>
      <sheetData sheetId="940"/>
      <sheetData sheetId="941"/>
      <sheetData sheetId="942"/>
      <sheetData sheetId="943" refreshError="1"/>
      <sheetData sheetId="944" refreshError="1"/>
      <sheetData sheetId="945"/>
      <sheetData sheetId="946"/>
      <sheetData sheetId="947" refreshError="1"/>
      <sheetData sheetId="948"/>
      <sheetData sheetId="949"/>
      <sheetData sheetId="950" refreshError="1"/>
      <sheetData sheetId="951"/>
      <sheetData sheetId="952"/>
      <sheetData sheetId="953"/>
      <sheetData sheetId="954"/>
      <sheetData sheetId="955"/>
      <sheetData sheetId="956" refreshError="1"/>
      <sheetData sheetId="957" refreshError="1"/>
      <sheetData sheetId="958" refreshError="1"/>
      <sheetData sheetId="959" refreshError="1"/>
      <sheetData sheetId="960"/>
      <sheetData sheetId="961"/>
      <sheetData sheetId="962"/>
      <sheetData sheetId="963"/>
      <sheetData sheetId="964"/>
      <sheetData sheetId="965"/>
      <sheetData sheetId="966"/>
      <sheetData sheetId="967" refreshError="1"/>
      <sheetData sheetId="968" refreshError="1"/>
      <sheetData sheetId="969" refreshError="1"/>
      <sheetData sheetId="970"/>
      <sheetData sheetId="971"/>
      <sheetData sheetId="972"/>
      <sheetData sheetId="973"/>
      <sheetData sheetId="974"/>
      <sheetData sheetId="975"/>
      <sheetData sheetId="976"/>
      <sheetData sheetId="977" refreshError="1"/>
      <sheetData sheetId="978" refreshError="1"/>
      <sheetData sheetId="979"/>
      <sheetData sheetId="980" refreshError="1"/>
      <sheetData sheetId="981" refreshError="1"/>
      <sheetData sheetId="982" refreshError="1"/>
      <sheetData sheetId="983" refreshError="1"/>
      <sheetData sheetId="984" refreshError="1"/>
      <sheetData sheetId="985"/>
      <sheetData sheetId="986" refreshError="1"/>
      <sheetData sheetId="987"/>
      <sheetData sheetId="988" refreshError="1"/>
      <sheetData sheetId="989" refreshError="1"/>
      <sheetData sheetId="990" refreshError="1"/>
      <sheetData sheetId="991"/>
      <sheetData sheetId="992" refreshError="1"/>
      <sheetData sheetId="993" refreshError="1"/>
      <sheetData sheetId="994" refreshError="1"/>
      <sheetData sheetId="995" refreshError="1"/>
      <sheetData sheetId="996" refreshError="1"/>
      <sheetData sheetId="997" refreshError="1"/>
      <sheetData sheetId="998"/>
      <sheetData sheetId="999"/>
      <sheetData sheetId="1000" refreshError="1"/>
      <sheetData sheetId="1001" refreshError="1"/>
      <sheetData sheetId="1002" refreshError="1"/>
      <sheetData sheetId="1003"/>
      <sheetData sheetId="1004" refreshError="1"/>
      <sheetData sheetId="1005"/>
      <sheetData sheetId="1006"/>
      <sheetData sheetId="1007"/>
      <sheetData sheetId="1008"/>
      <sheetData sheetId="1009" refreshError="1"/>
      <sheetData sheetId="1010" refreshError="1"/>
      <sheetData sheetId="1011" refreshError="1"/>
      <sheetData sheetId="1012" refreshError="1"/>
      <sheetData sheetId="1013" refreshError="1"/>
      <sheetData sheetId="1014" refreshError="1"/>
      <sheetData sheetId="1015" refreshError="1"/>
      <sheetData sheetId="1016" refreshError="1"/>
      <sheetData sheetId="1017" refreshError="1"/>
      <sheetData sheetId="1018" refreshError="1"/>
      <sheetData sheetId="1019" refreshError="1"/>
      <sheetData sheetId="1020"/>
      <sheetData sheetId="1021" refreshError="1"/>
      <sheetData sheetId="1022" refreshError="1"/>
      <sheetData sheetId="1023"/>
      <sheetData sheetId="1024"/>
      <sheetData sheetId="1025" refreshError="1"/>
      <sheetData sheetId="1026"/>
      <sheetData sheetId="1027"/>
      <sheetData sheetId="1028"/>
      <sheetData sheetId="1029" refreshError="1"/>
      <sheetData sheetId="1030" refreshError="1"/>
      <sheetData sheetId="1031" refreshError="1"/>
      <sheetData sheetId="1032" refreshError="1"/>
      <sheetData sheetId="1033" refreshError="1"/>
      <sheetData sheetId="1034" refreshError="1"/>
      <sheetData sheetId="1035"/>
      <sheetData sheetId="1036"/>
      <sheetData sheetId="1037"/>
      <sheetData sheetId="1038"/>
      <sheetData sheetId="1039"/>
      <sheetData sheetId="1040"/>
      <sheetData sheetId="1041"/>
      <sheetData sheetId="1042" refreshError="1"/>
      <sheetData sheetId="1043" refreshError="1"/>
      <sheetData sheetId="1044" refreshError="1"/>
      <sheetData sheetId="1045" refreshError="1"/>
      <sheetData sheetId="1046" refreshError="1"/>
      <sheetData sheetId="1047" refreshError="1"/>
      <sheetData sheetId="1048"/>
      <sheetData sheetId="1049" refreshError="1"/>
      <sheetData sheetId="1050"/>
      <sheetData sheetId="1051" refreshError="1"/>
      <sheetData sheetId="1052" refreshError="1"/>
      <sheetData sheetId="1053" refreshError="1"/>
      <sheetData sheetId="1054" refreshError="1"/>
      <sheetData sheetId="1055" refreshError="1"/>
      <sheetData sheetId="1056"/>
      <sheetData sheetId="1057" refreshError="1"/>
      <sheetData sheetId="1058" refreshError="1"/>
      <sheetData sheetId="1059" refreshError="1"/>
      <sheetData sheetId="1060" refreshError="1"/>
      <sheetData sheetId="1061" refreshError="1"/>
      <sheetData sheetId="1062" refreshError="1"/>
      <sheetData sheetId="1063" refreshError="1"/>
      <sheetData sheetId="1064" refreshError="1"/>
      <sheetData sheetId="1065"/>
      <sheetData sheetId="1066"/>
      <sheetData sheetId="1067"/>
      <sheetData sheetId="1068"/>
      <sheetData sheetId="1069"/>
      <sheetData sheetId="1070"/>
      <sheetData sheetId="1071"/>
      <sheetData sheetId="1072"/>
      <sheetData sheetId="1073"/>
      <sheetData sheetId="1074"/>
      <sheetData sheetId="1075"/>
      <sheetData sheetId="1076" refreshError="1"/>
      <sheetData sheetId="1077"/>
      <sheetData sheetId="1078"/>
      <sheetData sheetId="1079" refreshError="1"/>
      <sheetData sheetId="1080" refreshError="1"/>
      <sheetData sheetId="1081" refreshError="1"/>
      <sheetData sheetId="1082"/>
      <sheetData sheetId="1083"/>
      <sheetData sheetId="1084"/>
      <sheetData sheetId="1085"/>
      <sheetData sheetId="1086"/>
      <sheetData sheetId="1087"/>
      <sheetData sheetId="1088"/>
      <sheetData sheetId="1089"/>
      <sheetData sheetId="1090"/>
      <sheetData sheetId="1091"/>
      <sheetData sheetId="1092"/>
      <sheetData sheetId="1093"/>
      <sheetData sheetId="1094"/>
      <sheetData sheetId="1095"/>
      <sheetData sheetId="1096"/>
      <sheetData sheetId="1097"/>
      <sheetData sheetId="1098"/>
      <sheetData sheetId="1099"/>
      <sheetData sheetId="1100"/>
      <sheetData sheetId="1101"/>
      <sheetData sheetId="1102"/>
      <sheetData sheetId="1103"/>
      <sheetData sheetId="1104"/>
      <sheetData sheetId="1105"/>
      <sheetData sheetId="1106"/>
      <sheetData sheetId="1107"/>
      <sheetData sheetId="1108"/>
      <sheetData sheetId="1109"/>
      <sheetData sheetId="1110"/>
      <sheetData sheetId="1111"/>
      <sheetData sheetId="1112"/>
      <sheetData sheetId="1113"/>
      <sheetData sheetId="1114"/>
      <sheetData sheetId="1115"/>
      <sheetData sheetId="1116"/>
      <sheetData sheetId="1117"/>
      <sheetData sheetId="1118"/>
      <sheetData sheetId="1119"/>
      <sheetData sheetId="1120" refreshError="1"/>
      <sheetData sheetId="1121" refreshError="1"/>
      <sheetData sheetId="1122" refreshError="1"/>
      <sheetData sheetId="1123" refreshError="1"/>
      <sheetData sheetId="1124"/>
      <sheetData sheetId="1125"/>
      <sheetData sheetId="1126" refreshError="1"/>
      <sheetData sheetId="1127" refreshError="1"/>
      <sheetData sheetId="1128" refreshError="1"/>
      <sheetData sheetId="1129" refreshError="1"/>
      <sheetData sheetId="1130" refreshError="1"/>
      <sheetData sheetId="1131" refreshError="1"/>
      <sheetData sheetId="1132" refreshError="1"/>
      <sheetData sheetId="1133" refreshError="1"/>
      <sheetData sheetId="1134" refreshError="1"/>
      <sheetData sheetId="1135" refreshError="1"/>
      <sheetData sheetId="1136" refreshError="1"/>
      <sheetData sheetId="1137" refreshError="1"/>
      <sheetData sheetId="1138" refreshError="1"/>
      <sheetData sheetId="1139" refreshError="1"/>
      <sheetData sheetId="1140" refreshError="1"/>
      <sheetData sheetId="1141" refreshError="1"/>
      <sheetData sheetId="1142" refreshError="1"/>
      <sheetData sheetId="1143" refreshError="1"/>
      <sheetData sheetId="1144" refreshError="1"/>
      <sheetData sheetId="1145" refreshError="1"/>
      <sheetData sheetId="1146" refreshError="1"/>
      <sheetData sheetId="1147" refreshError="1"/>
      <sheetData sheetId="1148"/>
      <sheetData sheetId="1149" refreshError="1"/>
      <sheetData sheetId="1150" refreshError="1"/>
      <sheetData sheetId="1151"/>
      <sheetData sheetId="1152" refreshError="1"/>
      <sheetData sheetId="1153" refreshError="1"/>
      <sheetData sheetId="1154" refreshError="1"/>
      <sheetData sheetId="1155" refreshError="1"/>
      <sheetData sheetId="1156" refreshError="1"/>
      <sheetData sheetId="1157"/>
      <sheetData sheetId="1158"/>
      <sheetData sheetId="1159"/>
      <sheetData sheetId="1160" refreshError="1"/>
      <sheetData sheetId="1161" refreshError="1"/>
      <sheetData sheetId="1162"/>
      <sheetData sheetId="1163" refreshError="1"/>
      <sheetData sheetId="1164" refreshError="1"/>
      <sheetData sheetId="1165" refreshError="1"/>
      <sheetData sheetId="1166" refreshError="1"/>
      <sheetData sheetId="1167" refreshError="1"/>
      <sheetData sheetId="1168" refreshError="1"/>
      <sheetData sheetId="1169" refreshError="1"/>
      <sheetData sheetId="1170" refreshError="1"/>
      <sheetData sheetId="1171" refreshError="1"/>
      <sheetData sheetId="1172" refreshError="1"/>
      <sheetData sheetId="1173" refreshError="1"/>
      <sheetData sheetId="1174" refreshError="1"/>
      <sheetData sheetId="1175" refreshError="1"/>
      <sheetData sheetId="1176"/>
      <sheetData sheetId="1177" refreshError="1"/>
      <sheetData sheetId="1178"/>
      <sheetData sheetId="1179"/>
      <sheetData sheetId="1180"/>
      <sheetData sheetId="1181"/>
      <sheetData sheetId="1182"/>
      <sheetData sheetId="1183"/>
      <sheetData sheetId="1184"/>
      <sheetData sheetId="1185"/>
      <sheetData sheetId="1186"/>
      <sheetData sheetId="1187"/>
      <sheetData sheetId="1188"/>
      <sheetData sheetId="1189"/>
      <sheetData sheetId="1190" refreshError="1"/>
      <sheetData sheetId="1191" refreshError="1"/>
      <sheetData sheetId="1192" refreshError="1"/>
      <sheetData sheetId="1193" refreshError="1"/>
      <sheetData sheetId="1194" refreshError="1"/>
      <sheetData sheetId="1195" refreshError="1"/>
      <sheetData sheetId="1196" refreshError="1"/>
      <sheetData sheetId="1197" refreshError="1"/>
      <sheetData sheetId="1198" refreshError="1"/>
      <sheetData sheetId="1199" refreshError="1"/>
      <sheetData sheetId="1200"/>
      <sheetData sheetId="1201"/>
      <sheetData sheetId="1202" refreshError="1"/>
      <sheetData sheetId="1203" refreshError="1"/>
      <sheetData sheetId="1204" refreshError="1"/>
      <sheetData sheetId="1205" refreshError="1"/>
      <sheetData sheetId="1206" refreshError="1"/>
      <sheetData sheetId="1207" refreshError="1"/>
      <sheetData sheetId="1208" refreshError="1"/>
      <sheetData sheetId="1209" refreshError="1"/>
      <sheetData sheetId="1210" refreshError="1"/>
      <sheetData sheetId="1211" refreshError="1"/>
      <sheetData sheetId="1212" refreshError="1"/>
      <sheetData sheetId="1213" refreshError="1"/>
      <sheetData sheetId="1214" refreshError="1"/>
      <sheetData sheetId="1215" refreshError="1"/>
      <sheetData sheetId="1216" refreshError="1"/>
      <sheetData sheetId="1217" refreshError="1"/>
      <sheetData sheetId="1218" refreshError="1"/>
      <sheetData sheetId="1219" refreshError="1"/>
      <sheetData sheetId="1220" refreshError="1"/>
      <sheetData sheetId="1221" refreshError="1"/>
      <sheetData sheetId="1222" refreshError="1"/>
      <sheetData sheetId="1223" refreshError="1"/>
      <sheetData sheetId="1224" refreshError="1"/>
      <sheetData sheetId="1225" refreshError="1"/>
      <sheetData sheetId="1226" refreshError="1"/>
      <sheetData sheetId="1227" refreshError="1"/>
      <sheetData sheetId="1228" refreshError="1"/>
      <sheetData sheetId="1229" refreshError="1"/>
      <sheetData sheetId="1230" refreshError="1"/>
      <sheetData sheetId="1231" refreshError="1"/>
      <sheetData sheetId="1232" refreshError="1"/>
      <sheetData sheetId="1233" refreshError="1"/>
      <sheetData sheetId="1234" refreshError="1"/>
      <sheetData sheetId="1235" refreshError="1"/>
      <sheetData sheetId="1236" refreshError="1"/>
      <sheetData sheetId="1237" refreshError="1"/>
      <sheetData sheetId="1238" refreshError="1"/>
      <sheetData sheetId="1239" refreshError="1"/>
      <sheetData sheetId="1240" refreshError="1"/>
      <sheetData sheetId="1241" refreshError="1"/>
      <sheetData sheetId="1242" refreshError="1"/>
      <sheetData sheetId="1243" refreshError="1"/>
      <sheetData sheetId="1244" refreshError="1"/>
      <sheetData sheetId="1245" refreshError="1"/>
      <sheetData sheetId="1246" refreshError="1"/>
      <sheetData sheetId="1247" refreshError="1"/>
      <sheetData sheetId="1248" refreshError="1"/>
      <sheetData sheetId="1249" refreshError="1"/>
      <sheetData sheetId="1250" refreshError="1"/>
      <sheetData sheetId="1251" refreshError="1"/>
      <sheetData sheetId="1252" refreshError="1"/>
      <sheetData sheetId="1253" refreshError="1"/>
      <sheetData sheetId="1254" refreshError="1"/>
      <sheetData sheetId="1255" refreshError="1"/>
      <sheetData sheetId="1256" refreshError="1"/>
      <sheetData sheetId="1257" refreshError="1"/>
      <sheetData sheetId="1258" refreshError="1"/>
      <sheetData sheetId="1259" refreshError="1"/>
      <sheetData sheetId="1260" refreshError="1"/>
      <sheetData sheetId="1261" refreshError="1"/>
      <sheetData sheetId="1262" refreshError="1"/>
      <sheetData sheetId="1263" refreshError="1"/>
      <sheetData sheetId="1264" refreshError="1"/>
      <sheetData sheetId="1265" refreshError="1"/>
      <sheetData sheetId="1266" refreshError="1"/>
      <sheetData sheetId="1267" refreshError="1"/>
      <sheetData sheetId="1268" refreshError="1"/>
      <sheetData sheetId="1269" refreshError="1"/>
      <sheetData sheetId="1270" refreshError="1"/>
      <sheetData sheetId="1271" refreshError="1"/>
      <sheetData sheetId="1272" refreshError="1"/>
      <sheetData sheetId="1273" refreshError="1"/>
      <sheetData sheetId="1274" refreshError="1"/>
      <sheetData sheetId="1275" refreshError="1"/>
      <sheetData sheetId="1276" refreshError="1"/>
      <sheetData sheetId="1277" refreshError="1"/>
      <sheetData sheetId="1278" refreshError="1"/>
      <sheetData sheetId="1279" refreshError="1"/>
      <sheetData sheetId="1280" refreshError="1"/>
      <sheetData sheetId="1281" refreshError="1"/>
      <sheetData sheetId="1282" refreshError="1"/>
      <sheetData sheetId="1283" refreshError="1"/>
      <sheetData sheetId="1284" refreshError="1"/>
      <sheetData sheetId="1285" refreshError="1"/>
      <sheetData sheetId="1286" refreshError="1"/>
      <sheetData sheetId="1287" refreshError="1"/>
      <sheetData sheetId="1288" refreshError="1"/>
      <sheetData sheetId="1289" refreshError="1"/>
      <sheetData sheetId="1290" refreshError="1"/>
      <sheetData sheetId="1291" refreshError="1"/>
      <sheetData sheetId="1292" refreshError="1"/>
      <sheetData sheetId="1293" refreshError="1"/>
      <sheetData sheetId="1294" refreshError="1"/>
      <sheetData sheetId="1295" refreshError="1"/>
      <sheetData sheetId="1296" refreshError="1"/>
      <sheetData sheetId="1297" refreshError="1"/>
      <sheetData sheetId="1298" refreshError="1"/>
      <sheetData sheetId="1299" refreshError="1"/>
      <sheetData sheetId="1300" refreshError="1"/>
      <sheetData sheetId="1301" refreshError="1"/>
      <sheetData sheetId="1302" refreshError="1"/>
      <sheetData sheetId="1303" refreshError="1"/>
      <sheetData sheetId="1304" refreshError="1"/>
      <sheetData sheetId="1305" refreshError="1"/>
      <sheetData sheetId="1306" refreshError="1"/>
      <sheetData sheetId="1307" refreshError="1"/>
      <sheetData sheetId="1308" refreshError="1"/>
      <sheetData sheetId="1309" refreshError="1"/>
      <sheetData sheetId="1310" refreshError="1"/>
      <sheetData sheetId="1311" refreshError="1"/>
      <sheetData sheetId="1312" refreshError="1"/>
      <sheetData sheetId="1313" refreshError="1"/>
      <sheetData sheetId="1314" refreshError="1"/>
      <sheetData sheetId="1315" refreshError="1"/>
      <sheetData sheetId="1316" refreshError="1"/>
      <sheetData sheetId="1317" refreshError="1"/>
      <sheetData sheetId="1318" refreshError="1"/>
      <sheetData sheetId="1319" refreshError="1"/>
      <sheetData sheetId="1320" refreshError="1"/>
      <sheetData sheetId="1321" refreshError="1"/>
      <sheetData sheetId="1322" refreshError="1"/>
      <sheetData sheetId="1323" refreshError="1"/>
      <sheetData sheetId="1324" refreshError="1"/>
      <sheetData sheetId="1325" refreshError="1"/>
      <sheetData sheetId="1326" refreshError="1"/>
      <sheetData sheetId="1327" refreshError="1"/>
      <sheetData sheetId="1328" refreshError="1"/>
      <sheetData sheetId="1329" refreshError="1"/>
      <sheetData sheetId="1330" refreshError="1"/>
      <sheetData sheetId="1331" refreshError="1"/>
      <sheetData sheetId="1332" refreshError="1"/>
      <sheetData sheetId="1333" refreshError="1"/>
      <sheetData sheetId="1334" refreshError="1"/>
      <sheetData sheetId="1335" refreshError="1"/>
      <sheetData sheetId="1336" refreshError="1"/>
      <sheetData sheetId="1337" refreshError="1"/>
      <sheetData sheetId="1338" refreshError="1"/>
      <sheetData sheetId="1339" refreshError="1"/>
      <sheetData sheetId="1340" refreshError="1"/>
      <sheetData sheetId="1341" refreshError="1"/>
      <sheetData sheetId="1342" refreshError="1"/>
      <sheetData sheetId="1343" refreshError="1"/>
      <sheetData sheetId="1344" refreshError="1"/>
      <sheetData sheetId="1345" refreshError="1"/>
      <sheetData sheetId="1346" refreshError="1"/>
      <sheetData sheetId="1347" refreshError="1"/>
      <sheetData sheetId="1348" refreshError="1"/>
      <sheetData sheetId="1349" refreshError="1"/>
      <sheetData sheetId="1350" refreshError="1"/>
      <sheetData sheetId="1351" refreshError="1"/>
      <sheetData sheetId="1352" refreshError="1"/>
      <sheetData sheetId="1353" refreshError="1"/>
      <sheetData sheetId="1354" refreshError="1"/>
      <sheetData sheetId="1355" refreshError="1"/>
      <sheetData sheetId="1356" refreshError="1"/>
      <sheetData sheetId="1357" refreshError="1"/>
      <sheetData sheetId="1358" refreshError="1"/>
      <sheetData sheetId="1359" refreshError="1"/>
      <sheetData sheetId="1360" refreshError="1"/>
      <sheetData sheetId="1361" refreshError="1"/>
      <sheetData sheetId="1362" refreshError="1"/>
      <sheetData sheetId="1363" refreshError="1"/>
      <sheetData sheetId="1364" refreshError="1"/>
      <sheetData sheetId="1365" refreshError="1"/>
      <sheetData sheetId="1366" refreshError="1"/>
      <sheetData sheetId="1367" refreshError="1"/>
      <sheetData sheetId="1368" refreshError="1"/>
      <sheetData sheetId="1369" refreshError="1"/>
      <sheetData sheetId="1370" refreshError="1"/>
      <sheetData sheetId="1371" refreshError="1"/>
      <sheetData sheetId="1372" refreshError="1"/>
      <sheetData sheetId="1373" refreshError="1"/>
      <sheetData sheetId="1374" refreshError="1"/>
      <sheetData sheetId="1375" refreshError="1"/>
      <sheetData sheetId="1376" refreshError="1"/>
      <sheetData sheetId="1377" refreshError="1"/>
      <sheetData sheetId="1378" refreshError="1"/>
      <sheetData sheetId="1379" refreshError="1"/>
      <sheetData sheetId="1380" refreshError="1"/>
      <sheetData sheetId="1381" refreshError="1"/>
      <sheetData sheetId="1382" refreshError="1"/>
      <sheetData sheetId="1383" refreshError="1"/>
      <sheetData sheetId="1384" refreshError="1"/>
      <sheetData sheetId="1385" refreshError="1"/>
      <sheetData sheetId="1386" refreshError="1"/>
      <sheetData sheetId="1387" refreshError="1"/>
      <sheetData sheetId="1388" refreshError="1"/>
      <sheetData sheetId="1389" refreshError="1"/>
      <sheetData sheetId="1390" refreshError="1"/>
      <sheetData sheetId="1391" refreshError="1"/>
      <sheetData sheetId="1392" refreshError="1"/>
      <sheetData sheetId="1393" refreshError="1"/>
      <sheetData sheetId="1394" refreshError="1"/>
      <sheetData sheetId="1395" refreshError="1"/>
      <sheetData sheetId="1396" refreshError="1"/>
      <sheetData sheetId="1397" refreshError="1"/>
      <sheetData sheetId="1398" refreshError="1"/>
      <sheetData sheetId="1399" refreshError="1"/>
      <sheetData sheetId="1400" refreshError="1"/>
      <sheetData sheetId="1401" refreshError="1"/>
      <sheetData sheetId="1402" refreshError="1"/>
      <sheetData sheetId="1403" refreshError="1"/>
      <sheetData sheetId="1404" refreshError="1"/>
      <sheetData sheetId="1405" refreshError="1"/>
      <sheetData sheetId="1406" refreshError="1"/>
      <sheetData sheetId="1407" refreshError="1"/>
      <sheetData sheetId="1408" refreshError="1"/>
      <sheetData sheetId="1409" refreshError="1"/>
      <sheetData sheetId="1410" refreshError="1"/>
      <sheetData sheetId="1411" refreshError="1"/>
      <sheetData sheetId="1412" refreshError="1"/>
      <sheetData sheetId="1413" refreshError="1"/>
      <sheetData sheetId="1414"/>
      <sheetData sheetId="1415"/>
      <sheetData sheetId="1416"/>
      <sheetData sheetId="1417"/>
      <sheetData sheetId="1418"/>
      <sheetData sheetId="1419"/>
      <sheetData sheetId="1420"/>
      <sheetData sheetId="1421"/>
      <sheetData sheetId="1422"/>
      <sheetData sheetId="1423"/>
      <sheetData sheetId="1424"/>
      <sheetData sheetId="1425"/>
      <sheetData sheetId="1426" refreshError="1"/>
      <sheetData sheetId="1427" refreshError="1"/>
      <sheetData sheetId="1428" refreshError="1"/>
      <sheetData sheetId="1429" refreshError="1"/>
      <sheetData sheetId="1430"/>
      <sheetData sheetId="1431" refreshError="1"/>
      <sheetData sheetId="1432" refreshError="1"/>
      <sheetData sheetId="1433"/>
      <sheetData sheetId="1434" refreshError="1"/>
      <sheetData sheetId="1435" refreshError="1"/>
      <sheetData sheetId="1436" refreshError="1"/>
      <sheetData sheetId="1437" refreshError="1"/>
      <sheetData sheetId="1438" refreshError="1"/>
      <sheetData sheetId="1439" refreshError="1"/>
      <sheetData sheetId="1440" refreshError="1"/>
      <sheetData sheetId="1441"/>
      <sheetData sheetId="1442"/>
      <sheetData sheetId="1443"/>
      <sheetData sheetId="1444"/>
      <sheetData sheetId="1445"/>
      <sheetData sheetId="1446"/>
      <sheetData sheetId="1447"/>
      <sheetData sheetId="1448"/>
      <sheetData sheetId="1449"/>
      <sheetData sheetId="1450"/>
      <sheetData sheetId="1451"/>
      <sheetData sheetId="1452"/>
      <sheetData sheetId="1453"/>
      <sheetData sheetId="1454"/>
      <sheetData sheetId="1455"/>
      <sheetData sheetId="1456"/>
      <sheetData sheetId="1457"/>
      <sheetData sheetId="1458"/>
      <sheetData sheetId="1459"/>
      <sheetData sheetId="1460"/>
      <sheetData sheetId="1461"/>
      <sheetData sheetId="1462"/>
      <sheetData sheetId="1463"/>
      <sheetData sheetId="1464"/>
      <sheetData sheetId="1465"/>
      <sheetData sheetId="1466"/>
      <sheetData sheetId="1467"/>
      <sheetData sheetId="1468"/>
      <sheetData sheetId="1469"/>
      <sheetData sheetId="1470"/>
      <sheetData sheetId="1471"/>
      <sheetData sheetId="1472"/>
      <sheetData sheetId="1473"/>
      <sheetData sheetId="1474"/>
      <sheetData sheetId="1475"/>
      <sheetData sheetId="1476"/>
      <sheetData sheetId="1477"/>
      <sheetData sheetId="1478"/>
      <sheetData sheetId="1479"/>
      <sheetData sheetId="1480"/>
      <sheetData sheetId="1481" refreshError="1"/>
      <sheetData sheetId="1482"/>
      <sheetData sheetId="1483"/>
      <sheetData sheetId="1484"/>
      <sheetData sheetId="1485" refreshError="1"/>
      <sheetData sheetId="1486"/>
      <sheetData sheetId="1487"/>
      <sheetData sheetId="1488" refreshError="1"/>
      <sheetData sheetId="1489"/>
      <sheetData sheetId="1490"/>
      <sheetData sheetId="1491"/>
      <sheetData sheetId="1492" refreshError="1"/>
      <sheetData sheetId="1493" refreshError="1"/>
      <sheetData sheetId="1494"/>
      <sheetData sheetId="1495"/>
      <sheetData sheetId="1496"/>
      <sheetData sheetId="1497"/>
      <sheetData sheetId="1498"/>
      <sheetData sheetId="1499"/>
      <sheetData sheetId="1500" refreshError="1"/>
      <sheetData sheetId="1501" refreshError="1"/>
      <sheetData sheetId="1502" refreshError="1"/>
      <sheetData sheetId="1503" refreshError="1"/>
      <sheetData sheetId="1504" refreshError="1"/>
      <sheetData sheetId="1505"/>
      <sheetData sheetId="1506" refreshError="1"/>
      <sheetData sheetId="1507" refreshError="1"/>
      <sheetData sheetId="1508" refreshError="1"/>
      <sheetData sheetId="1509" refreshError="1"/>
      <sheetData sheetId="1510" refreshError="1"/>
      <sheetData sheetId="1511" refreshError="1"/>
      <sheetData sheetId="1512" refreshError="1"/>
      <sheetData sheetId="1513"/>
      <sheetData sheetId="1514" refreshError="1"/>
      <sheetData sheetId="1515" refreshError="1"/>
      <sheetData sheetId="1516" refreshError="1"/>
      <sheetData sheetId="1517" refreshError="1"/>
      <sheetData sheetId="1518" refreshError="1"/>
      <sheetData sheetId="1519" refreshError="1"/>
      <sheetData sheetId="1520" refreshError="1"/>
      <sheetData sheetId="1521" refreshError="1"/>
      <sheetData sheetId="1522" refreshError="1"/>
      <sheetData sheetId="1523" refreshError="1"/>
      <sheetData sheetId="1524" refreshError="1"/>
      <sheetData sheetId="1525" refreshError="1"/>
      <sheetData sheetId="1526" refreshError="1"/>
      <sheetData sheetId="1527" refreshError="1"/>
      <sheetData sheetId="1528" refreshError="1"/>
      <sheetData sheetId="1529" refreshError="1"/>
      <sheetData sheetId="1530" refreshError="1"/>
      <sheetData sheetId="1531" refreshError="1"/>
      <sheetData sheetId="1532" refreshError="1"/>
      <sheetData sheetId="1533" refreshError="1"/>
      <sheetData sheetId="1534" refreshError="1"/>
      <sheetData sheetId="1535" refreshError="1"/>
      <sheetData sheetId="1536" refreshError="1"/>
      <sheetData sheetId="1537" refreshError="1"/>
      <sheetData sheetId="1538" refreshError="1"/>
      <sheetData sheetId="1539" refreshError="1"/>
      <sheetData sheetId="1540" refreshError="1"/>
      <sheetData sheetId="1541" refreshError="1"/>
      <sheetData sheetId="1542" refreshError="1"/>
      <sheetData sheetId="1543" refreshError="1"/>
      <sheetData sheetId="1544" refreshError="1"/>
      <sheetData sheetId="1545" refreshError="1"/>
      <sheetData sheetId="1546" refreshError="1"/>
      <sheetData sheetId="1547" refreshError="1"/>
      <sheetData sheetId="1548" refreshError="1"/>
      <sheetData sheetId="1549" refreshError="1"/>
      <sheetData sheetId="1550" refreshError="1"/>
      <sheetData sheetId="1551" refreshError="1"/>
      <sheetData sheetId="1552"/>
      <sheetData sheetId="1553"/>
      <sheetData sheetId="1554" refreshError="1"/>
      <sheetData sheetId="1555"/>
      <sheetData sheetId="1556" refreshError="1"/>
      <sheetData sheetId="1557" refreshError="1"/>
      <sheetData sheetId="1558" refreshError="1"/>
      <sheetData sheetId="1559" refreshError="1"/>
      <sheetData sheetId="1560" refreshError="1"/>
      <sheetData sheetId="1561" refreshError="1"/>
      <sheetData sheetId="1562" refreshError="1"/>
      <sheetData sheetId="1563" refreshError="1"/>
      <sheetData sheetId="1564" refreshError="1"/>
      <sheetData sheetId="1565"/>
      <sheetData sheetId="1566" refreshError="1"/>
      <sheetData sheetId="1567" refreshError="1"/>
      <sheetData sheetId="1568" refreshError="1"/>
      <sheetData sheetId="1569" refreshError="1"/>
      <sheetData sheetId="1570" refreshError="1"/>
      <sheetData sheetId="1571" refreshError="1"/>
      <sheetData sheetId="1572" refreshError="1"/>
      <sheetData sheetId="1573" refreshError="1"/>
      <sheetData sheetId="1574" refreshError="1"/>
      <sheetData sheetId="1575" refreshError="1"/>
      <sheetData sheetId="1576" refreshError="1"/>
      <sheetData sheetId="1577" refreshError="1"/>
      <sheetData sheetId="1578" refreshError="1"/>
      <sheetData sheetId="1579" refreshError="1"/>
      <sheetData sheetId="1580" refreshError="1"/>
      <sheetData sheetId="1581" refreshError="1"/>
      <sheetData sheetId="1582" refreshError="1"/>
      <sheetData sheetId="1583" refreshError="1"/>
      <sheetData sheetId="1584" refreshError="1"/>
      <sheetData sheetId="1585" refreshError="1"/>
      <sheetData sheetId="1586"/>
      <sheetData sheetId="1587" refreshError="1"/>
      <sheetData sheetId="1588" refreshError="1"/>
      <sheetData sheetId="1589" refreshError="1"/>
      <sheetData sheetId="1590" refreshError="1"/>
      <sheetData sheetId="1591" refreshError="1"/>
      <sheetData sheetId="1592" refreshError="1"/>
      <sheetData sheetId="1593" refreshError="1"/>
      <sheetData sheetId="1594" refreshError="1"/>
      <sheetData sheetId="1595" refreshError="1"/>
      <sheetData sheetId="1596" refreshError="1"/>
      <sheetData sheetId="1597" refreshError="1"/>
      <sheetData sheetId="1598" refreshError="1"/>
      <sheetData sheetId="1599" refreshError="1"/>
      <sheetData sheetId="1600" refreshError="1"/>
      <sheetData sheetId="1601" refreshError="1"/>
      <sheetData sheetId="1602" refreshError="1"/>
      <sheetData sheetId="1603" refreshError="1"/>
      <sheetData sheetId="1604" refreshError="1"/>
      <sheetData sheetId="1605" refreshError="1"/>
      <sheetData sheetId="1606" refreshError="1"/>
      <sheetData sheetId="1607" refreshError="1"/>
      <sheetData sheetId="1608" refreshError="1"/>
      <sheetData sheetId="1609" refreshError="1"/>
      <sheetData sheetId="1610" refreshError="1"/>
      <sheetData sheetId="1611" refreshError="1"/>
      <sheetData sheetId="1612" refreshError="1"/>
      <sheetData sheetId="1613" refreshError="1"/>
      <sheetData sheetId="1614" refreshError="1"/>
      <sheetData sheetId="1615" refreshError="1"/>
      <sheetData sheetId="1616" refreshError="1"/>
      <sheetData sheetId="1617" refreshError="1"/>
      <sheetData sheetId="1618" refreshError="1"/>
      <sheetData sheetId="1619" refreshError="1"/>
      <sheetData sheetId="1620" refreshError="1"/>
      <sheetData sheetId="1621" refreshError="1"/>
      <sheetData sheetId="1622" refreshError="1"/>
      <sheetData sheetId="1623" refreshError="1"/>
      <sheetData sheetId="1624" refreshError="1"/>
      <sheetData sheetId="1625" refreshError="1"/>
      <sheetData sheetId="1626" refreshError="1"/>
      <sheetData sheetId="1627" refreshError="1"/>
      <sheetData sheetId="1628"/>
      <sheetData sheetId="1629" refreshError="1"/>
      <sheetData sheetId="1630" refreshError="1"/>
      <sheetData sheetId="1631" refreshError="1"/>
      <sheetData sheetId="1632" refreshError="1"/>
      <sheetData sheetId="1633" refreshError="1"/>
      <sheetData sheetId="1634" refreshError="1"/>
      <sheetData sheetId="1635" refreshError="1"/>
      <sheetData sheetId="1636" refreshError="1"/>
      <sheetData sheetId="1637" refreshError="1"/>
      <sheetData sheetId="1638" refreshError="1"/>
      <sheetData sheetId="1639" refreshError="1"/>
      <sheetData sheetId="1640" refreshError="1"/>
      <sheetData sheetId="1641" refreshError="1"/>
      <sheetData sheetId="1642" refreshError="1"/>
      <sheetData sheetId="1643" refreshError="1"/>
      <sheetData sheetId="1644" refreshError="1"/>
      <sheetData sheetId="1645" refreshError="1"/>
      <sheetData sheetId="1646" refreshError="1"/>
      <sheetData sheetId="1647" refreshError="1"/>
      <sheetData sheetId="1648" refreshError="1"/>
      <sheetData sheetId="1649" refreshError="1"/>
      <sheetData sheetId="1650" refreshError="1"/>
      <sheetData sheetId="1651" refreshError="1"/>
      <sheetData sheetId="1652" refreshError="1"/>
      <sheetData sheetId="1653" refreshError="1"/>
      <sheetData sheetId="1654" refreshError="1"/>
      <sheetData sheetId="1655" refreshError="1"/>
      <sheetData sheetId="1656" refreshError="1"/>
      <sheetData sheetId="1657" refreshError="1"/>
      <sheetData sheetId="1658" refreshError="1"/>
      <sheetData sheetId="1659" refreshError="1"/>
      <sheetData sheetId="1660" refreshError="1"/>
      <sheetData sheetId="1661" refreshError="1"/>
      <sheetData sheetId="1662" refreshError="1"/>
      <sheetData sheetId="1663" refreshError="1"/>
      <sheetData sheetId="1664" refreshError="1"/>
      <sheetData sheetId="1665" refreshError="1"/>
      <sheetData sheetId="1666" refreshError="1"/>
      <sheetData sheetId="1667" refreshError="1"/>
      <sheetData sheetId="1668" refreshError="1"/>
      <sheetData sheetId="1669" refreshError="1"/>
      <sheetData sheetId="1670" refreshError="1"/>
      <sheetData sheetId="1671" refreshError="1"/>
      <sheetData sheetId="1672" refreshError="1"/>
      <sheetData sheetId="1673" refreshError="1"/>
      <sheetData sheetId="1674" refreshError="1"/>
      <sheetData sheetId="1675" refreshError="1"/>
      <sheetData sheetId="1676" refreshError="1"/>
      <sheetData sheetId="1677" refreshError="1"/>
      <sheetData sheetId="1678" refreshError="1"/>
      <sheetData sheetId="1679" refreshError="1"/>
      <sheetData sheetId="1680" refreshError="1"/>
      <sheetData sheetId="1681" refreshError="1"/>
      <sheetData sheetId="1682" refreshError="1"/>
      <sheetData sheetId="1683" refreshError="1"/>
      <sheetData sheetId="1684" refreshError="1"/>
      <sheetData sheetId="1685" refreshError="1"/>
      <sheetData sheetId="1686" refreshError="1"/>
      <sheetData sheetId="1687" refreshError="1"/>
      <sheetData sheetId="1688" refreshError="1"/>
      <sheetData sheetId="1689" refreshError="1"/>
      <sheetData sheetId="1690" refreshError="1"/>
      <sheetData sheetId="1691" refreshError="1"/>
      <sheetData sheetId="1692" refreshError="1"/>
      <sheetData sheetId="1693" refreshError="1"/>
      <sheetData sheetId="1694" refreshError="1"/>
      <sheetData sheetId="1695" refreshError="1"/>
      <sheetData sheetId="1696" refreshError="1"/>
      <sheetData sheetId="1697" refreshError="1"/>
      <sheetData sheetId="1698" refreshError="1"/>
      <sheetData sheetId="1699" refreshError="1"/>
      <sheetData sheetId="1700" refreshError="1"/>
      <sheetData sheetId="1701" refreshError="1"/>
      <sheetData sheetId="1702" refreshError="1"/>
      <sheetData sheetId="1703" refreshError="1"/>
      <sheetData sheetId="1704" refreshError="1"/>
      <sheetData sheetId="1705" refreshError="1"/>
      <sheetData sheetId="1706" refreshError="1"/>
      <sheetData sheetId="1707" refreshError="1"/>
      <sheetData sheetId="1708" refreshError="1"/>
      <sheetData sheetId="1709" refreshError="1"/>
      <sheetData sheetId="1710" refreshError="1"/>
      <sheetData sheetId="1711" refreshError="1"/>
      <sheetData sheetId="1712" refreshError="1"/>
      <sheetData sheetId="1713" refreshError="1"/>
      <sheetData sheetId="1714" refreshError="1"/>
      <sheetData sheetId="1715" refreshError="1"/>
      <sheetData sheetId="1716" refreshError="1"/>
      <sheetData sheetId="1717" refreshError="1"/>
      <sheetData sheetId="1718" refreshError="1"/>
      <sheetData sheetId="1719" refreshError="1"/>
      <sheetData sheetId="1720" refreshError="1"/>
      <sheetData sheetId="1721" refreshError="1"/>
      <sheetData sheetId="1722" refreshError="1"/>
      <sheetData sheetId="1723" refreshError="1"/>
      <sheetData sheetId="1724" refreshError="1"/>
      <sheetData sheetId="1725" refreshError="1"/>
      <sheetData sheetId="1726" refreshError="1"/>
      <sheetData sheetId="1727" refreshError="1"/>
      <sheetData sheetId="1728" refreshError="1"/>
      <sheetData sheetId="1729" refreshError="1"/>
      <sheetData sheetId="1730" refreshError="1"/>
      <sheetData sheetId="1731" refreshError="1"/>
      <sheetData sheetId="1732" refreshError="1"/>
      <sheetData sheetId="1733" refreshError="1"/>
      <sheetData sheetId="1734" refreshError="1"/>
      <sheetData sheetId="1735" refreshError="1"/>
      <sheetData sheetId="1736" refreshError="1"/>
      <sheetData sheetId="1737" refreshError="1"/>
      <sheetData sheetId="1738" refreshError="1"/>
      <sheetData sheetId="1739" refreshError="1"/>
      <sheetData sheetId="1740" refreshError="1"/>
      <sheetData sheetId="1741" refreshError="1"/>
      <sheetData sheetId="1742" refreshError="1"/>
      <sheetData sheetId="1743" refreshError="1"/>
      <sheetData sheetId="1744" refreshError="1"/>
      <sheetData sheetId="1745" refreshError="1"/>
      <sheetData sheetId="1746" refreshError="1"/>
      <sheetData sheetId="1747" refreshError="1"/>
      <sheetData sheetId="1748" refreshError="1"/>
      <sheetData sheetId="1749" refreshError="1"/>
      <sheetData sheetId="1750" refreshError="1"/>
      <sheetData sheetId="1751" refreshError="1"/>
      <sheetData sheetId="1752" refreshError="1"/>
      <sheetData sheetId="1753" refreshError="1"/>
      <sheetData sheetId="1754" refreshError="1"/>
      <sheetData sheetId="1755" refreshError="1"/>
      <sheetData sheetId="1756" refreshError="1"/>
      <sheetData sheetId="1757"/>
      <sheetData sheetId="1758" refreshError="1"/>
      <sheetData sheetId="1759" refreshError="1"/>
      <sheetData sheetId="1760" refreshError="1"/>
      <sheetData sheetId="1761" refreshError="1"/>
      <sheetData sheetId="1762" refreshError="1"/>
      <sheetData sheetId="1763" refreshError="1"/>
      <sheetData sheetId="1764" refreshError="1"/>
      <sheetData sheetId="1765" refreshError="1"/>
      <sheetData sheetId="1766" refreshError="1"/>
      <sheetData sheetId="1767" refreshError="1"/>
      <sheetData sheetId="1768" refreshError="1"/>
      <sheetData sheetId="1769" refreshError="1"/>
      <sheetData sheetId="1770"/>
      <sheetData sheetId="1771"/>
      <sheetData sheetId="1772" refreshError="1"/>
      <sheetData sheetId="1773" refreshError="1"/>
      <sheetData sheetId="1774" refreshError="1"/>
      <sheetData sheetId="1775"/>
      <sheetData sheetId="1776" refreshError="1"/>
      <sheetData sheetId="1777" refreshError="1"/>
      <sheetData sheetId="1778" refreshError="1"/>
      <sheetData sheetId="1779"/>
      <sheetData sheetId="1780"/>
      <sheetData sheetId="1781"/>
      <sheetData sheetId="1782"/>
      <sheetData sheetId="1783"/>
      <sheetData sheetId="1784" refreshError="1"/>
      <sheetData sheetId="1785" refreshError="1"/>
      <sheetData sheetId="1786" refreshError="1"/>
      <sheetData sheetId="1787"/>
      <sheetData sheetId="1788" refreshError="1"/>
      <sheetData sheetId="1789" refreshError="1"/>
      <sheetData sheetId="1790" refreshError="1"/>
      <sheetData sheetId="1791"/>
      <sheetData sheetId="1792" refreshError="1"/>
      <sheetData sheetId="1793" refreshError="1"/>
      <sheetData sheetId="1794" refreshError="1"/>
      <sheetData sheetId="1795"/>
      <sheetData sheetId="1796"/>
      <sheetData sheetId="1797"/>
      <sheetData sheetId="1798"/>
      <sheetData sheetId="1799" refreshError="1"/>
      <sheetData sheetId="1800"/>
      <sheetData sheetId="1801"/>
      <sheetData sheetId="1802"/>
      <sheetData sheetId="1803" refreshError="1"/>
      <sheetData sheetId="1804" refreshError="1"/>
      <sheetData sheetId="1805"/>
      <sheetData sheetId="1806"/>
      <sheetData sheetId="1807"/>
      <sheetData sheetId="1808"/>
      <sheetData sheetId="1809"/>
      <sheetData sheetId="1810"/>
      <sheetData sheetId="1811"/>
      <sheetData sheetId="1812"/>
      <sheetData sheetId="1813"/>
      <sheetData sheetId="1814"/>
      <sheetData sheetId="1815"/>
      <sheetData sheetId="1816"/>
      <sheetData sheetId="1817"/>
      <sheetData sheetId="1818"/>
      <sheetData sheetId="1819" refreshError="1"/>
      <sheetData sheetId="1820" refreshError="1"/>
      <sheetData sheetId="1821" refreshError="1"/>
      <sheetData sheetId="1822" refreshError="1"/>
      <sheetData sheetId="1823" refreshError="1"/>
      <sheetData sheetId="1824" refreshError="1"/>
      <sheetData sheetId="1825" refreshError="1"/>
      <sheetData sheetId="1826" refreshError="1"/>
      <sheetData sheetId="1827" refreshError="1"/>
      <sheetData sheetId="1828" refreshError="1"/>
      <sheetData sheetId="1829" refreshError="1"/>
      <sheetData sheetId="1830" refreshError="1"/>
      <sheetData sheetId="1831" refreshError="1"/>
      <sheetData sheetId="1832" refreshError="1"/>
      <sheetData sheetId="1833" refreshError="1"/>
      <sheetData sheetId="1834" refreshError="1"/>
      <sheetData sheetId="1835" refreshError="1"/>
      <sheetData sheetId="1836" refreshError="1"/>
      <sheetData sheetId="1837" refreshError="1"/>
      <sheetData sheetId="1838" refreshError="1"/>
      <sheetData sheetId="1839" refreshError="1"/>
      <sheetData sheetId="1840" refreshError="1"/>
      <sheetData sheetId="1841" refreshError="1"/>
      <sheetData sheetId="1842" refreshError="1"/>
      <sheetData sheetId="1843" refreshError="1"/>
      <sheetData sheetId="1844" refreshError="1"/>
      <sheetData sheetId="1845" refreshError="1"/>
      <sheetData sheetId="1846" refreshError="1"/>
      <sheetData sheetId="1847" refreshError="1"/>
      <sheetData sheetId="1848"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2-02画面定義書"/>
      <sheetName val="D2-02サンプル　画面定義書(画面一覧)"/>
      <sheetName val="D2-02サンプル　画面定義書(画面遷移図)"/>
      <sheetName val="D2-02サンプル　画面定義書(画面仕様書)"/>
      <sheetName val="D2-02サンプル　画面定義書(データ項目定義書)"/>
      <sheetName val="D2-02サンプル　画面定義書(WEBプログラム仕様)"/>
      <sheetName val="D2-03帳票定義書 "/>
      <sheetName val="D2-03サンプル　帳票定義書(帳票一覧)"/>
      <sheetName val="D2-03サンプル　帳票定義書(レイアウト)"/>
      <sheetName val="D2-03サンプル　帳票定義書(編集仕様)"/>
      <sheetName val="D2-03サンプル　帳票定義書(データ取得仕様)"/>
      <sheetName val="D2-05処理フロー図"/>
      <sheetName val="D2-05サンプル　処理フロー図"/>
      <sheetName val="D2-08データベース設計書"/>
      <sheetName val="D2-08サンプル　データベース設計書(テーブル一覧)"/>
      <sheetName val="D2-08サンプル　データベース設計書(インデックス一覧)"/>
      <sheetName val="D2-08サンプル　データベース設計書(テーブル定義書)"/>
    </sheetNames>
    <sheetDataSet>
      <sheetData sheetId="0" refreshError="1"/>
      <sheetData sheetId="1" refreshError="1"/>
      <sheetData sheetId="2" refreshError="1"/>
      <sheetData sheetId="3" refreshError="1"/>
      <sheetData sheetId="4"/>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表紙"/>
      <sheetName val="変更履歴"/>
      <sheetName val="インターフェース一覧"/>
      <sheetName val="code"/>
      <sheetName val="XML定義"/>
      <sheetName val="通信イメージ"/>
      <sheetName val="共通処理"/>
      <sheetName val="I"/>
      <sheetName val="O"/>
      <sheetName val="I (3)"/>
      <sheetName val="O (3)"/>
      <sheetName val="I (4)"/>
      <sheetName val="O (4)"/>
      <sheetName val="I (5)"/>
      <sheetName val="O (5)"/>
      <sheetName val="I (6)"/>
      <sheetName val="O (6)"/>
      <sheetName val="I (7)"/>
      <sheetName val="O (7)"/>
      <sheetName val="I (8)"/>
      <sheetName val="O (8)"/>
      <sheetName val="I (9)"/>
      <sheetName val="O (9)"/>
      <sheetName val="I (10)"/>
      <sheetName val="O (10)"/>
      <sheetName val="I (11)"/>
      <sheetName val="O (11)"/>
      <sheetName val="I (12)"/>
      <sheetName val="O (12)"/>
      <sheetName val="I (13)"/>
      <sheetName val="O (13)"/>
      <sheetName val="I (14)"/>
      <sheetName val="O (14)"/>
      <sheetName val="I (15)"/>
      <sheetName val="O (15)"/>
      <sheetName val="I (16)"/>
      <sheetName val="O (16)"/>
      <sheetName val="I (17)"/>
      <sheetName val="O (17)"/>
      <sheetName val="I (18)"/>
      <sheetName val="O (18)"/>
      <sheetName val="I (23)"/>
      <sheetName val="O (23)"/>
      <sheetName val="I (25)"/>
      <sheetName val="O (25)"/>
      <sheetName val="I (26)"/>
      <sheetName val="O (26)"/>
      <sheetName val="I (27)"/>
      <sheetName val="O (27)"/>
      <sheetName val="I (28)"/>
      <sheetName val="O (28)"/>
      <sheetName val="I (29)"/>
      <sheetName val="O (29)"/>
      <sheetName val="I (30)"/>
      <sheetName val="O (30)"/>
      <sheetName val="I (31)"/>
      <sheetName val="O (31)"/>
      <sheetName val="I (32)"/>
      <sheetName val="O (32)"/>
      <sheetName val="I (33)"/>
      <sheetName val="O (33)"/>
      <sheetName val="I (34)"/>
      <sheetName val="O (34)"/>
      <sheetName val="I (35)"/>
      <sheetName val="O (35)"/>
      <sheetName val="I (36)"/>
      <sheetName val="O (36)"/>
      <sheetName val="I (37)"/>
      <sheetName val="O (37)"/>
      <sheetName val="I (38)"/>
      <sheetName val="O (38)"/>
      <sheetName val="I (40)"/>
      <sheetName val="O (40)"/>
      <sheetName val="I (41)"/>
      <sheetName val="O (41)"/>
      <sheetName val="I (43)"/>
      <sheetName val="O (43)"/>
      <sheetName val="I (44)"/>
      <sheetName val="O (44)"/>
      <sheetName val="I (45)"/>
      <sheetName val="O (45)"/>
      <sheetName val="I (46)"/>
      <sheetName val="O (46)"/>
      <sheetName val="I (47)"/>
      <sheetName val="O (47)"/>
      <sheetName val="I (48)"/>
      <sheetName val="O (48)"/>
      <sheetName val="I (49)"/>
      <sheetName val="O (49)"/>
      <sheetName val="I (51)"/>
      <sheetName val="O (51)"/>
      <sheetName val="I (53)"/>
      <sheetName val="O (53)"/>
      <sheetName val="I (54)"/>
      <sheetName val="O (54)"/>
      <sheetName val="I (55)"/>
      <sheetName val="O (55)"/>
      <sheetName val="I (56)"/>
      <sheetName val="O (56)"/>
      <sheetName val="I (57)"/>
      <sheetName val="O (57) "/>
      <sheetName val="I (58)"/>
      <sheetName val="O (58)"/>
      <sheetName val="I (59)"/>
      <sheetName val="O (59)"/>
      <sheetName val="I (60)"/>
      <sheetName val="O (60)"/>
      <sheetName val="I (61)"/>
      <sheetName val="O (61)"/>
      <sheetName val="I (62)"/>
      <sheetName val="O (62)"/>
      <sheetName val="I (63)"/>
      <sheetName val="O (63)"/>
      <sheetName val="I (64)"/>
      <sheetName val="O (64)"/>
      <sheetName val="I (65)"/>
      <sheetName val="O (65)"/>
      <sheetName val="I (66)"/>
      <sheetName val="O (66)"/>
      <sheetName val="config"/>
      <sheetName val="process"/>
      <sheetName val="list"/>
      <sheetName val="macro"/>
      <sheetName val="状態一覧"/>
      <sheetName val="◆sbtサポート用シート◆連絡先一覧"/>
      <sheetName val="◆sbtサポート用シート◆カテゴリ一覧"/>
      <sheetName val="1.記載方法"/>
      <sheetName val="データ"/>
      <sheetName val="集計"/>
      <sheetName val="テスト種別集計"/>
      <sheetName val="リスト"/>
      <sheetName val="Sheet1"/>
      <sheetName val="共通申請サービス組織一覧(2022.11.07)"/>
      <sheetName val="項目一覧（基）"/>
      <sheetName val="ｸﾗｽﾓｼﾞｭｰﾙ仕様"/>
      <sheetName val="pr"/>
      <sheetName val="景気動向"/>
      <sheetName val="管理表"/>
      <sheetName val="抽出用シー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row r="5">
          <cell r="A5" t="str">
            <v>要求電文(C→S)</v>
          </cell>
        </row>
        <row r="6">
          <cell r="A6" t="str">
            <v>応答電文(S→C)</v>
          </cell>
        </row>
      </sheetData>
      <sheetData sheetId="120"/>
      <sheetData sheetId="121"/>
      <sheetData sheetId="122"/>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表紙"/>
      <sheetName val="画面レイアウト"/>
      <sheetName val="画面項目定義"/>
      <sheetName val="定義"/>
      <sheetName val="管理表"/>
      <sheetName val="抽出用シート"/>
      <sheetName val="pr"/>
      <sheetName val="config"/>
      <sheetName val="ｸﾗｽﾓｼﾞｭｰﾙ仕様"/>
      <sheetName val="景気動向"/>
      <sheetName val="項目一覧（基）"/>
    </sheetNames>
    <sheetDataSet>
      <sheetData sheetId="0"/>
      <sheetData sheetId="1" refreshError="1"/>
      <sheetData sheetId="2" refreshError="1"/>
      <sheetData sheetId="3">
        <row r="2">
          <cell r="A2" t="str">
            <v>AdRotator</v>
          </cell>
          <cell r="B2" t="str">
            <v>制限なし</v>
          </cell>
        </row>
        <row r="3">
          <cell r="A3" t="str">
            <v>Button</v>
          </cell>
          <cell r="B3" t="str">
            <v>全角カタカナ</v>
          </cell>
        </row>
        <row r="4">
          <cell r="A4" t="str">
            <v>Calendar</v>
          </cell>
          <cell r="B4" t="str">
            <v>全角英数</v>
          </cell>
        </row>
        <row r="5">
          <cell r="A5" t="str">
            <v>CheckBox</v>
          </cell>
          <cell r="B5" t="str">
            <v>半角カタカナ</v>
          </cell>
        </row>
        <row r="6">
          <cell r="A6" t="str">
            <v>CheckBoxList</v>
          </cell>
          <cell r="B6" t="str">
            <v>半角英数</v>
          </cell>
        </row>
        <row r="7">
          <cell r="A7" t="str">
            <v>DataGrid</v>
          </cell>
          <cell r="B7" t="str">
            <v>数値</v>
          </cell>
        </row>
        <row r="8">
          <cell r="A8" t="str">
            <v>DataList</v>
          </cell>
        </row>
        <row r="9">
          <cell r="A9" t="str">
            <v>DropDownList</v>
          </cell>
        </row>
        <row r="10">
          <cell r="A10" t="str">
            <v>HyperLink</v>
          </cell>
        </row>
        <row r="11">
          <cell r="A11" t="str">
            <v>Image</v>
          </cell>
        </row>
        <row r="12">
          <cell r="A12" t="str">
            <v>ImageButton</v>
          </cell>
        </row>
        <row r="13">
          <cell r="A13" t="str">
            <v>Label</v>
          </cell>
        </row>
        <row r="14">
          <cell r="A14" t="str">
            <v>LinkButton</v>
          </cell>
        </row>
        <row r="15">
          <cell r="A15" t="str">
            <v>ListBox</v>
          </cell>
        </row>
        <row r="16">
          <cell r="A16" t="str">
            <v>Literal</v>
          </cell>
        </row>
        <row r="17">
          <cell r="A17" t="str">
            <v>Panel</v>
          </cell>
        </row>
        <row r="18">
          <cell r="A18" t="str">
            <v>PlaceHolder</v>
          </cell>
        </row>
        <row r="19">
          <cell r="A19" t="str">
            <v>RadioButton</v>
          </cell>
        </row>
        <row r="20">
          <cell r="A20" t="str">
            <v>RadioButtonList</v>
          </cell>
        </row>
        <row r="21">
          <cell r="A21" t="str">
            <v>Repeater</v>
          </cell>
        </row>
        <row r="22">
          <cell r="A22" t="str">
            <v>Table</v>
          </cell>
        </row>
        <row r="23">
          <cell r="A23" t="str">
            <v>TableCell</v>
          </cell>
        </row>
        <row r="24">
          <cell r="A24" t="str">
            <v>TableRow</v>
          </cell>
        </row>
        <row r="25">
          <cell r="A25" t="str">
            <v>TextBox</v>
          </cell>
        </row>
        <row r="26">
          <cell r="A26" t="str">
            <v>XML</v>
          </cell>
        </row>
      </sheetData>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theme/theme1.xml><?xml version="1.0" encoding="utf-8"?>
<a:theme xmlns:a="http://schemas.openxmlformats.org/drawingml/2006/main" name="Office テーマ">
  <a:themeElements>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1">
      <a:majorFont>
        <a:latin typeface="Calibri Light"/>
        <a:ea typeface="ＭＳ Ｐゴシック"/>
        <a:cs typeface=""/>
      </a:majorFont>
      <a:minorFont>
        <a:latin typeface="Calibri"/>
        <a:ea typeface="ＭＳ Ｐゴシック"/>
        <a:cs typeface=""/>
      </a:minorFont>
    </a:fontScheme>
    <a:fmtScheme name="Office 2007-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bodyPr vertOverflow="clip" horzOverflow="clip" rtlCol="0" anchor="t"/>
      <a:lstStyle>
        <a:defPPr algn="l">
          <a:defRPr kumimoji="1" sz="1100" b="1"/>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9D48D4-B2E2-4604-BB7C-E7E33CF74505}">
  <sheetPr>
    <pageSetUpPr fitToPage="1"/>
  </sheetPr>
  <dimension ref="A1:IY326"/>
  <sheetViews>
    <sheetView tabSelected="1" showWhiteSpace="0" view="pageBreakPreview" zoomScale="25" zoomScaleNormal="25" zoomScaleSheetLayoutView="25" zoomScalePageLayoutView="10" workbookViewId="0">
      <selection sqref="A1:T1"/>
    </sheetView>
  </sheetViews>
  <sheetFormatPr defaultRowHeight="38.1" customHeight="1" x14ac:dyDescent="0.2"/>
  <cols>
    <col min="1" max="1" width="3.109375" style="524" customWidth="1"/>
    <col min="2" max="2" width="7.33203125" style="525" customWidth="1"/>
    <col min="3" max="8" width="7.33203125" style="524" customWidth="1"/>
    <col min="9" max="9" width="45.33203125" style="526" customWidth="1"/>
    <col min="10" max="10" width="35.33203125" style="526" customWidth="1"/>
    <col min="11" max="11" width="35.109375" style="524" customWidth="1"/>
    <col min="12" max="12" width="44.33203125" style="524" customWidth="1"/>
    <col min="13" max="13" width="71.21875" style="524" customWidth="1"/>
    <col min="14" max="14" width="60.6640625" style="29" customWidth="1"/>
    <col min="15" max="17" width="60.6640625" style="526" customWidth="1"/>
    <col min="18" max="18" width="2.33203125" style="527" customWidth="1"/>
    <col min="19" max="19" width="3" style="4" customWidth="1"/>
    <col min="20" max="20" width="24.6640625" style="4" customWidth="1"/>
    <col min="21" max="21" width="161.6640625" style="528" customWidth="1"/>
    <col min="22" max="259" width="8.88671875" style="4" customWidth="1"/>
    <col min="260" max="260" width="4.21875" style="4" customWidth="1"/>
    <col min="261" max="272" width="7.33203125" style="4" customWidth="1"/>
    <col min="273" max="273" width="5.6640625" style="4" customWidth="1"/>
    <col min="274" max="274" width="1.33203125" style="4" customWidth="1"/>
    <col min="275" max="275" width="17.77734375" style="4" customWidth="1"/>
    <col min="276" max="515" width="8.88671875" style="4" bestFit="1" customWidth="1"/>
    <col min="516" max="516" width="4.21875" style="4" customWidth="1"/>
    <col min="517" max="528" width="7.33203125" style="4" customWidth="1"/>
    <col min="529" max="529" width="5.6640625" style="4" customWidth="1"/>
    <col min="530" max="530" width="1.33203125" style="4" customWidth="1"/>
    <col min="531" max="531" width="17.77734375" style="4" customWidth="1"/>
    <col min="532" max="771" width="8.88671875" style="4" bestFit="1" customWidth="1"/>
    <col min="772" max="772" width="4.21875" style="4" customWidth="1"/>
    <col min="773" max="784" width="7.33203125" style="4" customWidth="1"/>
    <col min="785" max="785" width="5.6640625" style="4" customWidth="1"/>
    <col min="786" max="786" width="1.33203125" style="4" customWidth="1"/>
    <col min="787" max="787" width="17.77734375" style="4" customWidth="1"/>
    <col min="788" max="1027" width="8.88671875" style="4" bestFit="1" customWidth="1"/>
    <col min="1028" max="1028" width="4.21875" style="4" customWidth="1"/>
    <col min="1029" max="1040" width="7.33203125" style="4" customWidth="1"/>
    <col min="1041" max="1041" width="5.6640625" style="4" customWidth="1"/>
    <col min="1042" max="1042" width="1.33203125" style="4" customWidth="1"/>
    <col min="1043" max="1043" width="17.77734375" style="4" customWidth="1"/>
    <col min="1044" max="1283" width="8.88671875" style="4" bestFit="1" customWidth="1"/>
    <col min="1284" max="1284" width="4.21875" style="4" customWidth="1"/>
    <col min="1285" max="1296" width="7.33203125" style="4" customWidth="1"/>
    <col min="1297" max="1297" width="5.6640625" style="4" customWidth="1"/>
    <col min="1298" max="1298" width="1.33203125" style="4" customWidth="1"/>
    <col min="1299" max="1299" width="17.77734375" style="4" customWidth="1"/>
    <col min="1300" max="1539" width="8.88671875" style="4" bestFit="1" customWidth="1"/>
    <col min="1540" max="1540" width="4.21875" style="4" customWidth="1"/>
    <col min="1541" max="1552" width="7.33203125" style="4" customWidth="1"/>
    <col min="1553" max="1553" width="5.6640625" style="4" customWidth="1"/>
    <col min="1554" max="1554" width="1.33203125" style="4" customWidth="1"/>
    <col min="1555" max="1555" width="17.77734375" style="4" customWidth="1"/>
    <col min="1556" max="1795" width="8.88671875" style="4" bestFit="1" customWidth="1"/>
    <col min="1796" max="1796" width="4.21875" style="4" customWidth="1"/>
    <col min="1797" max="1808" width="7.33203125" style="4" customWidth="1"/>
    <col min="1809" max="1809" width="5.6640625" style="4" customWidth="1"/>
    <col min="1810" max="1810" width="1.33203125" style="4" customWidth="1"/>
    <col min="1811" max="1811" width="17.77734375" style="4" customWidth="1"/>
    <col min="1812" max="2051" width="8.88671875" style="4" bestFit="1" customWidth="1"/>
    <col min="2052" max="2052" width="4.21875" style="4" customWidth="1"/>
    <col min="2053" max="2064" width="7.33203125" style="4" customWidth="1"/>
    <col min="2065" max="2065" width="5.6640625" style="4" customWidth="1"/>
    <col min="2066" max="2066" width="1.33203125" style="4" customWidth="1"/>
    <col min="2067" max="2067" width="17.77734375" style="4" customWidth="1"/>
    <col min="2068" max="2307" width="8.88671875" style="4" bestFit="1" customWidth="1"/>
    <col min="2308" max="2308" width="4.21875" style="4" customWidth="1"/>
    <col min="2309" max="2320" width="7.33203125" style="4" customWidth="1"/>
    <col min="2321" max="2321" width="5.6640625" style="4" customWidth="1"/>
    <col min="2322" max="2322" width="1.33203125" style="4" customWidth="1"/>
    <col min="2323" max="2323" width="17.77734375" style="4" customWidth="1"/>
    <col min="2324" max="2563" width="8.88671875" style="4" bestFit="1" customWidth="1"/>
    <col min="2564" max="2564" width="4.21875" style="4" customWidth="1"/>
    <col min="2565" max="2576" width="7.33203125" style="4" customWidth="1"/>
    <col min="2577" max="2577" width="5.6640625" style="4" customWidth="1"/>
    <col min="2578" max="2578" width="1.33203125" style="4" customWidth="1"/>
    <col min="2579" max="2579" width="17.77734375" style="4" customWidth="1"/>
    <col min="2580" max="2819" width="8.88671875" style="4" bestFit="1" customWidth="1"/>
    <col min="2820" max="2820" width="4.21875" style="4" customWidth="1"/>
    <col min="2821" max="2832" width="7.33203125" style="4" customWidth="1"/>
    <col min="2833" max="2833" width="5.6640625" style="4" customWidth="1"/>
    <col min="2834" max="2834" width="1.33203125" style="4" customWidth="1"/>
    <col min="2835" max="2835" width="17.77734375" style="4" customWidth="1"/>
    <col min="2836" max="3075" width="8.88671875" style="4" bestFit="1" customWidth="1"/>
    <col min="3076" max="3076" width="4.21875" style="4" customWidth="1"/>
    <col min="3077" max="3088" width="7.33203125" style="4" customWidth="1"/>
    <col min="3089" max="3089" width="5.6640625" style="4" customWidth="1"/>
    <col min="3090" max="3090" width="1.33203125" style="4" customWidth="1"/>
    <col min="3091" max="3091" width="17.77734375" style="4" customWidth="1"/>
    <col min="3092" max="3331" width="8.88671875" style="4" bestFit="1" customWidth="1"/>
    <col min="3332" max="3332" width="4.21875" style="4" customWidth="1"/>
    <col min="3333" max="3344" width="7.33203125" style="4" customWidth="1"/>
    <col min="3345" max="3345" width="5.6640625" style="4" customWidth="1"/>
    <col min="3346" max="3346" width="1.33203125" style="4" customWidth="1"/>
    <col min="3347" max="3347" width="17.77734375" style="4" customWidth="1"/>
    <col min="3348" max="3587" width="8.88671875" style="4" bestFit="1" customWidth="1"/>
    <col min="3588" max="3588" width="4.21875" style="4" customWidth="1"/>
    <col min="3589" max="3600" width="7.33203125" style="4" customWidth="1"/>
    <col min="3601" max="3601" width="5.6640625" style="4" customWidth="1"/>
    <col min="3602" max="3602" width="1.33203125" style="4" customWidth="1"/>
    <col min="3603" max="3603" width="17.77734375" style="4" customWidth="1"/>
    <col min="3604" max="3843" width="8.88671875" style="4" bestFit="1" customWidth="1"/>
    <col min="3844" max="3844" width="4.21875" style="4" customWidth="1"/>
    <col min="3845" max="3856" width="7.33203125" style="4" customWidth="1"/>
    <col min="3857" max="3857" width="5.6640625" style="4" customWidth="1"/>
    <col min="3858" max="3858" width="1.33203125" style="4" customWidth="1"/>
    <col min="3859" max="3859" width="17.77734375" style="4" customWidth="1"/>
    <col min="3860" max="4099" width="8.88671875" style="4" bestFit="1" customWidth="1"/>
    <col min="4100" max="4100" width="4.21875" style="4" customWidth="1"/>
    <col min="4101" max="4112" width="7.33203125" style="4" customWidth="1"/>
    <col min="4113" max="4113" width="5.6640625" style="4" customWidth="1"/>
    <col min="4114" max="4114" width="1.33203125" style="4" customWidth="1"/>
    <col min="4115" max="4115" width="17.77734375" style="4" customWidth="1"/>
    <col min="4116" max="4355" width="8.88671875" style="4" bestFit="1" customWidth="1"/>
    <col min="4356" max="4356" width="4.21875" style="4" customWidth="1"/>
    <col min="4357" max="4368" width="7.33203125" style="4" customWidth="1"/>
    <col min="4369" max="4369" width="5.6640625" style="4" customWidth="1"/>
    <col min="4370" max="4370" width="1.33203125" style="4" customWidth="1"/>
    <col min="4371" max="4371" width="17.77734375" style="4" customWidth="1"/>
    <col min="4372" max="4611" width="8.88671875" style="4" bestFit="1" customWidth="1"/>
    <col min="4612" max="4612" width="4.21875" style="4" customWidth="1"/>
    <col min="4613" max="4624" width="7.33203125" style="4" customWidth="1"/>
    <col min="4625" max="4625" width="5.6640625" style="4" customWidth="1"/>
    <col min="4626" max="4626" width="1.33203125" style="4" customWidth="1"/>
    <col min="4627" max="4627" width="17.77734375" style="4" customWidth="1"/>
    <col min="4628" max="4867" width="8.88671875" style="4" bestFit="1" customWidth="1"/>
    <col min="4868" max="4868" width="4.21875" style="4" customWidth="1"/>
    <col min="4869" max="4880" width="7.33203125" style="4" customWidth="1"/>
    <col min="4881" max="4881" width="5.6640625" style="4" customWidth="1"/>
    <col min="4882" max="4882" width="1.33203125" style="4" customWidth="1"/>
    <col min="4883" max="4883" width="17.77734375" style="4" customWidth="1"/>
    <col min="4884" max="5123" width="8.88671875" style="4" bestFit="1" customWidth="1"/>
    <col min="5124" max="5124" width="4.21875" style="4" customWidth="1"/>
    <col min="5125" max="5136" width="7.33203125" style="4" customWidth="1"/>
    <col min="5137" max="5137" width="5.6640625" style="4" customWidth="1"/>
    <col min="5138" max="5138" width="1.33203125" style="4" customWidth="1"/>
    <col min="5139" max="5139" width="17.77734375" style="4" customWidth="1"/>
    <col min="5140" max="5379" width="8.88671875" style="4" bestFit="1" customWidth="1"/>
    <col min="5380" max="5380" width="4.21875" style="4" customWidth="1"/>
    <col min="5381" max="5392" width="7.33203125" style="4" customWidth="1"/>
    <col min="5393" max="5393" width="5.6640625" style="4" customWidth="1"/>
    <col min="5394" max="5394" width="1.33203125" style="4" customWidth="1"/>
    <col min="5395" max="5395" width="17.77734375" style="4" customWidth="1"/>
    <col min="5396" max="5635" width="8.88671875" style="4" bestFit="1" customWidth="1"/>
    <col min="5636" max="5636" width="4.21875" style="4" customWidth="1"/>
    <col min="5637" max="5648" width="7.33203125" style="4" customWidth="1"/>
    <col min="5649" max="5649" width="5.6640625" style="4" customWidth="1"/>
    <col min="5650" max="5650" width="1.33203125" style="4" customWidth="1"/>
    <col min="5651" max="5651" width="17.77734375" style="4" customWidth="1"/>
    <col min="5652" max="5891" width="8.88671875" style="4" bestFit="1" customWidth="1"/>
    <col min="5892" max="5892" width="4.21875" style="4" customWidth="1"/>
    <col min="5893" max="5904" width="7.33203125" style="4" customWidth="1"/>
    <col min="5905" max="5905" width="5.6640625" style="4" customWidth="1"/>
    <col min="5906" max="5906" width="1.33203125" style="4" customWidth="1"/>
    <col min="5907" max="5907" width="17.77734375" style="4" customWidth="1"/>
    <col min="5908" max="6147" width="8.88671875" style="4" bestFit="1" customWidth="1"/>
    <col min="6148" max="6148" width="4.21875" style="4" customWidth="1"/>
    <col min="6149" max="6160" width="7.33203125" style="4" customWidth="1"/>
    <col min="6161" max="6161" width="5.6640625" style="4" customWidth="1"/>
    <col min="6162" max="6162" width="1.33203125" style="4" customWidth="1"/>
    <col min="6163" max="6163" width="17.77734375" style="4" customWidth="1"/>
    <col min="6164" max="6403" width="8.88671875" style="4" bestFit="1" customWidth="1"/>
    <col min="6404" max="6404" width="4.21875" style="4" customWidth="1"/>
    <col min="6405" max="6416" width="7.33203125" style="4" customWidth="1"/>
    <col min="6417" max="6417" width="5.6640625" style="4" customWidth="1"/>
    <col min="6418" max="6418" width="1.33203125" style="4" customWidth="1"/>
    <col min="6419" max="6419" width="17.77734375" style="4" customWidth="1"/>
    <col min="6420" max="6659" width="8.88671875" style="4" bestFit="1" customWidth="1"/>
    <col min="6660" max="6660" width="4.21875" style="4" customWidth="1"/>
    <col min="6661" max="6672" width="7.33203125" style="4" customWidth="1"/>
    <col min="6673" max="6673" width="5.6640625" style="4" customWidth="1"/>
    <col min="6674" max="6674" width="1.33203125" style="4" customWidth="1"/>
    <col min="6675" max="6675" width="17.77734375" style="4" customWidth="1"/>
    <col min="6676" max="6915" width="8.88671875" style="4" bestFit="1" customWidth="1"/>
    <col min="6916" max="6916" width="4.21875" style="4" customWidth="1"/>
    <col min="6917" max="6928" width="7.33203125" style="4" customWidth="1"/>
    <col min="6929" max="6929" width="5.6640625" style="4" customWidth="1"/>
    <col min="6930" max="6930" width="1.33203125" style="4" customWidth="1"/>
    <col min="6931" max="6931" width="17.77734375" style="4" customWidth="1"/>
    <col min="6932" max="7171" width="8.88671875" style="4" bestFit="1" customWidth="1"/>
    <col min="7172" max="7172" width="4.21875" style="4" customWidth="1"/>
    <col min="7173" max="7184" width="7.33203125" style="4" customWidth="1"/>
    <col min="7185" max="7185" width="5.6640625" style="4" customWidth="1"/>
    <col min="7186" max="7186" width="1.33203125" style="4" customWidth="1"/>
    <col min="7187" max="7187" width="17.77734375" style="4" customWidth="1"/>
    <col min="7188" max="7427" width="8.88671875" style="4" bestFit="1" customWidth="1"/>
    <col min="7428" max="7428" width="4.21875" style="4" customWidth="1"/>
    <col min="7429" max="7440" width="7.33203125" style="4" customWidth="1"/>
    <col min="7441" max="7441" width="5.6640625" style="4" customWidth="1"/>
    <col min="7442" max="7442" width="1.33203125" style="4" customWidth="1"/>
    <col min="7443" max="7443" width="17.77734375" style="4" customWidth="1"/>
    <col min="7444" max="7683" width="8.88671875" style="4" bestFit="1" customWidth="1"/>
    <col min="7684" max="7684" width="4.21875" style="4" customWidth="1"/>
    <col min="7685" max="7696" width="7.33203125" style="4" customWidth="1"/>
    <col min="7697" max="7697" width="5.6640625" style="4" customWidth="1"/>
    <col min="7698" max="7698" width="1.33203125" style="4" customWidth="1"/>
    <col min="7699" max="7699" width="17.77734375" style="4" customWidth="1"/>
    <col min="7700" max="7939" width="8.88671875" style="4" bestFit="1" customWidth="1"/>
    <col min="7940" max="7940" width="4.21875" style="4" customWidth="1"/>
    <col min="7941" max="7952" width="7.33203125" style="4" customWidth="1"/>
    <col min="7953" max="7953" width="5.6640625" style="4" customWidth="1"/>
    <col min="7954" max="7954" width="1.33203125" style="4" customWidth="1"/>
    <col min="7955" max="7955" width="17.77734375" style="4" customWidth="1"/>
    <col min="7956" max="8195" width="8.88671875" style="4" bestFit="1" customWidth="1"/>
    <col min="8196" max="8196" width="4.21875" style="4" customWidth="1"/>
    <col min="8197" max="8208" width="7.33203125" style="4" customWidth="1"/>
    <col min="8209" max="8209" width="5.6640625" style="4" customWidth="1"/>
    <col min="8210" max="8210" width="1.33203125" style="4" customWidth="1"/>
    <col min="8211" max="8211" width="17.77734375" style="4" customWidth="1"/>
    <col min="8212" max="8451" width="8.88671875" style="4" bestFit="1" customWidth="1"/>
    <col min="8452" max="8452" width="4.21875" style="4" customWidth="1"/>
    <col min="8453" max="8464" width="7.33203125" style="4" customWidth="1"/>
    <col min="8465" max="8465" width="5.6640625" style="4" customWidth="1"/>
    <col min="8466" max="8466" width="1.33203125" style="4" customWidth="1"/>
    <col min="8467" max="8467" width="17.77734375" style="4" customWidth="1"/>
    <col min="8468" max="8707" width="8.88671875" style="4" bestFit="1" customWidth="1"/>
    <col min="8708" max="8708" width="4.21875" style="4" customWidth="1"/>
    <col min="8709" max="8720" width="7.33203125" style="4" customWidth="1"/>
    <col min="8721" max="8721" width="5.6640625" style="4" customWidth="1"/>
    <col min="8722" max="8722" width="1.33203125" style="4" customWidth="1"/>
    <col min="8723" max="8723" width="17.77734375" style="4" customWidth="1"/>
    <col min="8724" max="8963" width="8.88671875" style="4" bestFit="1" customWidth="1"/>
    <col min="8964" max="8964" width="4.21875" style="4" customWidth="1"/>
    <col min="8965" max="8976" width="7.33203125" style="4" customWidth="1"/>
    <col min="8977" max="8977" width="5.6640625" style="4" customWidth="1"/>
    <col min="8978" max="8978" width="1.33203125" style="4" customWidth="1"/>
    <col min="8979" max="8979" width="17.77734375" style="4" customWidth="1"/>
    <col min="8980" max="9219" width="8.88671875" style="4" bestFit="1" customWidth="1"/>
    <col min="9220" max="9220" width="4.21875" style="4" customWidth="1"/>
    <col min="9221" max="9232" width="7.33203125" style="4" customWidth="1"/>
    <col min="9233" max="9233" width="5.6640625" style="4" customWidth="1"/>
    <col min="9234" max="9234" width="1.33203125" style="4" customWidth="1"/>
    <col min="9235" max="9235" width="17.77734375" style="4" customWidth="1"/>
    <col min="9236" max="9475" width="8.88671875" style="4" bestFit="1" customWidth="1"/>
    <col min="9476" max="9476" width="4.21875" style="4" customWidth="1"/>
    <col min="9477" max="9488" width="7.33203125" style="4" customWidth="1"/>
    <col min="9489" max="9489" width="5.6640625" style="4" customWidth="1"/>
    <col min="9490" max="9490" width="1.33203125" style="4" customWidth="1"/>
    <col min="9491" max="9491" width="17.77734375" style="4" customWidth="1"/>
    <col min="9492" max="9731" width="8.88671875" style="4" bestFit="1" customWidth="1"/>
    <col min="9732" max="9732" width="4.21875" style="4" customWidth="1"/>
    <col min="9733" max="9744" width="7.33203125" style="4" customWidth="1"/>
    <col min="9745" max="9745" width="5.6640625" style="4" customWidth="1"/>
    <col min="9746" max="9746" width="1.33203125" style="4" customWidth="1"/>
    <col min="9747" max="9747" width="17.77734375" style="4" customWidth="1"/>
    <col min="9748" max="9987" width="8.88671875" style="4" bestFit="1" customWidth="1"/>
    <col min="9988" max="9988" width="4.21875" style="4" customWidth="1"/>
    <col min="9989" max="10000" width="7.33203125" style="4" customWidth="1"/>
    <col min="10001" max="10001" width="5.6640625" style="4" customWidth="1"/>
    <col min="10002" max="10002" width="1.33203125" style="4" customWidth="1"/>
    <col min="10003" max="10003" width="17.77734375" style="4" customWidth="1"/>
    <col min="10004" max="10243" width="8.88671875" style="4" bestFit="1" customWidth="1"/>
    <col min="10244" max="10244" width="4.21875" style="4" customWidth="1"/>
    <col min="10245" max="10256" width="7.33203125" style="4" customWidth="1"/>
    <col min="10257" max="10257" width="5.6640625" style="4" customWidth="1"/>
    <col min="10258" max="10258" width="1.33203125" style="4" customWidth="1"/>
    <col min="10259" max="10259" width="17.77734375" style="4" customWidth="1"/>
    <col min="10260" max="10499" width="8.88671875" style="4" bestFit="1" customWidth="1"/>
    <col min="10500" max="10500" width="4.21875" style="4" customWidth="1"/>
    <col min="10501" max="10512" width="7.33203125" style="4" customWidth="1"/>
    <col min="10513" max="10513" width="5.6640625" style="4" customWidth="1"/>
    <col min="10514" max="10514" width="1.33203125" style="4" customWidth="1"/>
    <col min="10515" max="10515" width="17.77734375" style="4" customWidth="1"/>
    <col min="10516" max="10755" width="8.88671875" style="4" bestFit="1" customWidth="1"/>
    <col min="10756" max="10756" width="4.21875" style="4" customWidth="1"/>
    <col min="10757" max="10768" width="7.33203125" style="4" customWidth="1"/>
    <col min="10769" max="10769" width="5.6640625" style="4" customWidth="1"/>
    <col min="10770" max="10770" width="1.33203125" style="4" customWidth="1"/>
    <col min="10771" max="10771" width="17.77734375" style="4" customWidth="1"/>
    <col min="10772" max="11011" width="8.88671875" style="4" bestFit="1" customWidth="1"/>
    <col min="11012" max="11012" width="4.21875" style="4" customWidth="1"/>
    <col min="11013" max="11024" width="7.33203125" style="4" customWidth="1"/>
    <col min="11025" max="11025" width="5.6640625" style="4" customWidth="1"/>
    <col min="11026" max="11026" width="1.33203125" style="4" customWidth="1"/>
    <col min="11027" max="11027" width="17.77734375" style="4" customWidth="1"/>
    <col min="11028" max="11267" width="8.88671875" style="4" bestFit="1" customWidth="1"/>
    <col min="11268" max="11268" width="4.21875" style="4" customWidth="1"/>
    <col min="11269" max="11280" width="7.33203125" style="4" customWidth="1"/>
    <col min="11281" max="11281" width="5.6640625" style="4" customWidth="1"/>
    <col min="11282" max="11282" width="1.33203125" style="4" customWidth="1"/>
    <col min="11283" max="11283" width="17.77734375" style="4" customWidth="1"/>
    <col min="11284" max="11523" width="8.88671875" style="4" bestFit="1" customWidth="1"/>
    <col min="11524" max="11524" width="4.21875" style="4" customWidth="1"/>
    <col min="11525" max="11536" width="7.33203125" style="4" customWidth="1"/>
    <col min="11537" max="11537" width="5.6640625" style="4" customWidth="1"/>
    <col min="11538" max="11538" width="1.33203125" style="4" customWidth="1"/>
    <col min="11539" max="11539" width="17.77734375" style="4" customWidth="1"/>
    <col min="11540" max="11779" width="8.88671875" style="4" bestFit="1" customWidth="1"/>
    <col min="11780" max="11780" width="4.21875" style="4" customWidth="1"/>
    <col min="11781" max="11792" width="7.33203125" style="4" customWidth="1"/>
    <col min="11793" max="11793" width="5.6640625" style="4" customWidth="1"/>
    <col min="11794" max="11794" width="1.33203125" style="4" customWidth="1"/>
    <col min="11795" max="11795" width="17.77734375" style="4" customWidth="1"/>
    <col min="11796" max="12035" width="8.88671875" style="4" bestFit="1" customWidth="1"/>
    <col min="12036" max="12036" width="4.21875" style="4" customWidth="1"/>
    <col min="12037" max="12048" width="7.33203125" style="4" customWidth="1"/>
    <col min="12049" max="12049" width="5.6640625" style="4" customWidth="1"/>
    <col min="12050" max="12050" width="1.33203125" style="4" customWidth="1"/>
    <col min="12051" max="12051" width="17.77734375" style="4" customWidth="1"/>
    <col min="12052" max="12291" width="8.88671875" style="4" bestFit="1" customWidth="1"/>
    <col min="12292" max="12292" width="4.21875" style="4" customWidth="1"/>
    <col min="12293" max="12304" width="7.33203125" style="4" customWidth="1"/>
    <col min="12305" max="12305" width="5.6640625" style="4" customWidth="1"/>
    <col min="12306" max="12306" width="1.33203125" style="4" customWidth="1"/>
    <col min="12307" max="12307" width="17.77734375" style="4" customWidth="1"/>
    <col min="12308" max="12547" width="8.88671875" style="4" bestFit="1" customWidth="1"/>
    <col min="12548" max="12548" width="4.21875" style="4" customWidth="1"/>
    <col min="12549" max="12560" width="7.33203125" style="4" customWidth="1"/>
    <col min="12561" max="12561" width="5.6640625" style="4" customWidth="1"/>
    <col min="12562" max="12562" width="1.33203125" style="4" customWidth="1"/>
    <col min="12563" max="12563" width="17.77734375" style="4" customWidth="1"/>
    <col min="12564" max="12803" width="8.88671875" style="4" bestFit="1" customWidth="1"/>
    <col min="12804" max="12804" width="4.21875" style="4" customWidth="1"/>
    <col min="12805" max="12816" width="7.33203125" style="4" customWidth="1"/>
    <col min="12817" max="12817" width="5.6640625" style="4" customWidth="1"/>
    <col min="12818" max="12818" width="1.33203125" style="4" customWidth="1"/>
    <col min="12819" max="12819" width="17.77734375" style="4" customWidth="1"/>
    <col min="12820" max="13059" width="8.88671875" style="4" bestFit="1" customWidth="1"/>
    <col min="13060" max="13060" width="4.21875" style="4" customWidth="1"/>
    <col min="13061" max="13072" width="7.33203125" style="4" customWidth="1"/>
    <col min="13073" max="13073" width="5.6640625" style="4" customWidth="1"/>
    <col min="13074" max="13074" width="1.33203125" style="4" customWidth="1"/>
    <col min="13075" max="13075" width="17.77734375" style="4" customWidth="1"/>
    <col min="13076" max="13315" width="8.88671875" style="4" bestFit="1" customWidth="1"/>
    <col min="13316" max="13316" width="4.21875" style="4" customWidth="1"/>
    <col min="13317" max="13328" width="7.33203125" style="4" customWidth="1"/>
    <col min="13329" max="13329" width="5.6640625" style="4" customWidth="1"/>
    <col min="13330" max="13330" width="1.33203125" style="4" customWidth="1"/>
    <col min="13331" max="13331" width="17.77734375" style="4" customWidth="1"/>
    <col min="13332" max="13571" width="8.88671875" style="4" bestFit="1" customWidth="1"/>
    <col min="13572" max="13572" width="4.21875" style="4" customWidth="1"/>
    <col min="13573" max="13584" width="7.33203125" style="4" customWidth="1"/>
    <col min="13585" max="13585" width="5.6640625" style="4" customWidth="1"/>
    <col min="13586" max="13586" width="1.33203125" style="4" customWidth="1"/>
    <col min="13587" max="13587" width="17.77734375" style="4" customWidth="1"/>
    <col min="13588" max="13827" width="8.88671875" style="4" bestFit="1" customWidth="1"/>
    <col min="13828" max="13828" width="4.21875" style="4" customWidth="1"/>
    <col min="13829" max="13840" width="7.33203125" style="4" customWidth="1"/>
    <col min="13841" max="13841" width="5.6640625" style="4" customWidth="1"/>
    <col min="13842" max="13842" width="1.33203125" style="4" customWidth="1"/>
    <col min="13843" max="13843" width="17.77734375" style="4" customWidth="1"/>
    <col min="13844" max="14083" width="8.88671875" style="4" bestFit="1" customWidth="1"/>
    <col min="14084" max="14084" width="4.21875" style="4" customWidth="1"/>
    <col min="14085" max="14096" width="7.33203125" style="4" customWidth="1"/>
    <col min="14097" max="14097" width="5.6640625" style="4" customWidth="1"/>
    <col min="14098" max="14098" width="1.33203125" style="4" customWidth="1"/>
    <col min="14099" max="14099" width="17.77734375" style="4" customWidth="1"/>
    <col min="14100" max="14339" width="8.88671875" style="4" bestFit="1" customWidth="1"/>
    <col min="14340" max="14340" width="4.21875" style="4" customWidth="1"/>
    <col min="14341" max="14352" width="7.33203125" style="4" customWidth="1"/>
    <col min="14353" max="14353" width="5.6640625" style="4" customWidth="1"/>
    <col min="14354" max="14354" width="1.33203125" style="4" customWidth="1"/>
    <col min="14355" max="14355" width="17.77734375" style="4" customWidth="1"/>
    <col min="14356" max="14595" width="8.88671875" style="4" bestFit="1" customWidth="1"/>
    <col min="14596" max="14596" width="4.21875" style="4" customWidth="1"/>
    <col min="14597" max="14608" width="7.33203125" style="4" customWidth="1"/>
    <col min="14609" max="14609" width="5.6640625" style="4" customWidth="1"/>
    <col min="14610" max="14610" width="1.33203125" style="4" customWidth="1"/>
    <col min="14611" max="14611" width="17.77734375" style="4" customWidth="1"/>
    <col min="14612" max="14851" width="8.88671875" style="4" bestFit="1" customWidth="1"/>
    <col min="14852" max="14852" width="4.21875" style="4" customWidth="1"/>
    <col min="14853" max="14864" width="7.33203125" style="4" customWidth="1"/>
    <col min="14865" max="14865" width="5.6640625" style="4" customWidth="1"/>
    <col min="14866" max="14866" width="1.33203125" style="4" customWidth="1"/>
    <col min="14867" max="14867" width="17.77734375" style="4" customWidth="1"/>
    <col min="14868" max="15107" width="8.88671875" style="4" bestFit="1" customWidth="1"/>
    <col min="15108" max="15108" width="4.21875" style="4" customWidth="1"/>
    <col min="15109" max="15120" width="7.33203125" style="4" customWidth="1"/>
    <col min="15121" max="15121" width="5.6640625" style="4" customWidth="1"/>
    <col min="15122" max="15122" width="1.33203125" style="4" customWidth="1"/>
    <col min="15123" max="15123" width="17.77734375" style="4" customWidth="1"/>
    <col min="15124" max="15363" width="8.88671875" style="4" bestFit="1" customWidth="1"/>
    <col min="15364" max="15364" width="4.21875" style="4" customWidth="1"/>
    <col min="15365" max="15376" width="7.33203125" style="4" customWidth="1"/>
    <col min="15377" max="15377" width="5.6640625" style="4" customWidth="1"/>
    <col min="15378" max="15378" width="1.33203125" style="4" customWidth="1"/>
    <col min="15379" max="15379" width="17.77734375" style="4" customWidth="1"/>
    <col min="15380" max="15619" width="8.88671875" style="4" bestFit="1" customWidth="1"/>
    <col min="15620" max="15620" width="4.21875" style="4" customWidth="1"/>
    <col min="15621" max="15632" width="7.33203125" style="4" customWidth="1"/>
    <col min="15633" max="15633" width="5.6640625" style="4" customWidth="1"/>
    <col min="15634" max="15634" width="1.33203125" style="4" customWidth="1"/>
    <col min="15635" max="15635" width="17.77734375" style="4" customWidth="1"/>
    <col min="15636" max="15875" width="8.88671875" style="4" bestFit="1" customWidth="1"/>
    <col min="15876" max="15876" width="4.21875" style="4" customWidth="1"/>
    <col min="15877" max="15888" width="7.33203125" style="4" customWidth="1"/>
    <col min="15889" max="15889" width="5.6640625" style="4" customWidth="1"/>
    <col min="15890" max="15890" width="1.33203125" style="4" customWidth="1"/>
    <col min="15891" max="15891" width="17.77734375" style="4" customWidth="1"/>
    <col min="15892" max="16131" width="8.88671875" style="4" bestFit="1" customWidth="1"/>
    <col min="16132" max="16132" width="4.21875" style="4" customWidth="1"/>
    <col min="16133" max="16144" width="7.33203125" style="4" customWidth="1"/>
    <col min="16145" max="16145" width="5.6640625" style="4" customWidth="1"/>
    <col min="16146" max="16146" width="1.33203125" style="4" customWidth="1"/>
    <col min="16147" max="16147" width="17.77734375" style="4" customWidth="1"/>
    <col min="16148" max="16384" width="8.88671875" style="4" bestFit="1" customWidth="1"/>
  </cols>
  <sheetData>
    <row r="1" spans="1:259" ht="180" customHeight="1" x14ac:dyDescent="0.2">
      <c r="A1" s="1" t="s">
        <v>0</v>
      </c>
      <c r="B1" s="1"/>
      <c r="C1" s="1"/>
      <c r="D1" s="1"/>
      <c r="E1" s="1"/>
      <c r="F1" s="1"/>
      <c r="G1" s="1"/>
      <c r="H1" s="1"/>
      <c r="I1" s="1"/>
      <c r="J1" s="1"/>
      <c r="K1" s="1"/>
      <c r="L1" s="1"/>
      <c r="M1" s="1"/>
      <c r="N1" s="1"/>
      <c r="O1" s="1"/>
      <c r="P1" s="1"/>
      <c r="Q1" s="1"/>
      <c r="R1" s="1"/>
      <c r="S1" s="1"/>
      <c r="T1" s="1"/>
      <c r="U1" s="2"/>
      <c r="V1" s="3"/>
      <c r="W1" s="3"/>
      <c r="X1" s="3"/>
      <c r="Y1" s="3"/>
      <c r="Z1" s="3"/>
      <c r="AA1" s="3"/>
      <c r="AB1" s="3"/>
      <c r="AC1" s="3"/>
      <c r="AD1" s="3"/>
      <c r="AE1" s="3"/>
      <c r="AF1" s="3"/>
      <c r="AG1" s="3"/>
      <c r="AH1" s="3"/>
      <c r="AI1" s="3"/>
      <c r="AJ1" s="3"/>
      <c r="AK1" s="3"/>
      <c r="AL1" s="3"/>
      <c r="AM1" s="3"/>
      <c r="AN1" s="3"/>
      <c r="AO1" s="3"/>
      <c r="AP1" s="3"/>
      <c r="AQ1" s="3"/>
      <c r="AR1" s="3"/>
      <c r="AS1" s="3"/>
      <c r="AT1" s="3"/>
      <c r="AU1" s="3"/>
      <c r="AV1" s="3"/>
      <c r="AW1" s="3"/>
      <c r="AX1" s="3"/>
      <c r="AY1" s="3"/>
      <c r="AZ1" s="3"/>
      <c r="BA1" s="3"/>
      <c r="BB1" s="3"/>
      <c r="BC1" s="3"/>
      <c r="BD1" s="3"/>
      <c r="BE1" s="3"/>
      <c r="BF1" s="3"/>
      <c r="BG1" s="3"/>
      <c r="BH1" s="3"/>
      <c r="BI1" s="3"/>
      <c r="BJ1" s="3"/>
      <c r="BK1" s="3"/>
      <c r="BL1" s="3"/>
      <c r="BM1" s="3"/>
      <c r="BN1" s="3"/>
      <c r="BO1" s="3"/>
      <c r="BP1" s="3"/>
      <c r="BQ1" s="3"/>
      <c r="BR1" s="3"/>
      <c r="BS1" s="3"/>
      <c r="BT1" s="3"/>
      <c r="BU1" s="3"/>
      <c r="BV1" s="3"/>
      <c r="BW1" s="3"/>
      <c r="BX1" s="3"/>
      <c r="BY1" s="3"/>
      <c r="BZ1" s="3"/>
      <c r="CA1" s="3"/>
      <c r="CB1" s="3"/>
      <c r="CC1" s="3"/>
      <c r="CD1" s="3"/>
      <c r="CE1" s="3"/>
      <c r="CF1" s="3"/>
      <c r="CG1" s="3"/>
      <c r="CH1" s="3"/>
      <c r="CI1" s="3"/>
      <c r="CJ1" s="3"/>
      <c r="CK1" s="3"/>
      <c r="CL1" s="3"/>
      <c r="CM1" s="3"/>
      <c r="CN1" s="3"/>
      <c r="CO1" s="3"/>
      <c r="CP1" s="3"/>
      <c r="CQ1" s="3"/>
      <c r="CR1" s="3"/>
      <c r="CS1" s="3"/>
      <c r="CT1" s="3"/>
      <c r="CU1" s="3"/>
      <c r="CV1" s="3"/>
      <c r="CW1" s="3"/>
      <c r="CX1" s="3"/>
      <c r="CY1" s="3"/>
      <c r="CZ1" s="3"/>
      <c r="DA1" s="3"/>
      <c r="DB1" s="3"/>
      <c r="DC1" s="3"/>
      <c r="DD1" s="3"/>
      <c r="DE1" s="3"/>
      <c r="DF1" s="3"/>
      <c r="DG1" s="3"/>
      <c r="DH1" s="3"/>
      <c r="DI1" s="3"/>
      <c r="DJ1" s="3"/>
      <c r="DK1" s="3"/>
      <c r="DL1" s="3"/>
      <c r="DM1" s="3"/>
      <c r="DN1" s="3"/>
      <c r="DO1" s="3"/>
      <c r="DP1" s="3"/>
      <c r="DQ1" s="3"/>
      <c r="DR1" s="3"/>
      <c r="DS1" s="3"/>
      <c r="DT1" s="3"/>
      <c r="DU1" s="3"/>
      <c r="DV1" s="3"/>
      <c r="DW1" s="3"/>
      <c r="DX1" s="3"/>
      <c r="DY1" s="3"/>
      <c r="DZ1" s="3"/>
      <c r="EA1" s="3"/>
      <c r="EB1" s="3"/>
      <c r="EC1" s="3"/>
      <c r="ED1" s="3"/>
      <c r="EE1" s="3"/>
      <c r="EF1" s="3"/>
      <c r="EG1" s="3"/>
      <c r="EH1" s="3"/>
      <c r="EI1" s="3"/>
      <c r="EJ1" s="3"/>
      <c r="EK1" s="3"/>
      <c r="EL1" s="3"/>
      <c r="EM1" s="3"/>
      <c r="EN1" s="3"/>
      <c r="EO1" s="3"/>
      <c r="EP1" s="3"/>
      <c r="EQ1" s="3"/>
      <c r="ER1" s="3"/>
      <c r="ES1" s="3"/>
      <c r="ET1" s="3"/>
      <c r="EU1" s="3"/>
      <c r="EV1" s="3"/>
      <c r="EW1" s="3"/>
      <c r="EX1" s="3"/>
      <c r="EY1" s="3"/>
      <c r="EZ1" s="3"/>
      <c r="FA1" s="3"/>
      <c r="FB1" s="3"/>
      <c r="FC1" s="3"/>
      <c r="FD1" s="3"/>
      <c r="FE1" s="3"/>
      <c r="FF1" s="3"/>
      <c r="FG1" s="3"/>
      <c r="FH1" s="3"/>
      <c r="FI1" s="3"/>
      <c r="FJ1" s="3"/>
      <c r="FK1" s="3"/>
      <c r="FL1" s="3"/>
      <c r="FM1" s="3"/>
      <c r="FN1" s="3"/>
      <c r="FO1" s="3"/>
      <c r="FP1" s="3"/>
      <c r="FQ1" s="3"/>
      <c r="FR1" s="3"/>
      <c r="FS1" s="3"/>
      <c r="FT1" s="3"/>
      <c r="FU1" s="3"/>
      <c r="FV1" s="3"/>
      <c r="FW1" s="3"/>
      <c r="FX1" s="3"/>
      <c r="FY1" s="3"/>
      <c r="FZ1" s="3"/>
      <c r="GA1" s="3"/>
      <c r="GB1" s="3"/>
      <c r="GC1" s="3"/>
      <c r="GD1" s="3"/>
      <c r="GE1" s="3"/>
      <c r="GF1" s="3"/>
      <c r="GG1" s="3"/>
      <c r="GH1" s="3"/>
      <c r="GI1" s="3"/>
      <c r="GJ1" s="3"/>
      <c r="GK1" s="3"/>
      <c r="GL1" s="3"/>
      <c r="GM1" s="3"/>
      <c r="GN1" s="3"/>
      <c r="GO1" s="3"/>
      <c r="GP1" s="3"/>
      <c r="GQ1" s="3"/>
      <c r="GR1" s="3"/>
      <c r="GS1" s="3"/>
      <c r="GT1" s="3"/>
      <c r="GU1" s="3"/>
      <c r="GV1" s="3"/>
      <c r="GW1" s="3"/>
      <c r="GX1" s="3"/>
      <c r="GY1" s="3"/>
      <c r="GZ1" s="3"/>
      <c r="HA1" s="3"/>
      <c r="HB1" s="3"/>
      <c r="HC1" s="3"/>
      <c r="HD1" s="3"/>
      <c r="HE1" s="3"/>
      <c r="HF1" s="3"/>
      <c r="HG1" s="3"/>
      <c r="HH1" s="3"/>
      <c r="HI1" s="3"/>
      <c r="HJ1" s="3"/>
      <c r="HK1" s="3"/>
      <c r="HL1" s="3"/>
      <c r="HM1" s="3"/>
      <c r="HN1" s="3"/>
      <c r="HO1" s="3"/>
      <c r="HP1" s="3"/>
      <c r="HQ1" s="3"/>
      <c r="HR1" s="3"/>
      <c r="HS1" s="3"/>
      <c r="HT1" s="3"/>
      <c r="HU1" s="3"/>
      <c r="HV1" s="3"/>
      <c r="HW1" s="3"/>
      <c r="HX1" s="3"/>
      <c r="HY1" s="3"/>
      <c r="HZ1" s="3"/>
      <c r="IA1" s="3"/>
      <c r="IB1" s="3"/>
      <c r="IC1" s="3"/>
      <c r="ID1" s="3"/>
      <c r="IE1" s="3"/>
      <c r="IF1" s="3"/>
      <c r="IG1" s="3"/>
      <c r="IH1" s="3"/>
      <c r="II1" s="3"/>
      <c r="IJ1" s="3"/>
      <c r="IK1" s="3"/>
      <c r="IL1" s="3"/>
      <c r="IM1" s="3"/>
      <c r="IN1" s="3"/>
      <c r="IO1" s="3"/>
      <c r="IP1" s="3"/>
      <c r="IQ1" s="3"/>
      <c r="IR1" s="3"/>
      <c r="IS1" s="3"/>
      <c r="IT1" s="3"/>
      <c r="IU1" s="3"/>
      <c r="IV1" s="3"/>
      <c r="IW1" s="3"/>
      <c r="IX1" s="3"/>
      <c r="IY1" s="3"/>
    </row>
    <row r="2" spans="1:259" ht="409.5" customHeight="1" x14ac:dyDescent="0.2">
      <c r="A2" s="5" t="s">
        <v>1</v>
      </c>
      <c r="B2" s="5"/>
      <c r="C2" s="5"/>
      <c r="D2" s="5"/>
      <c r="E2" s="5"/>
      <c r="F2" s="5"/>
      <c r="G2" s="5"/>
      <c r="H2" s="5"/>
      <c r="I2" s="5"/>
      <c r="J2" s="5"/>
      <c r="K2" s="5"/>
      <c r="L2" s="5"/>
      <c r="M2" s="5"/>
      <c r="N2" s="5"/>
      <c r="O2" s="5"/>
      <c r="P2" s="5"/>
      <c r="Q2" s="5"/>
      <c r="R2" s="5"/>
      <c r="S2" s="5"/>
      <c r="T2" s="5"/>
      <c r="U2" s="2"/>
      <c r="V2" s="3"/>
      <c r="W2" s="3"/>
      <c r="X2" s="3"/>
      <c r="Y2" s="3"/>
      <c r="Z2" s="3"/>
      <c r="AA2" s="3"/>
      <c r="AB2" s="3"/>
      <c r="AC2" s="3"/>
      <c r="AD2" s="3"/>
      <c r="AE2" s="3"/>
      <c r="AF2" s="3"/>
      <c r="AG2" s="3"/>
      <c r="AH2" s="3"/>
      <c r="AI2" s="3"/>
      <c r="AJ2" s="3"/>
      <c r="AK2" s="3"/>
      <c r="AL2" s="3"/>
      <c r="AM2" s="3"/>
      <c r="AN2" s="3"/>
      <c r="AO2" s="3"/>
      <c r="AP2" s="3"/>
      <c r="AQ2" s="3"/>
      <c r="AR2" s="3"/>
      <c r="AS2" s="3"/>
      <c r="AT2" s="3"/>
      <c r="AU2" s="3"/>
      <c r="AV2" s="3"/>
      <c r="AW2" s="3"/>
      <c r="AX2" s="3"/>
      <c r="AY2" s="3"/>
      <c r="AZ2" s="3"/>
      <c r="BA2" s="3"/>
      <c r="BB2" s="3"/>
      <c r="BC2" s="3"/>
      <c r="BD2" s="3"/>
      <c r="BE2" s="3"/>
      <c r="BF2" s="3"/>
      <c r="BG2" s="3"/>
      <c r="BH2" s="3"/>
      <c r="BI2" s="3"/>
      <c r="BJ2" s="3"/>
      <c r="BK2" s="3"/>
      <c r="BL2" s="3"/>
      <c r="BM2" s="3"/>
      <c r="BN2" s="3"/>
      <c r="BO2" s="3"/>
      <c r="BP2" s="3"/>
      <c r="BQ2" s="3"/>
      <c r="BR2" s="3"/>
      <c r="BS2" s="3"/>
      <c r="BT2" s="3"/>
      <c r="BU2" s="3"/>
      <c r="BV2" s="3"/>
      <c r="BW2" s="3"/>
      <c r="BX2" s="3"/>
      <c r="BY2" s="3"/>
      <c r="BZ2" s="3"/>
      <c r="CA2" s="3"/>
      <c r="CB2" s="3"/>
      <c r="CC2" s="3"/>
      <c r="CD2" s="3"/>
      <c r="CE2" s="3"/>
      <c r="CF2" s="3"/>
      <c r="CG2" s="3"/>
      <c r="CH2" s="3"/>
      <c r="CI2" s="3"/>
      <c r="CJ2" s="3"/>
      <c r="CK2" s="3"/>
      <c r="CL2" s="3"/>
      <c r="CM2" s="3"/>
      <c r="CN2" s="3"/>
      <c r="CO2" s="3"/>
      <c r="CP2" s="3"/>
      <c r="CQ2" s="3"/>
      <c r="CR2" s="3"/>
      <c r="CS2" s="3"/>
      <c r="CT2" s="3"/>
      <c r="CU2" s="3"/>
      <c r="CV2" s="3"/>
      <c r="CW2" s="3"/>
      <c r="CX2" s="3"/>
      <c r="CY2" s="3"/>
      <c r="CZ2" s="3"/>
      <c r="DA2" s="3"/>
      <c r="DB2" s="3"/>
      <c r="DC2" s="3"/>
      <c r="DD2" s="3"/>
      <c r="DE2" s="3"/>
      <c r="DF2" s="3"/>
      <c r="DG2" s="3"/>
      <c r="DH2" s="3"/>
      <c r="DI2" s="3"/>
      <c r="DJ2" s="3"/>
      <c r="DK2" s="3"/>
      <c r="DL2" s="3"/>
      <c r="DM2" s="3"/>
      <c r="DN2" s="3"/>
      <c r="DO2" s="3"/>
      <c r="DP2" s="3"/>
      <c r="DQ2" s="3"/>
      <c r="DR2" s="3"/>
      <c r="DS2" s="3"/>
      <c r="DT2" s="3"/>
      <c r="DU2" s="3"/>
      <c r="DV2" s="3"/>
      <c r="DW2" s="3"/>
      <c r="DX2" s="3"/>
      <c r="DY2" s="3"/>
      <c r="DZ2" s="3"/>
      <c r="EA2" s="3"/>
      <c r="EB2" s="3"/>
      <c r="EC2" s="3"/>
      <c r="ED2" s="3"/>
      <c r="EE2" s="3"/>
      <c r="EF2" s="3"/>
      <c r="EG2" s="3"/>
      <c r="EH2" s="3"/>
      <c r="EI2" s="3"/>
      <c r="EJ2" s="3"/>
      <c r="EK2" s="3"/>
      <c r="EL2" s="3"/>
      <c r="EM2" s="3"/>
      <c r="EN2" s="3"/>
      <c r="EO2" s="3"/>
      <c r="EP2" s="3"/>
      <c r="EQ2" s="3"/>
      <c r="ER2" s="3"/>
      <c r="ES2" s="3"/>
      <c r="ET2" s="3"/>
      <c r="EU2" s="3"/>
      <c r="EV2" s="3"/>
      <c r="EW2" s="3"/>
      <c r="EX2" s="3"/>
      <c r="EY2" s="3"/>
      <c r="EZ2" s="3"/>
      <c r="FA2" s="3"/>
      <c r="FB2" s="3"/>
      <c r="FC2" s="3"/>
      <c r="FD2" s="3"/>
      <c r="FE2" s="3"/>
      <c r="FF2" s="3"/>
      <c r="FG2" s="3"/>
      <c r="FH2" s="3"/>
      <c r="FI2" s="3"/>
      <c r="FJ2" s="3"/>
      <c r="FK2" s="3"/>
      <c r="FL2" s="3"/>
      <c r="FM2" s="3"/>
      <c r="FN2" s="3"/>
      <c r="FO2" s="3"/>
      <c r="FP2" s="3"/>
      <c r="FQ2" s="3"/>
      <c r="FR2" s="3"/>
      <c r="FS2" s="3"/>
      <c r="FT2" s="3"/>
      <c r="FU2" s="3"/>
      <c r="FV2" s="3"/>
      <c r="FW2" s="3"/>
      <c r="FX2" s="3"/>
      <c r="FY2" s="3"/>
      <c r="FZ2" s="3"/>
      <c r="GA2" s="3"/>
      <c r="GB2" s="3"/>
      <c r="GC2" s="3"/>
      <c r="GD2" s="3"/>
      <c r="GE2" s="3"/>
      <c r="GF2" s="3"/>
      <c r="GG2" s="3"/>
      <c r="GH2" s="3"/>
      <c r="GI2" s="3"/>
      <c r="GJ2" s="3"/>
      <c r="GK2" s="3"/>
      <c r="GL2" s="3"/>
      <c r="GM2" s="3"/>
      <c r="GN2" s="3"/>
      <c r="GO2" s="3"/>
      <c r="GP2" s="3"/>
      <c r="GQ2" s="3"/>
      <c r="GR2" s="3"/>
      <c r="GS2" s="3"/>
      <c r="GT2" s="3"/>
      <c r="GU2" s="3"/>
      <c r="GV2" s="3"/>
      <c r="GW2" s="3"/>
      <c r="GX2" s="3"/>
      <c r="GY2" s="3"/>
      <c r="GZ2" s="3"/>
      <c r="HA2" s="3"/>
      <c r="HB2" s="3"/>
      <c r="HC2" s="3"/>
      <c r="HD2" s="3"/>
      <c r="HE2" s="3"/>
      <c r="HF2" s="3"/>
      <c r="HG2" s="3"/>
      <c r="HH2" s="3"/>
      <c r="HI2" s="3"/>
      <c r="HJ2" s="3"/>
      <c r="HK2" s="3"/>
      <c r="HL2" s="3"/>
      <c r="HM2" s="3"/>
      <c r="HN2" s="3"/>
      <c r="HO2" s="3"/>
      <c r="HP2" s="3"/>
      <c r="HQ2" s="3"/>
      <c r="HR2" s="3"/>
      <c r="HS2" s="3"/>
      <c r="HT2" s="3"/>
      <c r="HU2" s="3"/>
      <c r="HV2" s="3"/>
      <c r="HW2" s="3"/>
      <c r="HX2" s="3"/>
      <c r="HY2" s="3"/>
      <c r="HZ2" s="3"/>
      <c r="IA2" s="3"/>
      <c r="IB2" s="3"/>
      <c r="IC2" s="3"/>
      <c r="ID2" s="3"/>
      <c r="IE2" s="3"/>
      <c r="IF2" s="3"/>
      <c r="IG2" s="3"/>
      <c r="IH2" s="3"/>
      <c r="II2" s="3"/>
      <c r="IJ2" s="3"/>
      <c r="IK2" s="3"/>
      <c r="IL2" s="3"/>
      <c r="IM2" s="3"/>
      <c r="IN2" s="3"/>
      <c r="IO2" s="3"/>
      <c r="IP2" s="3"/>
      <c r="IQ2" s="3"/>
      <c r="IR2" s="3"/>
      <c r="IS2" s="3"/>
      <c r="IT2" s="3"/>
      <c r="IU2" s="3"/>
      <c r="IV2" s="3"/>
      <c r="IW2" s="3"/>
      <c r="IX2" s="3"/>
      <c r="IY2" s="3"/>
    </row>
    <row r="3" spans="1:259" ht="231" customHeight="1" x14ac:dyDescent="0.2">
      <c r="A3" s="6"/>
      <c r="B3" s="6"/>
      <c r="C3" s="6"/>
      <c r="D3" s="6"/>
      <c r="E3" s="6"/>
      <c r="F3" s="6"/>
      <c r="G3" s="6"/>
      <c r="H3" s="6"/>
      <c r="I3" s="6"/>
      <c r="J3" s="6"/>
      <c r="K3" s="6"/>
      <c r="L3" s="6"/>
      <c r="M3" s="6"/>
      <c r="N3" s="7"/>
      <c r="O3" s="6"/>
      <c r="P3" s="6"/>
      <c r="Q3" s="6"/>
      <c r="R3" s="6"/>
      <c r="S3" s="6"/>
      <c r="T3" s="6"/>
      <c r="U3" s="2"/>
      <c r="V3" s="3"/>
      <c r="W3" s="3"/>
      <c r="X3" s="3"/>
      <c r="Y3" s="3"/>
      <c r="Z3" s="3"/>
      <c r="AA3" s="3"/>
      <c r="AB3" s="3"/>
      <c r="AC3" s="3"/>
      <c r="AD3" s="3"/>
      <c r="AE3" s="3"/>
      <c r="AF3" s="3"/>
      <c r="AG3" s="3"/>
      <c r="AH3" s="3"/>
      <c r="AI3" s="3"/>
      <c r="AJ3" s="3"/>
      <c r="AK3" s="3"/>
      <c r="AL3" s="3"/>
      <c r="AM3" s="3"/>
      <c r="AN3" s="3"/>
      <c r="AO3" s="3"/>
      <c r="AP3" s="3"/>
      <c r="AQ3" s="3"/>
      <c r="AR3" s="3"/>
      <c r="AS3" s="3"/>
      <c r="AT3" s="3"/>
      <c r="AU3" s="3"/>
      <c r="AV3" s="3"/>
      <c r="AW3" s="3"/>
      <c r="AX3" s="3"/>
      <c r="AY3" s="3"/>
      <c r="AZ3" s="3"/>
      <c r="BA3" s="3"/>
      <c r="BB3" s="3"/>
      <c r="BC3" s="3"/>
      <c r="BD3" s="3"/>
      <c r="BE3" s="3"/>
      <c r="BF3" s="3"/>
      <c r="BG3" s="3"/>
      <c r="BH3" s="3"/>
      <c r="BI3" s="3"/>
      <c r="BJ3" s="3"/>
      <c r="BK3" s="3"/>
      <c r="BL3" s="3"/>
      <c r="BM3" s="3"/>
      <c r="BN3" s="3"/>
      <c r="BO3" s="3"/>
      <c r="BP3" s="3"/>
      <c r="BQ3" s="3"/>
      <c r="BR3" s="3"/>
      <c r="BS3" s="3"/>
      <c r="BT3" s="3"/>
      <c r="BU3" s="3"/>
      <c r="BV3" s="3"/>
      <c r="BW3" s="3"/>
      <c r="BX3" s="3"/>
      <c r="BY3" s="3"/>
      <c r="BZ3" s="3"/>
      <c r="CA3" s="3"/>
      <c r="CB3" s="3"/>
      <c r="CC3" s="3"/>
      <c r="CD3" s="3"/>
      <c r="CE3" s="3"/>
      <c r="CF3" s="3"/>
      <c r="CG3" s="3"/>
      <c r="CH3" s="3"/>
      <c r="CI3" s="3"/>
      <c r="CJ3" s="3"/>
      <c r="CK3" s="3"/>
      <c r="CL3" s="3"/>
      <c r="CM3" s="3"/>
      <c r="CN3" s="3"/>
      <c r="CO3" s="3"/>
      <c r="CP3" s="3"/>
      <c r="CQ3" s="3"/>
      <c r="CR3" s="3"/>
      <c r="CS3" s="3"/>
      <c r="CT3" s="3"/>
      <c r="CU3" s="3"/>
      <c r="CV3" s="3"/>
      <c r="CW3" s="3"/>
      <c r="CX3" s="3"/>
      <c r="CY3" s="3"/>
      <c r="CZ3" s="3"/>
      <c r="DA3" s="3"/>
      <c r="DB3" s="3"/>
      <c r="DC3" s="3"/>
      <c r="DD3" s="3"/>
      <c r="DE3" s="3"/>
      <c r="DF3" s="3"/>
      <c r="DG3" s="3"/>
      <c r="DH3" s="3"/>
      <c r="DI3" s="3"/>
      <c r="DJ3" s="3"/>
      <c r="DK3" s="3"/>
      <c r="DL3" s="3"/>
      <c r="DM3" s="3"/>
      <c r="DN3" s="3"/>
      <c r="DO3" s="3"/>
      <c r="DP3" s="3"/>
      <c r="DQ3" s="3"/>
      <c r="DR3" s="3"/>
      <c r="DS3" s="3"/>
      <c r="DT3" s="3"/>
      <c r="DU3" s="3"/>
      <c r="DV3" s="3"/>
      <c r="DW3" s="3"/>
      <c r="DX3" s="3"/>
      <c r="DY3" s="3"/>
      <c r="DZ3" s="3"/>
      <c r="EA3" s="3"/>
      <c r="EB3" s="3"/>
      <c r="EC3" s="3"/>
      <c r="ED3" s="3"/>
      <c r="EE3" s="3"/>
      <c r="EF3" s="3"/>
      <c r="EG3" s="3"/>
      <c r="EH3" s="3"/>
      <c r="EI3" s="3"/>
      <c r="EJ3" s="3"/>
      <c r="EK3" s="3"/>
      <c r="EL3" s="3"/>
      <c r="EM3" s="3"/>
      <c r="EN3" s="3"/>
      <c r="EO3" s="3"/>
      <c r="EP3" s="3"/>
      <c r="EQ3" s="3"/>
      <c r="ER3" s="3"/>
      <c r="ES3" s="3"/>
      <c r="ET3" s="3"/>
      <c r="EU3" s="3"/>
      <c r="EV3" s="3"/>
      <c r="EW3" s="3"/>
      <c r="EX3" s="3"/>
      <c r="EY3" s="3"/>
      <c r="EZ3" s="3"/>
      <c r="FA3" s="3"/>
      <c r="FB3" s="3"/>
      <c r="FC3" s="3"/>
      <c r="FD3" s="3"/>
      <c r="FE3" s="3"/>
      <c r="FF3" s="3"/>
      <c r="FG3" s="3"/>
      <c r="FH3" s="3"/>
      <c r="FI3" s="3"/>
      <c r="FJ3" s="3"/>
      <c r="FK3" s="3"/>
      <c r="FL3" s="3"/>
      <c r="FM3" s="3"/>
      <c r="FN3" s="3"/>
      <c r="FO3" s="3"/>
      <c r="FP3" s="3"/>
      <c r="FQ3" s="3"/>
      <c r="FR3" s="3"/>
      <c r="FS3" s="3"/>
      <c r="FT3" s="3"/>
      <c r="FU3" s="3"/>
      <c r="FV3" s="3"/>
      <c r="FW3" s="3"/>
      <c r="FX3" s="3"/>
      <c r="FY3" s="3"/>
      <c r="FZ3" s="3"/>
      <c r="GA3" s="3"/>
      <c r="GB3" s="3"/>
      <c r="GC3" s="3"/>
      <c r="GD3" s="3"/>
      <c r="GE3" s="3"/>
      <c r="GF3" s="3"/>
      <c r="GG3" s="3"/>
      <c r="GH3" s="3"/>
      <c r="GI3" s="3"/>
      <c r="GJ3" s="3"/>
      <c r="GK3" s="3"/>
      <c r="GL3" s="3"/>
      <c r="GM3" s="3"/>
      <c r="GN3" s="3"/>
      <c r="GO3" s="3"/>
      <c r="GP3" s="3"/>
      <c r="GQ3" s="3"/>
      <c r="GR3" s="3"/>
      <c r="GS3" s="3"/>
      <c r="GT3" s="3"/>
      <c r="GU3" s="3"/>
      <c r="GV3" s="3"/>
      <c r="GW3" s="3"/>
      <c r="GX3" s="3"/>
      <c r="GY3" s="3"/>
      <c r="GZ3" s="3"/>
      <c r="HA3" s="3"/>
      <c r="HB3" s="3"/>
      <c r="HC3" s="3"/>
      <c r="HD3" s="3"/>
      <c r="HE3" s="3"/>
      <c r="HF3" s="3"/>
      <c r="HG3" s="3"/>
      <c r="HH3" s="3"/>
      <c r="HI3" s="3"/>
      <c r="HJ3" s="3"/>
      <c r="HK3" s="3"/>
      <c r="HL3" s="3"/>
      <c r="HM3" s="3"/>
      <c r="HN3" s="3"/>
      <c r="HO3" s="3"/>
      <c r="HP3" s="3"/>
      <c r="HQ3" s="3"/>
      <c r="HR3" s="3"/>
      <c r="HS3" s="3"/>
      <c r="HT3" s="3"/>
      <c r="HU3" s="3"/>
      <c r="HV3" s="3"/>
      <c r="HW3" s="3"/>
      <c r="HX3" s="3"/>
      <c r="HY3" s="3"/>
      <c r="HZ3" s="3"/>
      <c r="IA3" s="3"/>
      <c r="IB3" s="3"/>
      <c r="IC3" s="3"/>
      <c r="ID3" s="3"/>
      <c r="IE3" s="3"/>
      <c r="IF3" s="3"/>
      <c r="IG3" s="3"/>
      <c r="IH3" s="3"/>
      <c r="II3" s="3"/>
      <c r="IJ3" s="3"/>
      <c r="IK3" s="3"/>
      <c r="IL3" s="3"/>
      <c r="IM3" s="3"/>
      <c r="IN3" s="3"/>
      <c r="IO3" s="3"/>
      <c r="IP3" s="3"/>
      <c r="IQ3" s="3"/>
      <c r="IR3" s="3"/>
      <c r="IS3" s="3"/>
      <c r="IT3" s="3"/>
      <c r="IU3" s="3"/>
      <c r="IV3" s="3"/>
      <c r="IW3" s="3"/>
      <c r="IX3" s="3"/>
      <c r="IY3" s="3"/>
    </row>
    <row r="4" spans="1:259" ht="114" hidden="1" customHeight="1" x14ac:dyDescent="0.2">
      <c r="A4" s="6"/>
      <c r="B4" s="6"/>
      <c r="C4" s="6"/>
      <c r="D4" s="6"/>
      <c r="E4" s="6"/>
      <c r="F4" s="6"/>
      <c r="G4" s="6"/>
      <c r="H4" s="6"/>
      <c r="I4" s="6"/>
      <c r="J4" s="6"/>
      <c r="K4" s="6"/>
      <c r="L4" s="6"/>
      <c r="M4" s="6"/>
      <c r="N4" s="7"/>
      <c r="O4" s="6"/>
      <c r="P4" s="6"/>
      <c r="Q4" s="6"/>
      <c r="R4" s="6"/>
      <c r="S4" s="6"/>
      <c r="T4" s="6"/>
      <c r="U4" s="2"/>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3"/>
      <c r="BE4" s="3"/>
      <c r="BF4" s="3"/>
      <c r="BG4" s="3"/>
      <c r="BH4" s="3"/>
      <c r="BI4" s="3"/>
      <c r="BJ4" s="3"/>
      <c r="BK4" s="3"/>
      <c r="BL4" s="3"/>
      <c r="BM4" s="3"/>
      <c r="BN4" s="3"/>
      <c r="BO4" s="3"/>
      <c r="BP4" s="3"/>
      <c r="BQ4" s="3"/>
      <c r="BR4" s="3"/>
      <c r="BS4" s="3"/>
      <c r="BT4" s="3"/>
      <c r="BU4" s="3"/>
      <c r="BV4" s="3"/>
      <c r="BW4" s="3"/>
      <c r="BX4" s="3"/>
      <c r="BY4" s="3"/>
      <c r="BZ4" s="3"/>
      <c r="CA4" s="3"/>
      <c r="CB4" s="3"/>
      <c r="CC4" s="3"/>
      <c r="CD4" s="3"/>
      <c r="CE4" s="3"/>
      <c r="CF4" s="3"/>
      <c r="CG4" s="3"/>
      <c r="CH4" s="3"/>
      <c r="CI4" s="3"/>
      <c r="CJ4" s="3"/>
      <c r="CK4" s="3"/>
      <c r="CL4" s="3"/>
      <c r="CM4" s="3"/>
      <c r="CN4" s="3"/>
      <c r="CO4" s="3"/>
      <c r="CP4" s="3"/>
      <c r="CQ4" s="3"/>
      <c r="CR4" s="3"/>
      <c r="CS4" s="3"/>
      <c r="CT4" s="3"/>
      <c r="CU4" s="3"/>
      <c r="CV4" s="3"/>
      <c r="CW4" s="3"/>
      <c r="CX4" s="3"/>
      <c r="CY4" s="3"/>
      <c r="CZ4" s="3"/>
      <c r="DA4" s="3"/>
      <c r="DB4" s="3"/>
      <c r="DC4" s="3"/>
      <c r="DD4" s="3"/>
      <c r="DE4" s="3"/>
      <c r="DF4" s="3"/>
      <c r="DG4" s="3"/>
      <c r="DH4" s="3"/>
      <c r="DI4" s="3"/>
      <c r="DJ4" s="3"/>
      <c r="DK4" s="3"/>
      <c r="DL4" s="3"/>
      <c r="DM4" s="3"/>
      <c r="DN4" s="3"/>
      <c r="DO4" s="3"/>
      <c r="DP4" s="3"/>
      <c r="DQ4" s="3"/>
      <c r="DR4" s="3"/>
      <c r="DS4" s="3"/>
      <c r="DT4" s="3"/>
      <c r="DU4" s="3"/>
      <c r="DV4" s="3"/>
      <c r="DW4" s="3"/>
      <c r="DX4" s="3"/>
      <c r="DY4" s="3"/>
      <c r="DZ4" s="3"/>
      <c r="EA4" s="3"/>
      <c r="EB4" s="3"/>
      <c r="EC4" s="3"/>
      <c r="ED4" s="3"/>
      <c r="EE4" s="3"/>
      <c r="EF4" s="3"/>
      <c r="EG4" s="3"/>
      <c r="EH4" s="3"/>
      <c r="EI4" s="3"/>
      <c r="EJ4" s="3"/>
      <c r="EK4" s="3"/>
      <c r="EL4" s="3"/>
      <c r="EM4" s="3"/>
      <c r="EN4" s="3"/>
      <c r="EO4" s="3"/>
      <c r="EP4" s="3"/>
      <c r="EQ4" s="3"/>
      <c r="ER4" s="3"/>
      <c r="ES4" s="3"/>
      <c r="ET4" s="3"/>
      <c r="EU4" s="3"/>
      <c r="EV4" s="3"/>
      <c r="EW4" s="3"/>
      <c r="EX4" s="3"/>
      <c r="EY4" s="3"/>
      <c r="EZ4" s="3"/>
      <c r="FA4" s="3"/>
      <c r="FB4" s="3"/>
      <c r="FC4" s="3"/>
      <c r="FD4" s="3"/>
      <c r="FE4" s="3"/>
      <c r="FF4" s="3"/>
      <c r="FG4" s="3"/>
      <c r="FH4" s="3"/>
      <c r="FI4" s="3"/>
      <c r="FJ4" s="3"/>
      <c r="FK4" s="3"/>
      <c r="FL4" s="3"/>
      <c r="FM4" s="3"/>
      <c r="FN4" s="3"/>
      <c r="FO4" s="3"/>
      <c r="FP4" s="3"/>
      <c r="FQ4" s="3"/>
      <c r="FR4" s="3"/>
      <c r="FS4" s="3"/>
      <c r="FT4" s="3"/>
      <c r="FU4" s="3"/>
      <c r="FV4" s="3"/>
      <c r="FW4" s="3"/>
      <c r="FX4" s="3"/>
      <c r="FY4" s="3"/>
      <c r="FZ4" s="3"/>
      <c r="GA4" s="3"/>
      <c r="GB4" s="3"/>
      <c r="GC4" s="3"/>
      <c r="GD4" s="3"/>
      <c r="GE4" s="3"/>
      <c r="GF4" s="3"/>
      <c r="GG4" s="3"/>
      <c r="GH4" s="3"/>
      <c r="GI4" s="3"/>
      <c r="GJ4" s="3"/>
      <c r="GK4" s="3"/>
      <c r="GL4" s="3"/>
      <c r="GM4" s="3"/>
      <c r="GN4" s="3"/>
      <c r="GO4" s="3"/>
      <c r="GP4" s="3"/>
      <c r="GQ4" s="3"/>
      <c r="GR4" s="3"/>
      <c r="GS4" s="3"/>
      <c r="GT4" s="3"/>
      <c r="GU4" s="3"/>
      <c r="GV4" s="3"/>
      <c r="GW4" s="3"/>
      <c r="GX4" s="3"/>
      <c r="GY4" s="3"/>
      <c r="GZ4" s="3"/>
      <c r="HA4" s="3"/>
      <c r="HB4" s="3"/>
      <c r="HC4" s="3"/>
      <c r="HD4" s="3"/>
      <c r="HE4" s="3"/>
      <c r="HF4" s="3"/>
      <c r="HG4" s="3"/>
      <c r="HH4" s="3"/>
      <c r="HI4" s="3"/>
      <c r="HJ4" s="3"/>
      <c r="HK4" s="3"/>
      <c r="HL4" s="3"/>
      <c r="HM4" s="3"/>
      <c r="HN4" s="3"/>
      <c r="HO4" s="3"/>
      <c r="HP4" s="3"/>
      <c r="HQ4" s="3"/>
      <c r="HR4" s="3"/>
      <c r="HS4" s="3"/>
      <c r="HT4" s="3"/>
      <c r="HU4" s="3"/>
      <c r="HV4" s="3"/>
      <c r="HW4" s="3"/>
      <c r="HX4" s="3"/>
      <c r="HY4" s="3"/>
      <c r="HZ4" s="3"/>
      <c r="IA4" s="3"/>
      <c r="IB4" s="3"/>
      <c r="IC4" s="3"/>
      <c r="ID4" s="3"/>
      <c r="IE4" s="3"/>
      <c r="IF4" s="3"/>
      <c r="IG4" s="3"/>
      <c r="IH4" s="3"/>
      <c r="II4" s="3"/>
      <c r="IJ4" s="3"/>
      <c r="IK4" s="3"/>
      <c r="IL4" s="3"/>
      <c r="IM4" s="3"/>
      <c r="IN4" s="3"/>
      <c r="IO4" s="3"/>
      <c r="IP4" s="3"/>
      <c r="IQ4" s="3"/>
      <c r="IR4" s="3"/>
      <c r="IS4" s="3"/>
      <c r="IT4" s="3"/>
      <c r="IU4" s="3"/>
      <c r="IV4" s="3"/>
      <c r="IW4" s="3"/>
      <c r="IX4" s="3"/>
      <c r="IY4" s="3"/>
    </row>
    <row r="5" spans="1:259" ht="361.5" hidden="1" customHeight="1" x14ac:dyDescent="0.2">
      <c r="A5" s="6"/>
      <c r="B5" s="6"/>
      <c r="C5" s="6"/>
      <c r="D5" s="6"/>
      <c r="E5" s="6"/>
      <c r="F5" s="6"/>
      <c r="G5" s="6"/>
      <c r="H5" s="6"/>
      <c r="I5" s="6"/>
      <c r="J5" s="6"/>
      <c r="K5" s="6"/>
      <c r="L5" s="6"/>
      <c r="M5" s="6"/>
      <c r="N5" s="7"/>
      <c r="O5" s="6"/>
      <c r="P5" s="6"/>
      <c r="Q5" s="6"/>
      <c r="R5" s="6"/>
      <c r="S5" s="6"/>
      <c r="T5" s="6"/>
      <c r="U5" s="2"/>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c r="CA5" s="3"/>
      <c r="CB5" s="3"/>
      <c r="CC5" s="3"/>
      <c r="CD5" s="3"/>
      <c r="CE5" s="3"/>
      <c r="CF5" s="3"/>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3"/>
      <c r="IR5" s="3"/>
      <c r="IS5" s="3"/>
      <c r="IT5" s="3"/>
      <c r="IU5" s="3"/>
      <c r="IV5" s="3"/>
      <c r="IW5" s="3"/>
      <c r="IX5" s="3"/>
      <c r="IY5" s="3"/>
    </row>
    <row r="6" spans="1:259" ht="130.5" hidden="1" customHeight="1" x14ac:dyDescent="0.2">
      <c r="A6" s="6"/>
      <c r="B6" s="6"/>
      <c r="C6" s="6"/>
      <c r="D6" s="6"/>
      <c r="E6" s="6"/>
      <c r="F6" s="6"/>
      <c r="G6" s="6"/>
      <c r="H6" s="6"/>
      <c r="I6" s="6"/>
      <c r="J6" s="6"/>
      <c r="K6" s="6"/>
      <c r="L6" s="6"/>
      <c r="M6" s="6"/>
      <c r="N6" s="7"/>
      <c r="O6" s="6"/>
      <c r="P6" s="6"/>
      <c r="Q6" s="6"/>
      <c r="R6" s="6"/>
      <c r="S6" s="6"/>
      <c r="T6" s="6"/>
      <c r="U6" s="2"/>
      <c r="V6" s="3"/>
      <c r="W6" s="3"/>
      <c r="X6" s="3"/>
      <c r="Y6" s="3"/>
      <c r="Z6" s="3"/>
      <c r="AA6" s="3"/>
      <c r="AB6" s="3"/>
      <c r="AC6" s="3"/>
      <c r="AD6" s="3"/>
      <c r="AE6" s="3"/>
      <c r="AF6" s="3"/>
      <c r="AG6" s="3"/>
      <c r="AH6" s="3"/>
      <c r="AI6" s="3"/>
      <c r="AJ6" s="3"/>
      <c r="AK6" s="3"/>
      <c r="AL6" s="3"/>
      <c r="AM6" s="3"/>
      <c r="AN6" s="3"/>
      <c r="AO6" s="3"/>
      <c r="AP6" s="3"/>
      <c r="AQ6" s="3"/>
      <c r="AR6" s="3"/>
      <c r="AS6" s="3"/>
      <c r="AT6" s="3"/>
      <c r="AU6" s="3"/>
      <c r="AV6" s="3"/>
      <c r="AW6" s="3"/>
      <c r="AX6" s="3"/>
      <c r="AY6" s="3"/>
      <c r="AZ6" s="3"/>
      <c r="BA6" s="3"/>
      <c r="BB6" s="3"/>
      <c r="BC6" s="3"/>
      <c r="BD6" s="3"/>
      <c r="BE6" s="3"/>
      <c r="BF6" s="3"/>
      <c r="BG6" s="3"/>
      <c r="BH6" s="3"/>
      <c r="BI6" s="3"/>
      <c r="BJ6" s="3"/>
      <c r="BK6" s="3"/>
      <c r="BL6" s="3"/>
      <c r="BM6" s="3"/>
      <c r="BN6" s="3"/>
      <c r="BO6" s="3"/>
      <c r="BP6" s="3"/>
      <c r="BQ6" s="3"/>
      <c r="BR6" s="3"/>
      <c r="BS6" s="3"/>
      <c r="BT6" s="3"/>
      <c r="BU6" s="3"/>
      <c r="BV6" s="3"/>
      <c r="BW6" s="3"/>
      <c r="BX6" s="3"/>
      <c r="BY6" s="3"/>
      <c r="BZ6" s="3"/>
      <c r="CA6" s="3"/>
      <c r="CB6" s="3"/>
      <c r="CC6" s="3"/>
      <c r="CD6" s="3"/>
      <c r="CE6" s="3"/>
      <c r="CF6" s="3"/>
      <c r="CG6" s="3"/>
      <c r="CH6" s="3"/>
      <c r="CI6" s="3"/>
      <c r="CJ6" s="3"/>
      <c r="CK6" s="3"/>
      <c r="CL6" s="3"/>
      <c r="CM6" s="3"/>
      <c r="CN6" s="3"/>
      <c r="CO6" s="3"/>
      <c r="CP6" s="3"/>
      <c r="CQ6" s="3"/>
      <c r="CR6" s="3"/>
      <c r="CS6" s="3"/>
      <c r="CT6" s="3"/>
      <c r="CU6" s="3"/>
      <c r="CV6" s="3"/>
      <c r="CW6" s="3"/>
      <c r="CX6" s="3"/>
      <c r="CY6" s="3"/>
      <c r="CZ6" s="3"/>
      <c r="DA6" s="3"/>
      <c r="DB6" s="3"/>
      <c r="DC6" s="3"/>
      <c r="DD6" s="3"/>
      <c r="DE6" s="3"/>
      <c r="DF6" s="3"/>
      <c r="DG6" s="3"/>
      <c r="DH6" s="3"/>
      <c r="DI6" s="3"/>
      <c r="DJ6" s="3"/>
      <c r="DK6" s="3"/>
      <c r="DL6" s="3"/>
      <c r="DM6" s="3"/>
      <c r="DN6" s="3"/>
      <c r="DO6" s="3"/>
      <c r="DP6" s="3"/>
      <c r="DQ6" s="3"/>
      <c r="DR6" s="3"/>
      <c r="DS6" s="3"/>
      <c r="DT6" s="3"/>
      <c r="DU6" s="3"/>
      <c r="DV6" s="3"/>
      <c r="DW6" s="3"/>
      <c r="DX6" s="3"/>
      <c r="DY6" s="3"/>
      <c r="DZ6" s="3"/>
      <c r="EA6" s="3"/>
      <c r="EB6" s="3"/>
      <c r="EC6" s="3"/>
      <c r="ED6" s="3"/>
      <c r="EE6" s="3"/>
      <c r="EF6" s="3"/>
      <c r="EG6" s="3"/>
      <c r="EH6" s="3"/>
      <c r="EI6" s="3"/>
      <c r="EJ6" s="3"/>
      <c r="EK6" s="3"/>
      <c r="EL6" s="3"/>
      <c r="EM6" s="3"/>
      <c r="EN6" s="3"/>
      <c r="EO6" s="3"/>
      <c r="EP6" s="3"/>
      <c r="EQ6" s="3"/>
      <c r="ER6" s="3"/>
      <c r="ES6" s="3"/>
      <c r="ET6" s="3"/>
      <c r="EU6" s="3"/>
      <c r="EV6" s="3"/>
      <c r="EW6" s="3"/>
      <c r="EX6" s="3"/>
      <c r="EY6" s="3"/>
      <c r="EZ6" s="3"/>
      <c r="FA6" s="3"/>
      <c r="FB6" s="3"/>
      <c r="FC6" s="3"/>
      <c r="FD6" s="3"/>
      <c r="FE6" s="3"/>
      <c r="FF6" s="3"/>
      <c r="FG6" s="3"/>
      <c r="FH6" s="3"/>
      <c r="FI6" s="3"/>
      <c r="FJ6" s="3"/>
      <c r="FK6" s="3"/>
      <c r="FL6" s="3"/>
      <c r="FM6" s="3"/>
      <c r="FN6" s="3"/>
      <c r="FO6" s="3"/>
      <c r="FP6" s="3"/>
      <c r="FQ6" s="3"/>
      <c r="FR6" s="3"/>
      <c r="FS6" s="3"/>
      <c r="FT6" s="3"/>
      <c r="FU6" s="3"/>
      <c r="FV6" s="3"/>
      <c r="FW6" s="3"/>
      <c r="FX6" s="3"/>
      <c r="FY6" s="3"/>
      <c r="FZ6" s="3"/>
      <c r="GA6" s="3"/>
      <c r="GB6" s="3"/>
      <c r="GC6" s="3"/>
      <c r="GD6" s="3"/>
      <c r="GE6" s="3"/>
      <c r="GF6" s="3"/>
      <c r="GG6" s="3"/>
      <c r="GH6" s="3"/>
      <c r="GI6" s="3"/>
      <c r="GJ6" s="3"/>
      <c r="GK6" s="3"/>
      <c r="GL6" s="3"/>
      <c r="GM6" s="3"/>
      <c r="GN6" s="3"/>
      <c r="GO6" s="3"/>
      <c r="GP6" s="3"/>
      <c r="GQ6" s="3"/>
      <c r="GR6" s="3"/>
      <c r="GS6" s="3"/>
      <c r="GT6" s="3"/>
      <c r="GU6" s="3"/>
      <c r="GV6" s="3"/>
      <c r="GW6" s="3"/>
      <c r="GX6" s="3"/>
      <c r="GY6" s="3"/>
      <c r="GZ6" s="3"/>
      <c r="HA6" s="3"/>
      <c r="HB6" s="3"/>
      <c r="HC6" s="3"/>
      <c r="HD6" s="3"/>
      <c r="HE6" s="3"/>
      <c r="HF6" s="3"/>
      <c r="HG6" s="3"/>
      <c r="HH6" s="3"/>
      <c r="HI6" s="3"/>
      <c r="HJ6" s="3"/>
      <c r="HK6" s="3"/>
      <c r="HL6" s="3"/>
      <c r="HM6" s="3"/>
      <c r="HN6" s="3"/>
      <c r="HO6" s="3"/>
      <c r="HP6" s="3"/>
      <c r="HQ6" s="3"/>
      <c r="HR6" s="3"/>
      <c r="HS6" s="3"/>
      <c r="HT6" s="3"/>
      <c r="HU6" s="3"/>
      <c r="HV6" s="3"/>
      <c r="HW6" s="3"/>
      <c r="HX6" s="3"/>
      <c r="HY6" s="3"/>
      <c r="HZ6" s="3"/>
      <c r="IA6" s="3"/>
      <c r="IB6" s="3"/>
      <c r="IC6" s="3"/>
      <c r="ID6" s="3"/>
      <c r="IE6" s="3"/>
      <c r="IF6" s="3"/>
      <c r="IG6" s="3"/>
      <c r="IH6" s="3"/>
      <c r="II6" s="3"/>
      <c r="IJ6" s="3"/>
      <c r="IK6" s="3"/>
      <c r="IL6" s="3"/>
      <c r="IM6" s="3"/>
      <c r="IN6" s="3"/>
      <c r="IO6" s="3"/>
      <c r="IP6" s="3"/>
      <c r="IQ6" s="3"/>
      <c r="IR6" s="3"/>
      <c r="IS6" s="3"/>
      <c r="IT6" s="3"/>
      <c r="IU6" s="3"/>
      <c r="IV6" s="3"/>
      <c r="IW6" s="3"/>
      <c r="IX6" s="3"/>
      <c r="IY6" s="3"/>
    </row>
    <row r="7" spans="1:259" ht="361.5" customHeight="1" x14ac:dyDescent="0.2">
      <c r="A7" s="6"/>
      <c r="B7" s="6"/>
      <c r="C7" s="6"/>
      <c r="D7" s="6"/>
      <c r="E7" s="6"/>
      <c r="F7" s="6"/>
      <c r="G7" s="6"/>
      <c r="H7" s="6"/>
      <c r="I7" s="6"/>
      <c r="J7" s="6"/>
      <c r="K7" s="6"/>
      <c r="L7" s="6"/>
      <c r="M7" s="6"/>
      <c r="N7" s="7"/>
      <c r="O7" s="6"/>
      <c r="P7" s="6"/>
      <c r="Q7" s="6"/>
      <c r="R7" s="6"/>
      <c r="S7" s="6"/>
      <c r="T7" s="6"/>
      <c r="U7" s="2"/>
      <c r="V7" s="3"/>
      <c r="W7" s="3"/>
      <c r="X7" s="3"/>
      <c r="Y7" s="3"/>
      <c r="Z7" s="3"/>
      <c r="AA7" s="3"/>
      <c r="AB7" s="3"/>
      <c r="AC7" s="3"/>
      <c r="AD7" s="3"/>
      <c r="AE7" s="3"/>
      <c r="AF7" s="3"/>
      <c r="AG7" s="3"/>
      <c r="AH7" s="3"/>
      <c r="AI7" s="3"/>
      <c r="AJ7" s="3"/>
      <c r="AK7" s="3"/>
      <c r="AL7" s="3"/>
      <c r="AM7" s="3"/>
      <c r="AN7" s="3"/>
      <c r="AO7" s="3"/>
      <c r="AP7" s="3"/>
      <c r="AQ7" s="3"/>
      <c r="AR7" s="3"/>
      <c r="AS7" s="3"/>
      <c r="AT7" s="3"/>
      <c r="AU7" s="3"/>
      <c r="AV7" s="3"/>
      <c r="AW7" s="3"/>
      <c r="AX7" s="3"/>
      <c r="AY7" s="3"/>
      <c r="AZ7" s="3"/>
      <c r="BA7" s="3"/>
      <c r="BB7" s="3"/>
      <c r="BC7" s="3"/>
      <c r="BD7" s="3"/>
      <c r="BE7" s="3"/>
      <c r="BF7" s="3"/>
      <c r="BG7" s="3"/>
      <c r="BH7" s="3"/>
      <c r="BI7" s="3"/>
      <c r="BJ7" s="3"/>
      <c r="BK7" s="3"/>
      <c r="BL7" s="3"/>
      <c r="BM7" s="3"/>
      <c r="BN7" s="3"/>
      <c r="BO7" s="3"/>
      <c r="BP7" s="3"/>
      <c r="BQ7" s="3"/>
      <c r="BR7" s="3"/>
      <c r="BS7" s="3"/>
      <c r="BT7" s="3"/>
      <c r="BU7" s="3"/>
      <c r="BV7" s="3"/>
      <c r="BW7" s="3"/>
      <c r="BX7" s="3"/>
      <c r="BY7" s="3"/>
      <c r="BZ7" s="3"/>
      <c r="CA7" s="3"/>
      <c r="CB7" s="3"/>
      <c r="CC7" s="3"/>
      <c r="CD7" s="3"/>
      <c r="CE7" s="3"/>
      <c r="CF7" s="3"/>
      <c r="CG7" s="3"/>
      <c r="CH7" s="3"/>
      <c r="CI7" s="3"/>
      <c r="CJ7" s="3"/>
      <c r="CK7" s="3"/>
      <c r="CL7" s="3"/>
      <c r="CM7" s="3"/>
      <c r="CN7" s="3"/>
      <c r="CO7" s="3"/>
      <c r="CP7" s="3"/>
      <c r="CQ7" s="3"/>
      <c r="CR7" s="3"/>
      <c r="CS7" s="3"/>
      <c r="CT7" s="3"/>
      <c r="CU7" s="3"/>
      <c r="CV7" s="3"/>
      <c r="CW7" s="3"/>
      <c r="CX7" s="3"/>
      <c r="CY7" s="3"/>
      <c r="CZ7" s="3"/>
      <c r="DA7" s="3"/>
      <c r="DB7" s="3"/>
      <c r="DC7" s="3"/>
      <c r="DD7" s="3"/>
      <c r="DE7" s="3"/>
      <c r="DF7" s="3"/>
      <c r="DG7" s="3"/>
      <c r="DH7" s="3"/>
      <c r="DI7" s="3"/>
      <c r="DJ7" s="3"/>
      <c r="DK7" s="3"/>
      <c r="DL7" s="3"/>
      <c r="DM7" s="3"/>
      <c r="DN7" s="3"/>
      <c r="DO7" s="3"/>
      <c r="DP7" s="3"/>
      <c r="DQ7" s="3"/>
      <c r="DR7" s="3"/>
      <c r="DS7" s="3"/>
      <c r="DT7" s="3"/>
      <c r="DU7" s="3"/>
      <c r="DV7" s="3"/>
      <c r="DW7" s="3"/>
      <c r="DX7" s="3"/>
      <c r="DY7" s="3"/>
      <c r="DZ7" s="3"/>
      <c r="EA7" s="3"/>
      <c r="EB7" s="3"/>
      <c r="EC7" s="3"/>
      <c r="ED7" s="3"/>
      <c r="EE7" s="3"/>
      <c r="EF7" s="3"/>
      <c r="EG7" s="3"/>
      <c r="EH7" s="3"/>
      <c r="EI7" s="3"/>
      <c r="EJ7" s="3"/>
      <c r="EK7" s="3"/>
      <c r="EL7" s="3"/>
      <c r="EM7" s="3"/>
      <c r="EN7" s="3"/>
      <c r="EO7" s="3"/>
      <c r="EP7" s="3"/>
      <c r="EQ7" s="3"/>
      <c r="ER7" s="3"/>
      <c r="ES7" s="3"/>
      <c r="ET7" s="3"/>
      <c r="EU7" s="3"/>
      <c r="EV7" s="3"/>
      <c r="EW7" s="3"/>
      <c r="EX7" s="3"/>
      <c r="EY7" s="3"/>
      <c r="EZ7" s="3"/>
      <c r="FA7" s="3"/>
      <c r="FB7" s="3"/>
      <c r="FC7" s="3"/>
      <c r="FD7" s="3"/>
      <c r="FE7" s="3"/>
      <c r="FF7" s="3"/>
      <c r="FG7" s="3"/>
      <c r="FH7" s="3"/>
      <c r="FI7" s="3"/>
      <c r="FJ7" s="3"/>
      <c r="FK7" s="3"/>
      <c r="FL7" s="3"/>
      <c r="FM7" s="3"/>
      <c r="FN7" s="3"/>
      <c r="FO7" s="3"/>
      <c r="FP7" s="3"/>
      <c r="FQ7" s="3"/>
      <c r="FR7" s="3"/>
      <c r="FS7" s="3"/>
      <c r="FT7" s="3"/>
      <c r="FU7" s="3"/>
      <c r="FV7" s="3"/>
      <c r="FW7" s="3"/>
      <c r="FX7" s="3"/>
      <c r="FY7" s="3"/>
      <c r="FZ7" s="3"/>
      <c r="GA7" s="3"/>
      <c r="GB7" s="3"/>
      <c r="GC7" s="3"/>
      <c r="GD7" s="3"/>
      <c r="GE7" s="3"/>
      <c r="GF7" s="3"/>
      <c r="GG7" s="3"/>
      <c r="GH7" s="3"/>
      <c r="GI7" s="3"/>
      <c r="GJ7" s="3"/>
      <c r="GK7" s="3"/>
      <c r="GL7" s="3"/>
      <c r="GM7" s="3"/>
      <c r="GN7" s="3"/>
      <c r="GO7" s="3"/>
      <c r="GP7" s="3"/>
      <c r="GQ7" s="3"/>
      <c r="GR7" s="3"/>
      <c r="GS7" s="3"/>
      <c r="GT7" s="3"/>
      <c r="GU7" s="3"/>
      <c r="GV7" s="3"/>
      <c r="GW7" s="3"/>
      <c r="GX7" s="3"/>
      <c r="GY7" s="3"/>
      <c r="GZ7" s="3"/>
      <c r="HA7" s="3"/>
      <c r="HB7" s="3"/>
      <c r="HC7" s="3"/>
      <c r="HD7" s="3"/>
      <c r="HE7" s="3"/>
      <c r="HF7" s="3"/>
      <c r="HG7" s="3"/>
      <c r="HH7" s="3"/>
      <c r="HI7" s="3"/>
      <c r="HJ7" s="3"/>
      <c r="HK7" s="3"/>
      <c r="HL7" s="3"/>
      <c r="HM7" s="3"/>
      <c r="HN7" s="3"/>
      <c r="HO7" s="3"/>
      <c r="HP7" s="3"/>
      <c r="HQ7" s="3"/>
      <c r="HR7" s="3"/>
      <c r="HS7" s="3"/>
      <c r="HT7" s="3"/>
      <c r="HU7" s="3"/>
      <c r="HV7" s="3"/>
      <c r="HW7" s="3"/>
      <c r="HX7" s="3"/>
      <c r="HY7" s="3"/>
      <c r="HZ7" s="3"/>
      <c r="IA7" s="3"/>
      <c r="IB7" s="3"/>
      <c r="IC7" s="3"/>
      <c r="ID7" s="3"/>
      <c r="IE7" s="3"/>
      <c r="IF7" s="3"/>
      <c r="IG7" s="3"/>
      <c r="IH7" s="3"/>
      <c r="II7" s="3"/>
      <c r="IJ7" s="3"/>
      <c r="IK7" s="3"/>
      <c r="IL7" s="3"/>
      <c r="IM7" s="3"/>
      <c r="IN7" s="3"/>
      <c r="IO7" s="3"/>
      <c r="IP7" s="3"/>
      <c r="IQ7" s="3"/>
      <c r="IR7" s="3"/>
      <c r="IS7" s="3"/>
      <c r="IT7" s="3"/>
      <c r="IU7" s="3"/>
      <c r="IV7" s="3"/>
      <c r="IW7" s="3"/>
      <c r="IX7" s="3"/>
      <c r="IY7" s="3"/>
    </row>
    <row r="8" spans="1:259" ht="361.5" customHeight="1" x14ac:dyDescent="0.2">
      <c r="A8" s="6"/>
      <c r="B8" s="6"/>
      <c r="C8" s="6"/>
      <c r="D8" s="6"/>
      <c r="E8" s="6"/>
      <c r="F8" s="6"/>
      <c r="G8" s="6"/>
      <c r="H8" s="6"/>
      <c r="I8" s="6"/>
      <c r="J8" s="6"/>
      <c r="K8" s="6"/>
      <c r="L8" s="6"/>
      <c r="M8" s="6"/>
      <c r="N8" s="7"/>
      <c r="O8" s="6"/>
      <c r="P8" s="6"/>
      <c r="Q8" s="6"/>
      <c r="R8" s="6"/>
      <c r="S8" s="6"/>
      <c r="T8" s="6"/>
      <c r="U8" s="2"/>
      <c r="V8" s="3"/>
      <c r="W8" s="3"/>
      <c r="X8" s="3"/>
      <c r="Y8" s="3"/>
      <c r="Z8" s="3"/>
      <c r="AA8" s="3"/>
      <c r="AB8" s="3"/>
      <c r="AC8" s="3"/>
      <c r="AD8" s="3"/>
      <c r="AE8" s="3"/>
      <c r="AF8" s="3"/>
      <c r="AG8" s="3"/>
      <c r="AH8" s="3"/>
      <c r="AI8" s="3"/>
      <c r="AJ8" s="3"/>
      <c r="AK8" s="3"/>
      <c r="AL8" s="3"/>
      <c r="AM8" s="3"/>
      <c r="AN8" s="3"/>
      <c r="AO8" s="3"/>
      <c r="AP8" s="3"/>
      <c r="AQ8" s="3"/>
      <c r="AR8" s="3"/>
      <c r="AS8" s="3"/>
      <c r="AT8" s="3"/>
      <c r="AU8" s="3"/>
      <c r="AV8" s="3"/>
      <c r="AW8" s="3"/>
      <c r="AX8" s="3"/>
      <c r="AY8" s="3"/>
      <c r="AZ8" s="3"/>
      <c r="BA8" s="3"/>
      <c r="BB8" s="3"/>
      <c r="BC8" s="3"/>
      <c r="BD8" s="3"/>
      <c r="BE8" s="3"/>
      <c r="BF8" s="3"/>
      <c r="BG8" s="3"/>
      <c r="BH8" s="3"/>
      <c r="BI8" s="3"/>
      <c r="BJ8" s="3"/>
      <c r="BK8" s="3"/>
      <c r="BL8" s="3"/>
      <c r="BM8" s="3"/>
      <c r="BN8" s="3"/>
      <c r="BO8" s="3"/>
      <c r="BP8" s="3"/>
      <c r="BQ8" s="3"/>
      <c r="BR8" s="3"/>
      <c r="BS8" s="3"/>
      <c r="BT8" s="3"/>
      <c r="BU8" s="3"/>
      <c r="BV8" s="3"/>
      <c r="BW8" s="3"/>
      <c r="BX8" s="3"/>
      <c r="BY8" s="3"/>
      <c r="BZ8" s="3"/>
      <c r="CA8" s="3"/>
      <c r="CB8" s="3"/>
      <c r="CC8" s="3"/>
      <c r="CD8" s="3"/>
      <c r="CE8" s="3"/>
      <c r="CF8" s="3"/>
      <c r="CG8" s="3"/>
      <c r="CH8" s="3"/>
      <c r="CI8" s="3"/>
      <c r="CJ8" s="3"/>
      <c r="CK8" s="3"/>
      <c r="CL8" s="3"/>
      <c r="CM8" s="3"/>
      <c r="CN8" s="3"/>
      <c r="CO8" s="3"/>
      <c r="CP8" s="3"/>
      <c r="CQ8" s="3"/>
      <c r="CR8" s="3"/>
      <c r="CS8" s="3"/>
      <c r="CT8" s="3"/>
      <c r="CU8" s="3"/>
      <c r="CV8" s="3"/>
      <c r="CW8" s="3"/>
      <c r="CX8" s="3"/>
      <c r="CY8" s="3"/>
      <c r="CZ8" s="3"/>
      <c r="DA8" s="3"/>
      <c r="DB8" s="3"/>
      <c r="DC8" s="3"/>
      <c r="DD8" s="3"/>
      <c r="DE8" s="3"/>
      <c r="DF8" s="3"/>
      <c r="DG8" s="3"/>
      <c r="DH8" s="3"/>
      <c r="DI8" s="3"/>
      <c r="DJ8" s="3"/>
      <c r="DK8" s="3"/>
      <c r="DL8" s="3"/>
      <c r="DM8" s="3"/>
      <c r="DN8" s="3"/>
      <c r="DO8" s="3"/>
      <c r="DP8" s="3"/>
      <c r="DQ8" s="3"/>
      <c r="DR8" s="3"/>
      <c r="DS8" s="3"/>
      <c r="DT8" s="3"/>
      <c r="DU8" s="3"/>
      <c r="DV8" s="3"/>
      <c r="DW8" s="3"/>
      <c r="DX8" s="3"/>
      <c r="DY8" s="3"/>
      <c r="DZ8" s="3"/>
      <c r="EA8" s="3"/>
      <c r="EB8" s="3"/>
      <c r="EC8" s="3"/>
      <c r="ED8" s="3"/>
      <c r="EE8" s="3"/>
      <c r="EF8" s="3"/>
      <c r="EG8" s="3"/>
      <c r="EH8" s="3"/>
      <c r="EI8" s="3"/>
      <c r="EJ8" s="3"/>
      <c r="EK8" s="3"/>
      <c r="EL8" s="3"/>
      <c r="EM8" s="3"/>
      <c r="EN8" s="3"/>
      <c r="EO8" s="3"/>
      <c r="EP8" s="3"/>
      <c r="EQ8" s="3"/>
      <c r="ER8" s="3"/>
      <c r="ES8" s="3"/>
      <c r="ET8" s="3"/>
      <c r="EU8" s="3"/>
      <c r="EV8" s="3"/>
      <c r="EW8" s="3"/>
      <c r="EX8" s="3"/>
      <c r="EY8" s="3"/>
      <c r="EZ8" s="3"/>
      <c r="FA8" s="3"/>
      <c r="FB8" s="3"/>
      <c r="FC8" s="3"/>
      <c r="FD8" s="3"/>
      <c r="FE8" s="3"/>
      <c r="FF8" s="3"/>
      <c r="FG8" s="3"/>
      <c r="FH8" s="3"/>
      <c r="FI8" s="3"/>
      <c r="FJ8" s="3"/>
      <c r="FK8" s="3"/>
      <c r="FL8" s="3"/>
      <c r="FM8" s="3"/>
      <c r="FN8" s="3"/>
      <c r="FO8" s="3"/>
      <c r="FP8" s="3"/>
      <c r="FQ8" s="3"/>
      <c r="FR8" s="3"/>
      <c r="FS8" s="3"/>
      <c r="FT8" s="3"/>
      <c r="FU8" s="3"/>
      <c r="FV8" s="3"/>
      <c r="FW8" s="3"/>
      <c r="FX8" s="3"/>
      <c r="FY8" s="3"/>
      <c r="FZ8" s="3"/>
      <c r="GA8" s="3"/>
      <c r="GB8" s="3"/>
      <c r="GC8" s="3"/>
      <c r="GD8" s="3"/>
      <c r="GE8" s="3"/>
      <c r="GF8" s="3"/>
      <c r="GG8" s="3"/>
      <c r="GH8" s="3"/>
      <c r="GI8" s="3"/>
      <c r="GJ8" s="3"/>
      <c r="GK8" s="3"/>
      <c r="GL8" s="3"/>
      <c r="GM8" s="3"/>
      <c r="GN8" s="3"/>
      <c r="GO8" s="3"/>
      <c r="GP8" s="3"/>
      <c r="GQ8" s="3"/>
      <c r="GR8" s="3"/>
      <c r="GS8" s="3"/>
      <c r="GT8" s="3"/>
      <c r="GU8" s="3"/>
      <c r="GV8" s="3"/>
      <c r="GW8" s="3"/>
      <c r="GX8" s="3"/>
      <c r="GY8" s="3"/>
      <c r="GZ8" s="3"/>
      <c r="HA8" s="3"/>
      <c r="HB8" s="3"/>
      <c r="HC8" s="3"/>
      <c r="HD8" s="3"/>
      <c r="HE8" s="3"/>
      <c r="HF8" s="3"/>
      <c r="HG8" s="3"/>
      <c r="HH8" s="3"/>
      <c r="HI8" s="3"/>
      <c r="HJ8" s="3"/>
      <c r="HK8" s="3"/>
      <c r="HL8" s="3"/>
      <c r="HM8" s="3"/>
      <c r="HN8" s="3"/>
      <c r="HO8" s="3"/>
      <c r="HP8" s="3"/>
      <c r="HQ8" s="3"/>
      <c r="HR8" s="3"/>
      <c r="HS8" s="3"/>
      <c r="HT8" s="3"/>
      <c r="HU8" s="3"/>
      <c r="HV8" s="3"/>
      <c r="HW8" s="3"/>
      <c r="HX8" s="3"/>
      <c r="HY8" s="3"/>
      <c r="HZ8" s="3"/>
      <c r="IA8" s="3"/>
      <c r="IB8" s="3"/>
      <c r="IC8" s="3"/>
      <c r="ID8" s="3"/>
      <c r="IE8" s="3"/>
      <c r="IF8" s="3"/>
      <c r="IG8" s="3"/>
      <c r="IH8" s="3"/>
      <c r="II8" s="3"/>
      <c r="IJ8" s="3"/>
      <c r="IK8" s="3"/>
      <c r="IL8" s="3"/>
      <c r="IM8" s="3"/>
      <c r="IN8" s="3"/>
      <c r="IO8" s="3"/>
      <c r="IP8" s="3"/>
      <c r="IQ8" s="3"/>
      <c r="IR8" s="3"/>
      <c r="IS8" s="3"/>
      <c r="IT8" s="3"/>
      <c r="IU8" s="3"/>
      <c r="IV8" s="3"/>
      <c r="IW8" s="3"/>
      <c r="IX8" s="3"/>
      <c r="IY8" s="3"/>
    </row>
    <row r="9" spans="1:259" ht="361.5" customHeight="1" x14ac:dyDescent="0.2">
      <c r="A9" s="6"/>
      <c r="B9" s="6"/>
      <c r="C9" s="6"/>
      <c r="D9" s="6"/>
      <c r="E9" s="6"/>
      <c r="F9" s="6"/>
      <c r="G9" s="6"/>
      <c r="H9" s="6"/>
      <c r="I9" s="6"/>
      <c r="J9" s="6"/>
      <c r="K9" s="6"/>
      <c r="L9" s="6"/>
      <c r="M9" s="6"/>
      <c r="N9" s="7"/>
      <c r="O9" s="6"/>
      <c r="P9" s="6"/>
      <c r="Q9" s="6"/>
      <c r="R9" s="6"/>
      <c r="S9" s="6"/>
      <c r="T9" s="6"/>
      <c r="U9" s="2"/>
      <c r="V9" s="3"/>
      <c r="W9" s="3"/>
      <c r="X9" s="3"/>
      <c r="Y9" s="3"/>
      <c r="Z9" s="3"/>
      <c r="AA9" s="3"/>
      <c r="AB9" s="3"/>
      <c r="AC9" s="3"/>
      <c r="AD9" s="3"/>
      <c r="AE9" s="3"/>
      <c r="AF9" s="3"/>
      <c r="AG9" s="3"/>
      <c r="AH9" s="3"/>
      <c r="AI9" s="3"/>
      <c r="AJ9" s="3"/>
      <c r="AK9" s="3"/>
      <c r="AL9" s="3"/>
      <c r="AM9" s="3"/>
      <c r="AN9" s="3"/>
      <c r="AO9" s="3"/>
      <c r="AP9" s="3"/>
      <c r="AQ9" s="3"/>
      <c r="AR9" s="3"/>
      <c r="AS9" s="3"/>
      <c r="AT9" s="3"/>
      <c r="AU9" s="3"/>
      <c r="AV9" s="3"/>
      <c r="AW9" s="3"/>
      <c r="AX9" s="3"/>
      <c r="AY9" s="3"/>
      <c r="AZ9" s="3"/>
      <c r="BA9" s="3"/>
      <c r="BB9" s="3"/>
      <c r="BC9" s="3"/>
      <c r="BD9" s="3"/>
      <c r="BE9" s="3"/>
      <c r="BF9" s="3"/>
      <c r="BG9" s="3"/>
      <c r="BH9" s="3"/>
      <c r="BI9" s="3"/>
      <c r="BJ9" s="3"/>
      <c r="BK9" s="3"/>
      <c r="BL9" s="3"/>
      <c r="BM9" s="3"/>
      <c r="BN9" s="3"/>
      <c r="BO9" s="3"/>
      <c r="BP9" s="3"/>
      <c r="BQ9" s="3"/>
      <c r="BR9" s="3"/>
      <c r="BS9" s="3"/>
      <c r="BT9" s="3"/>
      <c r="BU9" s="3"/>
      <c r="BV9" s="3"/>
      <c r="BW9" s="3"/>
      <c r="BX9" s="3"/>
      <c r="BY9" s="3"/>
      <c r="BZ9" s="3"/>
      <c r="CA9" s="3"/>
      <c r="CB9" s="3"/>
      <c r="CC9" s="3"/>
      <c r="CD9" s="3"/>
      <c r="CE9" s="3"/>
      <c r="CF9" s="3"/>
      <c r="CG9" s="3"/>
      <c r="CH9" s="3"/>
      <c r="CI9" s="3"/>
      <c r="CJ9" s="3"/>
      <c r="CK9" s="3"/>
      <c r="CL9" s="3"/>
      <c r="CM9" s="3"/>
      <c r="CN9" s="3"/>
      <c r="CO9" s="3"/>
      <c r="CP9" s="3"/>
      <c r="CQ9" s="3"/>
      <c r="CR9" s="3"/>
      <c r="CS9" s="3"/>
      <c r="CT9" s="3"/>
      <c r="CU9" s="3"/>
      <c r="CV9" s="3"/>
      <c r="CW9" s="3"/>
      <c r="CX9" s="3"/>
      <c r="CY9" s="3"/>
      <c r="CZ9" s="3"/>
      <c r="DA9" s="3"/>
      <c r="DB9" s="3"/>
      <c r="DC9" s="3"/>
      <c r="DD9" s="3"/>
      <c r="DE9" s="3"/>
      <c r="DF9" s="3"/>
      <c r="DG9" s="3"/>
      <c r="DH9" s="3"/>
      <c r="DI9" s="3"/>
      <c r="DJ9" s="3"/>
      <c r="DK9" s="3"/>
      <c r="DL9" s="3"/>
      <c r="DM9" s="3"/>
      <c r="DN9" s="3"/>
      <c r="DO9" s="3"/>
      <c r="DP9" s="3"/>
      <c r="DQ9" s="3"/>
      <c r="DR9" s="3"/>
      <c r="DS9" s="3"/>
      <c r="DT9" s="3"/>
      <c r="DU9" s="3"/>
      <c r="DV9" s="3"/>
      <c r="DW9" s="3"/>
      <c r="DX9" s="3"/>
      <c r="DY9" s="3"/>
      <c r="DZ9" s="3"/>
      <c r="EA9" s="3"/>
      <c r="EB9" s="3"/>
      <c r="EC9" s="3"/>
      <c r="ED9" s="3"/>
      <c r="EE9" s="3"/>
      <c r="EF9" s="3"/>
      <c r="EG9" s="3"/>
      <c r="EH9" s="3"/>
      <c r="EI9" s="3"/>
      <c r="EJ9" s="3"/>
      <c r="EK9" s="3"/>
      <c r="EL9" s="3"/>
      <c r="EM9" s="3"/>
      <c r="EN9" s="3"/>
      <c r="EO9" s="3"/>
      <c r="EP9" s="3"/>
      <c r="EQ9" s="3"/>
      <c r="ER9" s="3"/>
      <c r="ES9" s="3"/>
      <c r="ET9" s="3"/>
      <c r="EU9" s="3"/>
      <c r="EV9" s="3"/>
      <c r="EW9" s="3"/>
      <c r="EX9" s="3"/>
      <c r="EY9" s="3"/>
      <c r="EZ9" s="3"/>
      <c r="FA9" s="3"/>
      <c r="FB9" s="3"/>
      <c r="FC9" s="3"/>
      <c r="FD9" s="3"/>
      <c r="FE9" s="3"/>
      <c r="FF9" s="3"/>
      <c r="FG9" s="3"/>
      <c r="FH9" s="3"/>
      <c r="FI9" s="3"/>
      <c r="FJ9" s="3"/>
      <c r="FK9" s="3"/>
      <c r="FL9" s="3"/>
      <c r="FM9" s="3"/>
      <c r="FN9" s="3"/>
      <c r="FO9" s="3"/>
      <c r="FP9" s="3"/>
      <c r="FQ9" s="3"/>
      <c r="FR9" s="3"/>
      <c r="FS9" s="3"/>
      <c r="FT9" s="3"/>
      <c r="FU9" s="3"/>
      <c r="FV9" s="3"/>
      <c r="FW9" s="3"/>
      <c r="FX9" s="3"/>
      <c r="FY9" s="3"/>
      <c r="FZ9" s="3"/>
      <c r="GA9" s="3"/>
      <c r="GB9" s="3"/>
      <c r="GC9" s="3"/>
      <c r="GD9" s="3"/>
      <c r="GE9" s="3"/>
      <c r="GF9" s="3"/>
      <c r="GG9" s="3"/>
      <c r="GH9" s="3"/>
      <c r="GI9" s="3"/>
      <c r="GJ9" s="3"/>
      <c r="GK9" s="3"/>
      <c r="GL9" s="3"/>
      <c r="GM9" s="3"/>
      <c r="GN9" s="3"/>
      <c r="GO9" s="3"/>
      <c r="GP9" s="3"/>
      <c r="GQ9" s="3"/>
      <c r="GR9" s="3"/>
      <c r="GS9" s="3"/>
      <c r="GT9" s="3"/>
      <c r="GU9" s="3"/>
      <c r="GV9" s="3"/>
      <c r="GW9" s="3"/>
      <c r="GX9" s="3"/>
      <c r="GY9" s="3"/>
      <c r="GZ9" s="3"/>
      <c r="HA9" s="3"/>
      <c r="HB9" s="3"/>
      <c r="HC9" s="3"/>
      <c r="HD9" s="3"/>
      <c r="HE9" s="3"/>
      <c r="HF9" s="3"/>
      <c r="HG9" s="3"/>
      <c r="HH9" s="3"/>
      <c r="HI9" s="3"/>
      <c r="HJ9" s="3"/>
      <c r="HK9" s="3"/>
      <c r="HL9" s="3"/>
      <c r="HM9" s="3"/>
      <c r="HN9" s="3"/>
      <c r="HO9" s="3"/>
      <c r="HP9" s="3"/>
      <c r="HQ9" s="3"/>
      <c r="HR9" s="3"/>
      <c r="HS9" s="3"/>
      <c r="HT9" s="3"/>
      <c r="HU9" s="3"/>
      <c r="HV9" s="3"/>
      <c r="HW9" s="3"/>
      <c r="HX9" s="3"/>
      <c r="HY9" s="3"/>
      <c r="HZ9" s="3"/>
      <c r="IA9" s="3"/>
      <c r="IB9" s="3"/>
      <c r="IC9" s="3"/>
      <c r="ID9" s="3"/>
      <c r="IE9" s="3"/>
      <c r="IF9" s="3"/>
      <c r="IG9" s="3"/>
      <c r="IH9" s="3"/>
      <c r="II9" s="3"/>
      <c r="IJ9" s="3"/>
      <c r="IK9" s="3"/>
      <c r="IL9" s="3"/>
      <c r="IM9" s="3"/>
      <c r="IN9" s="3"/>
      <c r="IO9" s="3"/>
      <c r="IP9" s="3"/>
      <c r="IQ9" s="3"/>
      <c r="IR9" s="3"/>
      <c r="IS9" s="3"/>
      <c r="IT9" s="3"/>
      <c r="IU9" s="3"/>
      <c r="IV9" s="3"/>
      <c r="IW9" s="3"/>
      <c r="IX9" s="3"/>
      <c r="IY9" s="3"/>
    </row>
    <row r="10" spans="1:259" ht="187.5" customHeight="1" x14ac:dyDescent="0.2">
      <c r="A10" s="8" t="s">
        <v>2</v>
      </c>
      <c r="B10" s="8"/>
      <c r="C10" s="8"/>
      <c r="D10" s="8"/>
      <c r="E10" s="8"/>
      <c r="F10" s="8"/>
      <c r="G10" s="8"/>
      <c r="H10" s="8"/>
      <c r="I10" s="8"/>
      <c r="J10" s="8"/>
      <c r="K10" s="8"/>
      <c r="L10" s="8"/>
      <c r="M10" s="8"/>
      <c r="N10" s="8"/>
      <c r="O10" s="8"/>
      <c r="P10" s="8"/>
      <c r="Q10" s="8"/>
      <c r="R10" s="8"/>
      <c r="S10" s="8"/>
      <c r="T10" s="8"/>
      <c r="U10" s="2"/>
      <c r="V10" s="3"/>
      <c r="W10" s="3"/>
      <c r="X10" s="3"/>
      <c r="Y10" s="3"/>
      <c r="Z10" s="3"/>
      <c r="AA10" s="3"/>
      <c r="AB10" s="3"/>
      <c r="AC10" s="3"/>
      <c r="AD10" s="3"/>
      <c r="AE10" s="3"/>
      <c r="AF10" s="3"/>
      <c r="AG10" s="3"/>
      <c r="AH10" s="3"/>
      <c r="AI10" s="3"/>
      <c r="AJ10" s="3"/>
      <c r="AK10" s="3"/>
      <c r="AL10" s="3"/>
      <c r="AM10" s="3"/>
      <c r="AN10" s="3"/>
      <c r="AO10" s="3"/>
      <c r="AP10" s="3"/>
      <c r="AQ10" s="3"/>
      <c r="AR10" s="3"/>
      <c r="AS10" s="3"/>
      <c r="AT10" s="3"/>
      <c r="AU10" s="3"/>
      <c r="AV10" s="3"/>
      <c r="AW10" s="3"/>
      <c r="AX10" s="3"/>
      <c r="AY10" s="3"/>
      <c r="AZ10" s="3"/>
      <c r="BA10" s="3"/>
      <c r="BB10" s="3"/>
      <c r="BC10" s="3"/>
      <c r="BD10" s="3"/>
      <c r="BE10" s="3"/>
      <c r="BF10" s="3"/>
      <c r="BG10" s="3"/>
      <c r="BH10" s="3"/>
      <c r="BI10" s="3"/>
      <c r="BJ10" s="3"/>
      <c r="BK10" s="3"/>
      <c r="BL10" s="3"/>
      <c r="BM10" s="3"/>
      <c r="BN10" s="3"/>
      <c r="BO10" s="3"/>
      <c r="BP10" s="3"/>
      <c r="BQ10" s="3"/>
      <c r="BR10" s="3"/>
      <c r="BS10" s="3"/>
      <c r="BT10" s="3"/>
      <c r="BU10" s="3"/>
      <c r="BV10" s="3"/>
      <c r="BW10" s="3"/>
      <c r="BX10" s="3"/>
      <c r="BY10" s="3"/>
      <c r="BZ10" s="3"/>
      <c r="CA10" s="3"/>
      <c r="CB10" s="3"/>
      <c r="CC10" s="3"/>
      <c r="CD10" s="3"/>
      <c r="CE10" s="3"/>
      <c r="CF10" s="3"/>
      <c r="CG10" s="3"/>
      <c r="CH10" s="3"/>
      <c r="CI10" s="3"/>
      <c r="CJ10" s="3"/>
      <c r="CK10" s="3"/>
      <c r="CL10" s="3"/>
      <c r="CM10" s="3"/>
      <c r="CN10" s="3"/>
      <c r="CO10" s="3"/>
      <c r="CP10" s="3"/>
      <c r="CQ10" s="3"/>
      <c r="CR10" s="3"/>
      <c r="CS10" s="3"/>
      <c r="CT10" s="3"/>
      <c r="CU10" s="3"/>
      <c r="CV10" s="3"/>
      <c r="CW10" s="3"/>
      <c r="CX10" s="3"/>
      <c r="CY10" s="3"/>
      <c r="CZ10" s="3"/>
      <c r="DA10" s="3"/>
      <c r="DB10" s="3"/>
      <c r="DC10" s="3"/>
      <c r="DD10" s="3"/>
      <c r="DE10" s="3"/>
      <c r="DF10" s="3"/>
      <c r="DG10" s="3"/>
      <c r="DH10" s="3"/>
      <c r="DI10" s="3"/>
      <c r="DJ10" s="3"/>
      <c r="DK10" s="3"/>
      <c r="DL10" s="3"/>
      <c r="DM10" s="3"/>
      <c r="DN10" s="3"/>
      <c r="DO10" s="3"/>
      <c r="DP10" s="3"/>
      <c r="DQ10" s="3"/>
      <c r="DR10" s="3"/>
      <c r="DS10" s="3"/>
      <c r="DT10" s="3"/>
      <c r="DU10" s="3"/>
      <c r="DV10" s="3"/>
      <c r="DW10" s="3"/>
      <c r="DX10" s="3"/>
      <c r="DY10" s="3"/>
      <c r="DZ10" s="3"/>
      <c r="EA10" s="3"/>
      <c r="EB10" s="3"/>
      <c r="EC10" s="3"/>
      <c r="ED10" s="3"/>
      <c r="EE10" s="3"/>
      <c r="EF10" s="3"/>
      <c r="EG10" s="3"/>
      <c r="EH10" s="3"/>
      <c r="EI10" s="3"/>
      <c r="EJ10" s="3"/>
      <c r="EK10" s="3"/>
      <c r="EL10" s="3"/>
      <c r="EM10" s="3"/>
      <c r="EN10" s="3"/>
      <c r="EO10" s="3"/>
      <c r="EP10" s="3"/>
      <c r="EQ10" s="3"/>
      <c r="ER10" s="3"/>
      <c r="ES10" s="3"/>
      <c r="ET10" s="3"/>
      <c r="EU10" s="3"/>
      <c r="EV10" s="3"/>
      <c r="EW10" s="3"/>
      <c r="EX10" s="3"/>
      <c r="EY10" s="3"/>
      <c r="EZ10" s="3"/>
      <c r="FA10" s="3"/>
      <c r="FB10" s="3"/>
      <c r="FC10" s="3"/>
      <c r="FD10" s="3"/>
      <c r="FE10" s="3"/>
      <c r="FF10" s="3"/>
      <c r="FG10" s="3"/>
      <c r="FH10" s="3"/>
      <c r="FI10" s="3"/>
      <c r="FJ10" s="3"/>
      <c r="FK10" s="3"/>
      <c r="FL10" s="3"/>
      <c r="FM10" s="3"/>
      <c r="FN10" s="3"/>
      <c r="FO10" s="3"/>
      <c r="FP10" s="3"/>
      <c r="FQ10" s="3"/>
      <c r="FR10" s="3"/>
      <c r="FS10" s="3"/>
      <c r="FT10" s="3"/>
      <c r="FU10" s="3"/>
      <c r="FV10" s="3"/>
      <c r="FW10" s="3"/>
      <c r="FX10" s="3"/>
      <c r="FY10" s="3"/>
      <c r="FZ10" s="3"/>
      <c r="GA10" s="3"/>
      <c r="GB10" s="3"/>
      <c r="GC10" s="3"/>
      <c r="GD10" s="3"/>
      <c r="GE10" s="3"/>
      <c r="GF10" s="3"/>
      <c r="GG10" s="3"/>
      <c r="GH10" s="3"/>
      <c r="GI10" s="3"/>
      <c r="GJ10" s="3"/>
      <c r="GK10" s="3"/>
      <c r="GL10" s="3"/>
      <c r="GM10" s="3"/>
      <c r="GN10" s="3"/>
      <c r="GO10" s="3"/>
      <c r="GP10" s="3"/>
      <c r="GQ10" s="3"/>
      <c r="GR10" s="3"/>
      <c r="GS10" s="3"/>
      <c r="GT10" s="3"/>
      <c r="GU10" s="3"/>
      <c r="GV10" s="3"/>
      <c r="GW10" s="3"/>
      <c r="GX10" s="3"/>
      <c r="GY10" s="3"/>
      <c r="GZ10" s="3"/>
      <c r="HA10" s="3"/>
      <c r="HB10" s="3"/>
      <c r="HC10" s="3"/>
      <c r="HD10" s="3"/>
      <c r="HE10" s="3"/>
      <c r="HF10" s="3"/>
      <c r="HG10" s="3"/>
      <c r="HH10" s="3"/>
      <c r="HI10" s="3"/>
      <c r="HJ10" s="3"/>
      <c r="HK10" s="3"/>
      <c r="HL10" s="3"/>
      <c r="HM10" s="3"/>
      <c r="HN10" s="3"/>
      <c r="HO10" s="3"/>
      <c r="HP10" s="3"/>
      <c r="HQ10" s="3"/>
      <c r="HR10" s="3"/>
      <c r="HS10" s="3"/>
      <c r="HT10" s="3"/>
      <c r="HU10" s="3"/>
      <c r="HV10" s="3"/>
      <c r="HW10" s="3"/>
      <c r="HX10" s="3"/>
      <c r="HY10" s="3"/>
      <c r="HZ10" s="3"/>
      <c r="IA10" s="3"/>
      <c r="IB10" s="3"/>
      <c r="IC10" s="3"/>
      <c r="ID10" s="3"/>
      <c r="IE10" s="3"/>
      <c r="IF10" s="3"/>
      <c r="IG10" s="3"/>
      <c r="IH10" s="3"/>
      <c r="II10" s="3"/>
      <c r="IJ10" s="3"/>
      <c r="IK10" s="3"/>
      <c r="IL10" s="3"/>
      <c r="IM10" s="3"/>
      <c r="IN10" s="3"/>
      <c r="IO10" s="3"/>
      <c r="IP10" s="3"/>
      <c r="IQ10" s="3"/>
      <c r="IR10" s="3"/>
      <c r="IS10" s="3"/>
      <c r="IT10" s="3"/>
      <c r="IU10" s="3"/>
      <c r="IV10" s="3"/>
      <c r="IW10" s="3"/>
      <c r="IX10" s="3"/>
      <c r="IY10" s="3"/>
    </row>
    <row r="11" spans="1:259" ht="55.2" x14ac:dyDescent="0.2">
      <c r="A11" s="6"/>
      <c r="B11" s="9" t="s">
        <v>3</v>
      </c>
      <c r="C11" s="10"/>
      <c r="D11" s="11" t="s">
        <v>4</v>
      </c>
      <c r="E11" s="12"/>
      <c r="F11" s="12"/>
      <c r="G11" s="12"/>
      <c r="H11" s="12"/>
      <c r="I11" s="13"/>
      <c r="J11" s="13"/>
      <c r="K11" s="13"/>
      <c r="L11" s="14"/>
      <c r="M11" s="14"/>
      <c r="N11" s="7"/>
      <c r="O11" s="6"/>
      <c r="P11" s="6"/>
      <c r="Q11" s="6"/>
      <c r="R11" s="6"/>
      <c r="S11" s="6"/>
      <c r="T11" s="6"/>
      <c r="U11" s="2"/>
      <c r="V11" s="3"/>
      <c r="W11" s="3"/>
      <c r="X11" s="3"/>
      <c r="Y11" s="3"/>
      <c r="Z11" s="3"/>
      <c r="AA11" s="3"/>
      <c r="AB11" s="3"/>
      <c r="AC11" s="3"/>
      <c r="AD11" s="3"/>
      <c r="AE11" s="3"/>
      <c r="AF11" s="3"/>
      <c r="AG11" s="3"/>
      <c r="AH11" s="3"/>
      <c r="AI11" s="3"/>
      <c r="AJ11" s="3"/>
      <c r="AK11" s="3"/>
      <c r="AL11" s="3"/>
      <c r="AM11" s="3"/>
      <c r="AN11" s="3"/>
      <c r="AO11" s="3"/>
      <c r="AP11" s="3"/>
      <c r="AQ11" s="3"/>
      <c r="AR11" s="3"/>
      <c r="AS11" s="3"/>
      <c r="AT11" s="3"/>
      <c r="AU11" s="3"/>
      <c r="AV11" s="3"/>
      <c r="AW11" s="3"/>
      <c r="AX11" s="3"/>
      <c r="AY11" s="3"/>
      <c r="AZ11" s="3"/>
      <c r="BA11" s="3"/>
      <c r="BB11" s="3"/>
      <c r="BC11" s="3"/>
      <c r="BD11" s="3"/>
      <c r="BE11" s="3"/>
      <c r="BF11" s="3"/>
      <c r="BG11" s="3"/>
      <c r="BH11" s="3"/>
      <c r="BI11" s="3"/>
      <c r="BJ11" s="3"/>
      <c r="BK11" s="3"/>
      <c r="BL11" s="3"/>
      <c r="BM11" s="3"/>
      <c r="BN11" s="3"/>
      <c r="BO11" s="3"/>
      <c r="BP11" s="3"/>
      <c r="BQ11" s="3"/>
      <c r="BR11" s="3"/>
      <c r="BS11" s="3"/>
      <c r="BT11" s="3"/>
      <c r="BU11" s="3"/>
      <c r="BV11" s="3"/>
      <c r="BW11" s="3"/>
      <c r="BX11" s="3"/>
      <c r="BY11" s="3"/>
      <c r="BZ11" s="3"/>
      <c r="CA11" s="3"/>
      <c r="CB11" s="3"/>
      <c r="CC11" s="3"/>
      <c r="CD11" s="3"/>
      <c r="CE11" s="3"/>
      <c r="CF11" s="3"/>
      <c r="CG11" s="3"/>
      <c r="CH11" s="3"/>
      <c r="CI11" s="3"/>
      <c r="CJ11" s="3"/>
      <c r="CK11" s="3"/>
      <c r="CL11" s="3"/>
      <c r="CM11" s="3"/>
      <c r="CN11" s="3"/>
      <c r="CO11" s="3"/>
      <c r="CP11" s="3"/>
      <c r="CQ11" s="3"/>
      <c r="CR11" s="3"/>
      <c r="CS11" s="3"/>
      <c r="CT11" s="3"/>
      <c r="CU11" s="3"/>
      <c r="CV11" s="3"/>
      <c r="CW11" s="3"/>
      <c r="CX11" s="3"/>
      <c r="CY11" s="3"/>
      <c r="CZ11" s="3"/>
      <c r="DA11" s="3"/>
      <c r="DB11" s="3"/>
      <c r="DC11" s="3"/>
      <c r="DD11" s="3"/>
      <c r="DE11" s="3"/>
      <c r="DF11" s="3"/>
      <c r="DG11" s="3"/>
      <c r="DH11" s="3"/>
      <c r="DI11" s="3"/>
      <c r="DJ11" s="3"/>
      <c r="DK11" s="3"/>
      <c r="DL11" s="3"/>
      <c r="DM11" s="3"/>
      <c r="DN11" s="3"/>
      <c r="DO11" s="3"/>
      <c r="DP11" s="3"/>
      <c r="DQ11" s="3"/>
      <c r="DR11" s="3"/>
      <c r="DS11" s="3"/>
      <c r="DT11" s="3"/>
      <c r="DU11" s="3"/>
      <c r="DV11" s="3"/>
      <c r="DW11" s="3"/>
      <c r="DX11" s="3"/>
      <c r="DY11" s="3"/>
      <c r="DZ11" s="3"/>
      <c r="EA11" s="3"/>
      <c r="EB11" s="3"/>
      <c r="EC11" s="3"/>
      <c r="ED11" s="3"/>
      <c r="EE11" s="3"/>
      <c r="EF11" s="3"/>
      <c r="EG11" s="3"/>
      <c r="EH11" s="3"/>
      <c r="EI11" s="3"/>
      <c r="EJ11" s="3"/>
      <c r="EK11" s="3"/>
      <c r="EL11" s="3"/>
      <c r="EM11" s="3"/>
      <c r="EN11" s="3"/>
      <c r="EO11" s="3"/>
      <c r="EP11" s="3"/>
      <c r="EQ11" s="3"/>
      <c r="ER11" s="3"/>
      <c r="ES11" s="3"/>
      <c r="ET11" s="3"/>
      <c r="EU11" s="3"/>
      <c r="EV11" s="3"/>
      <c r="EW11" s="3"/>
      <c r="EX11" s="3"/>
      <c r="EY11" s="3"/>
      <c r="EZ11" s="3"/>
      <c r="FA11" s="3"/>
      <c r="FB11" s="3"/>
      <c r="FC11" s="3"/>
      <c r="FD11" s="3"/>
      <c r="FE11" s="3"/>
      <c r="FF11" s="3"/>
      <c r="FG11" s="3"/>
      <c r="FH11" s="3"/>
      <c r="FI11" s="3"/>
      <c r="FJ11" s="3"/>
      <c r="FK11" s="3"/>
      <c r="FL11" s="3"/>
      <c r="FM11" s="3"/>
      <c r="FN11" s="3"/>
      <c r="FO11" s="3"/>
      <c r="FP11" s="3"/>
      <c r="FQ11" s="3"/>
      <c r="FR11" s="3"/>
      <c r="FS11" s="3"/>
      <c r="FT11" s="3"/>
      <c r="FU11" s="3"/>
      <c r="FV11" s="3"/>
      <c r="FW11" s="3"/>
      <c r="FX11" s="3"/>
      <c r="FY11" s="3"/>
      <c r="FZ11" s="3"/>
      <c r="GA11" s="3"/>
      <c r="GB11" s="3"/>
      <c r="GC11" s="3"/>
      <c r="GD11" s="3"/>
      <c r="GE11" s="3"/>
      <c r="GF11" s="3"/>
      <c r="GG11" s="3"/>
      <c r="GH11" s="3"/>
      <c r="GI11" s="3"/>
      <c r="GJ11" s="3"/>
      <c r="GK11" s="3"/>
      <c r="GL11" s="3"/>
      <c r="GM11" s="3"/>
      <c r="GN11" s="3"/>
      <c r="GO11" s="3"/>
      <c r="GP11" s="3"/>
      <c r="GQ11" s="3"/>
      <c r="GR11" s="3"/>
      <c r="GS11" s="3"/>
      <c r="GT11" s="3"/>
      <c r="GU11" s="3"/>
      <c r="GV11" s="3"/>
      <c r="GW11" s="3"/>
      <c r="GX11" s="3"/>
      <c r="GY11" s="3"/>
      <c r="GZ11" s="3"/>
      <c r="HA11" s="3"/>
      <c r="HB11" s="3"/>
      <c r="HC11" s="3"/>
      <c r="HD11" s="3"/>
      <c r="HE11" s="3"/>
      <c r="HF11" s="3"/>
      <c r="HG11" s="3"/>
      <c r="HH11" s="3"/>
      <c r="HI11" s="3"/>
      <c r="HJ11" s="3"/>
      <c r="HK11" s="3"/>
      <c r="HL11" s="3"/>
      <c r="HM11" s="3"/>
      <c r="HN11" s="3"/>
      <c r="HO11" s="3"/>
      <c r="HP11" s="3"/>
      <c r="HQ11" s="3"/>
      <c r="HR11" s="3"/>
      <c r="HS11" s="3"/>
      <c r="HT11" s="3"/>
      <c r="HU11" s="3"/>
      <c r="HV11" s="3"/>
      <c r="HW11" s="3"/>
      <c r="HX11" s="3"/>
      <c r="HY11" s="3"/>
      <c r="HZ11" s="3"/>
      <c r="IA11" s="3"/>
      <c r="IB11" s="3"/>
      <c r="IC11" s="3"/>
      <c r="ID11" s="3"/>
      <c r="IE11" s="3"/>
      <c r="IF11" s="3"/>
      <c r="IG11" s="3"/>
      <c r="IH11" s="3"/>
      <c r="II11" s="3"/>
      <c r="IJ11" s="3"/>
      <c r="IK11" s="3"/>
      <c r="IL11" s="3"/>
      <c r="IM11" s="3"/>
      <c r="IN11" s="3"/>
      <c r="IO11" s="3"/>
      <c r="IP11" s="3"/>
      <c r="IQ11" s="3"/>
      <c r="IR11" s="3"/>
      <c r="IS11" s="3"/>
      <c r="IT11" s="3"/>
      <c r="IU11" s="3"/>
      <c r="IV11" s="3"/>
      <c r="IW11" s="3"/>
      <c r="IX11" s="3"/>
      <c r="IY11" s="3"/>
    </row>
    <row r="12" spans="1:259" ht="55.2" x14ac:dyDescent="0.2">
      <c r="A12" s="6"/>
      <c r="B12" s="9" t="s">
        <v>5</v>
      </c>
      <c r="C12" s="10"/>
      <c r="D12" s="11" t="s">
        <v>6</v>
      </c>
      <c r="E12" s="12"/>
      <c r="F12" s="12"/>
      <c r="G12" s="12"/>
      <c r="H12" s="12"/>
      <c r="I12" s="13"/>
      <c r="J12" s="13"/>
      <c r="K12" s="13"/>
      <c r="L12" s="14"/>
      <c r="M12" s="14"/>
      <c r="N12" s="7"/>
      <c r="O12" s="6"/>
      <c r="P12" s="6"/>
      <c r="Q12" s="6"/>
      <c r="R12" s="6"/>
      <c r="S12" s="6"/>
      <c r="T12" s="6"/>
      <c r="U12" s="2"/>
      <c r="V12" s="3"/>
      <c r="W12" s="3"/>
      <c r="X12" s="3"/>
      <c r="Y12" s="3"/>
      <c r="Z12" s="3"/>
      <c r="AA12" s="3"/>
      <c r="AB12" s="3"/>
      <c r="AC12" s="3"/>
      <c r="AD12" s="3"/>
      <c r="AE12" s="3"/>
      <c r="AF12" s="3"/>
      <c r="AG12" s="3"/>
      <c r="AH12" s="3"/>
      <c r="AI12" s="3"/>
      <c r="AJ12" s="3"/>
      <c r="AK12" s="3"/>
      <c r="AL12" s="3"/>
      <c r="AM12" s="3"/>
      <c r="AN12" s="3"/>
      <c r="AO12" s="3"/>
      <c r="AP12" s="3"/>
      <c r="AQ12" s="3"/>
      <c r="AR12" s="3"/>
      <c r="AS12" s="3"/>
      <c r="AT12" s="3"/>
      <c r="AU12" s="3"/>
      <c r="AV12" s="3"/>
      <c r="AW12" s="3"/>
      <c r="AX12" s="3"/>
      <c r="AY12" s="3"/>
      <c r="AZ12" s="3"/>
      <c r="BA12" s="3"/>
      <c r="BB12" s="3"/>
      <c r="BC12" s="3"/>
      <c r="BD12" s="3"/>
      <c r="BE12" s="3"/>
      <c r="BF12" s="3"/>
      <c r="BG12" s="3"/>
      <c r="BH12" s="3"/>
      <c r="BI12" s="3"/>
      <c r="BJ12" s="3"/>
      <c r="BK12" s="3"/>
      <c r="BL12" s="3"/>
      <c r="BM12" s="3"/>
      <c r="BN12" s="3"/>
      <c r="BO12" s="3"/>
      <c r="BP12" s="3"/>
      <c r="BQ12" s="3"/>
      <c r="BR12" s="3"/>
      <c r="BS12" s="3"/>
      <c r="BT12" s="3"/>
      <c r="BU12" s="3"/>
      <c r="BV12" s="3"/>
      <c r="BW12" s="3"/>
      <c r="BX12" s="3"/>
      <c r="BY12" s="3"/>
      <c r="BZ12" s="3"/>
      <c r="CA12" s="3"/>
      <c r="CB12" s="3"/>
      <c r="CC12" s="3"/>
      <c r="CD12" s="3"/>
      <c r="CE12" s="3"/>
      <c r="CF12" s="3"/>
      <c r="CG12" s="3"/>
      <c r="CH12" s="3"/>
      <c r="CI12" s="3"/>
      <c r="CJ12" s="3"/>
      <c r="CK12" s="3"/>
      <c r="CL12" s="3"/>
      <c r="CM12" s="3"/>
      <c r="CN12" s="3"/>
      <c r="CO12" s="3"/>
      <c r="CP12" s="3"/>
      <c r="CQ12" s="3"/>
      <c r="CR12" s="3"/>
      <c r="CS12" s="3"/>
      <c r="CT12" s="3"/>
      <c r="CU12" s="3"/>
      <c r="CV12" s="3"/>
      <c r="CW12" s="3"/>
      <c r="CX12" s="3"/>
      <c r="CY12" s="3"/>
      <c r="CZ12" s="3"/>
      <c r="DA12" s="3"/>
      <c r="DB12" s="3"/>
      <c r="DC12" s="3"/>
      <c r="DD12" s="3"/>
      <c r="DE12" s="3"/>
      <c r="DF12" s="3"/>
      <c r="DG12" s="3"/>
      <c r="DH12" s="3"/>
      <c r="DI12" s="3"/>
      <c r="DJ12" s="3"/>
      <c r="DK12" s="3"/>
      <c r="DL12" s="3"/>
      <c r="DM12" s="3"/>
      <c r="DN12" s="3"/>
      <c r="DO12" s="3"/>
      <c r="DP12" s="3"/>
      <c r="DQ12" s="3"/>
      <c r="DR12" s="3"/>
      <c r="DS12" s="3"/>
      <c r="DT12" s="3"/>
      <c r="DU12" s="3"/>
      <c r="DV12" s="3"/>
      <c r="DW12" s="3"/>
      <c r="DX12" s="3"/>
      <c r="DY12" s="3"/>
      <c r="DZ12" s="3"/>
      <c r="EA12" s="3"/>
      <c r="EB12" s="3"/>
      <c r="EC12" s="3"/>
      <c r="ED12" s="3"/>
      <c r="EE12" s="3"/>
      <c r="EF12" s="3"/>
      <c r="EG12" s="3"/>
      <c r="EH12" s="3"/>
      <c r="EI12" s="3"/>
      <c r="EJ12" s="3"/>
      <c r="EK12" s="3"/>
      <c r="EL12" s="3"/>
      <c r="EM12" s="3"/>
      <c r="EN12" s="3"/>
      <c r="EO12" s="3"/>
      <c r="EP12" s="3"/>
      <c r="EQ12" s="3"/>
      <c r="ER12" s="3"/>
      <c r="ES12" s="3"/>
      <c r="ET12" s="3"/>
      <c r="EU12" s="3"/>
      <c r="EV12" s="3"/>
      <c r="EW12" s="3"/>
      <c r="EX12" s="3"/>
      <c r="EY12" s="3"/>
      <c r="EZ12" s="3"/>
      <c r="FA12" s="3"/>
      <c r="FB12" s="3"/>
      <c r="FC12" s="3"/>
      <c r="FD12" s="3"/>
      <c r="FE12" s="3"/>
      <c r="FF12" s="3"/>
      <c r="FG12" s="3"/>
      <c r="FH12" s="3"/>
      <c r="FI12" s="3"/>
      <c r="FJ12" s="3"/>
      <c r="FK12" s="3"/>
      <c r="FL12" s="3"/>
      <c r="FM12" s="3"/>
      <c r="FN12" s="3"/>
      <c r="FO12" s="3"/>
      <c r="FP12" s="3"/>
      <c r="FQ12" s="3"/>
      <c r="FR12" s="3"/>
      <c r="FS12" s="3"/>
      <c r="FT12" s="3"/>
      <c r="FU12" s="3"/>
      <c r="FV12" s="3"/>
      <c r="FW12" s="3"/>
      <c r="FX12" s="3"/>
      <c r="FY12" s="3"/>
      <c r="FZ12" s="3"/>
      <c r="GA12" s="3"/>
      <c r="GB12" s="3"/>
      <c r="GC12" s="3"/>
      <c r="GD12" s="3"/>
      <c r="GE12" s="3"/>
      <c r="GF12" s="3"/>
      <c r="GG12" s="3"/>
      <c r="GH12" s="3"/>
      <c r="GI12" s="3"/>
      <c r="GJ12" s="3"/>
      <c r="GK12" s="3"/>
      <c r="GL12" s="3"/>
      <c r="GM12" s="3"/>
      <c r="GN12" s="3"/>
      <c r="GO12" s="3"/>
      <c r="GP12" s="3"/>
      <c r="GQ12" s="3"/>
      <c r="GR12" s="3"/>
      <c r="GS12" s="3"/>
      <c r="GT12" s="3"/>
      <c r="GU12" s="3"/>
      <c r="GV12" s="3"/>
      <c r="GW12" s="3"/>
      <c r="GX12" s="3"/>
      <c r="GY12" s="3"/>
      <c r="GZ12" s="3"/>
      <c r="HA12" s="3"/>
      <c r="HB12" s="3"/>
      <c r="HC12" s="3"/>
      <c r="HD12" s="3"/>
      <c r="HE12" s="3"/>
      <c r="HF12" s="3"/>
      <c r="HG12" s="3"/>
      <c r="HH12" s="3"/>
      <c r="HI12" s="3"/>
      <c r="HJ12" s="3"/>
      <c r="HK12" s="3"/>
      <c r="HL12" s="3"/>
      <c r="HM12" s="3"/>
      <c r="HN12" s="3"/>
      <c r="HO12" s="3"/>
      <c r="HP12" s="3"/>
      <c r="HQ12" s="3"/>
      <c r="HR12" s="3"/>
      <c r="HS12" s="3"/>
      <c r="HT12" s="3"/>
      <c r="HU12" s="3"/>
      <c r="HV12" s="3"/>
      <c r="HW12" s="3"/>
      <c r="HX12" s="3"/>
      <c r="HY12" s="3"/>
      <c r="HZ12" s="3"/>
      <c r="IA12" s="3"/>
      <c r="IB12" s="3"/>
      <c r="IC12" s="3"/>
      <c r="ID12" s="3"/>
      <c r="IE12" s="3"/>
      <c r="IF12" s="3"/>
      <c r="IG12" s="3"/>
      <c r="IH12" s="3"/>
      <c r="II12" s="3"/>
      <c r="IJ12" s="3"/>
      <c r="IK12" s="3"/>
      <c r="IL12" s="3"/>
      <c r="IM12" s="3"/>
      <c r="IN12" s="3"/>
      <c r="IO12" s="3"/>
      <c r="IP12" s="3"/>
      <c r="IQ12" s="3"/>
      <c r="IR12" s="3"/>
      <c r="IS12" s="3"/>
      <c r="IT12" s="3"/>
      <c r="IU12" s="3"/>
      <c r="IV12" s="3"/>
      <c r="IW12" s="3"/>
      <c r="IX12" s="3"/>
      <c r="IY12" s="3"/>
    </row>
    <row r="13" spans="1:259" ht="55.2" x14ac:dyDescent="0.2">
      <c r="A13" s="6"/>
      <c r="B13" s="9" t="s">
        <v>7</v>
      </c>
      <c r="C13" s="10"/>
      <c r="D13" s="11" t="s">
        <v>8</v>
      </c>
      <c r="E13" s="12"/>
      <c r="F13" s="12"/>
      <c r="G13" s="12"/>
      <c r="H13" s="12"/>
      <c r="I13" s="13"/>
      <c r="J13" s="13"/>
      <c r="K13" s="13"/>
      <c r="L13" s="14"/>
      <c r="M13" s="14"/>
      <c r="N13" s="7"/>
      <c r="O13" s="6"/>
      <c r="P13" s="6"/>
      <c r="Q13" s="6"/>
      <c r="R13" s="6"/>
      <c r="S13" s="6"/>
      <c r="T13" s="6"/>
      <c r="U13" s="2"/>
      <c r="V13" s="3"/>
      <c r="W13" s="3"/>
      <c r="X13" s="3"/>
      <c r="Y13" s="3"/>
      <c r="Z13" s="3"/>
      <c r="AA13" s="3"/>
      <c r="AB13" s="3"/>
      <c r="AC13" s="3"/>
      <c r="AD13" s="3"/>
      <c r="AE13" s="3"/>
      <c r="AF13" s="3"/>
      <c r="AG13" s="3"/>
      <c r="AH13" s="3"/>
      <c r="AI13" s="3"/>
      <c r="AJ13" s="3"/>
      <c r="AK13" s="3"/>
      <c r="AL13" s="3"/>
      <c r="AM13" s="3"/>
      <c r="AN13" s="3"/>
      <c r="AO13" s="3"/>
      <c r="AP13" s="3"/>
      <c r="AQ13" s="3"/>
      <c r="AR13" s="3"/>
      <c r="AS13" s="3"/>
      <c r="AT13" s="3"/>
      <c r="AU13" s="3"/>
      <c r="AV13" s="3"/>
      <c r="AW13" s="3"/>
      <c r="AX13" s="3"/>
      <c r="AY13" s="3"/>
      <c r="AZ13" s="3"/>
      <c r="BA13" s="3"/>
      <c r="BB13" s="3"/>
      <c r="BC13" s="3"/>
      <c r="BD13" s="3"/>
      <c r="BE13" s="3"/>
      <c r="BF13" s="3"/>
      <c r="BG13" s="3"/>
      <c r="BH13" s="3"/>
      <c r="BI13" s="3"/>
      <c r="BJ13" s="3"/>
      <c r="BK13" s="3"/>
      <c r="BL13" s="3"/>
      <c r="BM13" s="3"/>
      <c r="BN13" s="3"/>
      <c r="BO13" s="3"/>
      <c r="BP13" s="3"/>
      <c r="BQ13" s="3"/>
      <c r="BR13" s="3"/>
      <c r="BS13" s="3"/>
      <c r="BT13" s="3"/>
      <c r="BU13" s="3"/>
      <c r="BV13" s="3"/>
      <c r="BW13" s="3"/>
      <c r="BX13" s="3"/>
      <c r="BY13" s="3"/>
      <c r="BZ13" s="3"/>
      <c r="CA13" s="3"/>
      <c r="CB13" s="3"/>
      <c r="CC13" s="3"/>
      <c r="CD13" s="3"/>
      <c r="CE13" s="3"/>
      <c r="CF13" s="3"/>
      <c r="CG13" s="3"/>
      <c r="CH13" s="3"/>
      <c r="CI13" s="3"/>
      <c r="CJ13" s="3"/>
      <c r="CK13" s="3"/>
      <c r="CL13" s="3"/>
      <c r="CM13" s="3"/>
      <c r="CN13" s="3"/>
      <c r="CO13" s="3"/>
      <c r="CP13" s="3"/>
      <c r="CQ13" s="3"/>
      <c r="CR13" s="3"/>
      <c r="CS13" s="3"/>
      <c r="CT13" s="3"/>
      <c r="CU13" s="3"/>
      <c r="CV13" s="3"/>
      <c r="CW13" s="3"/>
      <c r="CX13" s="3"/>
      <c r="CY13" s="3"/>
      <c r="CZ13" s="3"/>
      <c r="DA13" s="3"/>
      <c r="DB13" s="3"/>
      <c r="DC13" s="3"/>
      <c r="DD13" s="3"/>
      <c r="DE13" s="3"/>
      <c r="DF13" s="3"/>
      <c r="DG13" s="3"/>
      <c r="DH13" s="3"/>
      <c r="DI13" s="3"/>
      <c r="DJ13" s="3"/>
      <c r="DK13" s="3"/>
      <c r="DL13" s="3"/>
      <c r="DM13" s="3"/>
      <c r="DN13" s="3"/>
      <c r="DO13" s="3"/>
      <c r="DP13" s="3"/>
      <c r="DQ13" s="3"/>
      <c r="DR13" s="3"/>
      <c r="DS13" s="3"/>
      <c r="DT13" s="3"/>
      <c r="DU13" s="3"/>
      <c r="DV13" s="3"/>
      <c r="DW13" s="3"/>
      <c r="DX13" s="3"/>
      <c r="DY13" s="3"/>
      <c r="DZ13" s="3"/>
      <c r="EA13" s="3"/>
      <c r="EB13" s="3"/>
      <c r="EC13" s="3"/>
      <c r="ED13" s="3"/>
      <c r="EE13" s="3"/>
      <c r="EF13" s="3"/>
      <c r="EG13" s="3"/>
      <c r="EH13" s="3"/>
      <c r="EI13" s="3"/>
      <c r="EJ13" s="3"/>
      <c r="EK13" s="3"/>
      <c r="EL13" s="3"/>
      <c r="EM13" s="3"/>
      <c r="EN13" s="3"/>
      <c r="EO13" s="3"/>
      <c r="EP13" s="3"/>
      <c r="EQ13" s="3"/>
      <c r="ER13" s="3"/>
      <c r="ES13" s="3"/>
      <c r="ET13" s="3"/>
      <c r="EU13" s="3"/>
      <c r="EV13" s="3"/>
      <c r="EW13" s="3"/>
      <c r="EX13" s="3"/>
      <c r="EY13" s="3"/>
      <c r="EZ13" s="3"/>
      <c r="FA13" s="3"/>
      <c r="FB13" s="3"/>
      <c r="FC13" s="3"/>
      <c r="FD13" s="3"/>
      <c r="FE13" s="3"/>
      <c r="FF13" s="3"/>
      <c r="FG13" s="3"/>
      <c r="FH13" s="3"/>
      <c r="FI13" s="3"/>
      <c r="FJ13" s="3"/>
      <c r="FK13" s="3"/>
      <c r="FL13" s="3"/>
      <c r="FM13" s="3"/>
      <c r="FN13" s="3"/>
      <c r="FO13" s="3"/>
      <c r="FP13" s="3"/>
      <c r="FQ13" s="3"/>
      <c r="FR13" s="3"/>
      <c r="FS13" s="3"/>
      <c r="FT13" s="3"/>
      <c r="FU13" s="3"/>
      <c r="FV13" s="3"/>
      <c r="FW13" s="3"/>
      <c r="FX13" s="3"/>
      <c r="FY13" s="3"/>
      <c r="FZ13" s="3"/>
      <c r="GA13" s="3"/>
      <c r="GB13" s="3"/>
      <c r="GC13" s="3"/>
      <c r="GD13" s="3"/>
      <c r="GE13" s="3"/>
      <c r="GF13" s="3"/>
      <c r="GG13" s="3"/>
      <c r="GH13" s="3"/>
      <c r="GI13" s="3"/>
      <c r="GJ13" s="3"/>
      <c r="GK13" s="3"/>
      <c r="GL13" s="3"/>
      <c r="GM13" s="3"/>
      <c r="GN13" s="3"/>
      <c r="GO13" s="3"/>
      <c r="GP13" s="3"/>
      <c r="GQ13" s="3"/>
      <c r="GR13" s="3"/>
      <c r="GS13" s="3"/>
      <c r="GT13" s="3"/>
      <c r="GU13" s="3"/>
      <c r="GV13" s="3"/>
      <c r="GW13" s="3"/>
      <c r="GX13" s="3"/>
      <c r="GY13" s="3"/>
      <c r="GZ13" s="3"/>
      <c r="HA13" s="3"/>
      <c r="HB13" s="3"/>
      <c r="HC13" s="3"/>
      <c r="HD13" s="3"/>
      <c r="HE13" s="3"/>
      <c r="HF13" s="3"/>
      <c r="HG13" s="3"/>
      <c r="HH13" s="3"/>
      <c r="HI13" s="3"/>
      <c r="HJ13" s="3"/>
      <c r="HK13" s="3"/>
      <c r="HL13" s="3"/>
      <c r="HM13" s="3"/>
      <c r="HN13" s="3"/>
      <c r="HO13" s="3"/>
      <c r="HP13" s="3"/>
      <c r="HQ13" s="3"/>
      <c r="HR13" s="3"/>
      <c r="HS13" s="3"/>
      <c r="HT13" s="3"/>
      <c r="HU13" s="3"/>
      <c r="HV13" s="3"/>
      <c r="HW13" s="3"/>
      <c r="HX13" s="3"/>
      <c r="HY13" s="3"/>
      <c r="HZ13" s="3"/>
      <c r="IA13" s="3"/>
      <c r="IB13" s="3"/>
      <c r="IC13" s="3"/>
      <c r="ID13" s="3"/>
      <c r="IE13" s="3"/>
      <c r="IF13" s="3"/>
      <c r="IG13" s="3"/>
      <c r="IH13" s="3"/>
      <c r="II13" s="3"/>
      <c r="IJ13" s="3"/>
      <c r="IK13" s="3"/>
      <c r="IL13" s="3"/>
      <c r="IM13" s="3"/>
      <c r="IN13" s="3"/>
      <c r="IO13" s="3"/>
      <c r="IP13" s="3"/>
      <c r="IQ13" s="3"/>
      <c r="IR13" s="3"/>
      <c r="IS13" s="3"/>
      <c r="IT13" s="3"/>
      <c r="IU13" s="3"/>
      <c r="IV13" s="3"/>
      <c r="IW13" s="3"/>
      <c r="IX13" s="3"/>
      <c r="IY13" s="3"/>
    </row>
    <row r="14" spans="1:259" ht="55.2" x14ac:dyDescent="0.2">
      <c r="A14" s="6"/>
      <c r="B14" s="9" t="s">
        <v>9</v>
      </c>
      <c r="C14" s="10"/>
      <c r="D14" s="11" t="s">
        <v>10</v>
      </c>
      <c r="E14" s="12"/>
      <c r="F14" s="12"/>
      <c r="G14" s="12"/>
      <c r="H14" s="12"/>
      <c r="I14" s="13"/>
      <c r="J14" s="13"/>
      <c r="K14" s="13"/>
      <c r="L14" s="14"/>
      <c r="M14" s="14"/>
      <c r="N14" s="7"/>
      <c r="O14" s="6"/>
      <c r="P14" s="6"/>
      <c r="Q14" s="6"/>
      <c r="R14" s="6"/>
      <c r="S14" s="6"/>
      <c r="T14" s="6"/>
      <c r="U14" s="2"/>
      <c r="V14" s="3"/>
      <c r="W14" s="3"/>
      <c r="X14" s="3"/>
      <c r="Y14" s="3"/>
      <c r="Z14" s="3"/>
      <c r="AA14" s="3"/>
      <c r="AB14" s="3"/>
      <c r="AC14" s="3"/>
      <c r="AD14" s="3"/>
      <c r="AE14" s="3"/>
      <c r="AF14" s="3"/>
      <c r="AG14" s="3"/>
      <c r="AH14" s="3"/>
      <c r="AI14" s="3"/>
      <c r="AJ14" s="3"/>
      <c r="AK14" s="3"/>
      <c r="AL14" s="3"/>
      <c r="AM14" s="3"/>
      <c r="AN14" s="3"/>
      <c r="AO14" s="3"/>
      <c r="AP14" s="3"/>
      <c r="AQ14" s="3"/>
      <c r="AR14" s="3"/>
      <c r="AS14" s="3"/>
      <c r="AT14" s="3"/>
      <c r="AU14" s="3"/>
      <c r="AV14" s="3"/>
      <c r="AW14" s="3"/>
      <c r="AX14" s="3"/>
      <c r="AY14" s="3"/>
      <c r="AZ14" s="3"/>
      <c r="BA14" s="3"/>
      <c r="BB14" s="3"/>
      <c r="BC14" s="3"/>
      <c r="BD14" s="3"/>
      <c r="BE14" s="3"/>
      <c r="BF14" s="3"/>
      <c r="BG14" s="3"/>
      <c r="BH14" s="3"/>
      <c r="BI14" s="3"/>
      <c r="BJ14" s="3"/>
      <c r="BK14" s="3"/>
      <c r="BL14" s="3"/>
      <c r="BM14" s="3"/>
      <c r="BN14" s="3"/>
      <c r="BO14" s="3"/>
      <c r="BP14" s="3"/>
      <c r="BQ14" s="3"/>
      <c r="BR14" s="3"/>
      <c r="BS14" s="3"/>
      <c r="BT14" s="3"/>
      <c r="BU14" s="3"/>
      <c r="BV14" s="3"/>
      <c r="BW14" s="3"/>
      <c r="BX14" s="3"/>
      <c r="BY14" s="3"/>
      <c r="BZ14" s="3"/>
      <c r="CA14" s="3"/>
      <c r="CB14" s="3"/>
      <c r="CC14" s="3"/>
      <c r="CD14" s="3"/>
      <c r="CE14" s="3"/>
      <c r="CF14" s="3"/>
      <c r="CG14" s="3"/>
      <c r="CH14" s="3"/>
      <c r="CI14" s="3"/>
      <c r="CJ14" s="3"/>
      <c r="CK14" s="3"/>
      <c r="CL14" s="3"/>
      <c r="CM14" s="3"/>
      <c r="CN14" s="3"/>
      <c r="CO14" s="3"/>
      <c r="CP14" s="3"/>
      <c r="CQ14" s="3"/>
      <c r="CR14" s="3"/>
      <c r="CS14" s="3"/>
      <c r="CT14" s="3"/>
      <c r="CU14" s="3"/>
      <c r="CV14" s="3"/>
      <c r="CW14" s="3"/>
      <c r="CX14" s="3"/>
      <c r="CY14" s="3"/>
      <c r="CZ14" s="3"/>
      <c r="DA14" s="3"/>
      <c r="DB14" s="3"/>
      <c r="DC14" s="3"/>
      <c r="DD14" s="3"/>
      <c r="DE14" s="3"/>
      <c r="DF14" s="3"/>
      <c r="DG14" s="3"/>
      <c r="DH14" s="3"/>
      <c r="DI14" s="3"/>
      <c r="DJ14" s="3"/>
      <c r="DK14" s="3"/>
      <c r="DL14" s="3"/>
      <c r="DM14" s="3"/>
      <c r="DN14" s="3"/>
      <c r="DO14" s="3"/>
      <c r="DP14" s="3"/>
      <c r="DQ14" s="3"/>
      <c r="DR14" s="3"/>
      <c r="DS14" s="3"/>
      <c r="DT14" s="3"/>
      <c r="DU14" s="3"/>
      <c r="DV14" s="3"/>
      <c r="DW14" s="3"/>
      <c r="DX14" s="3"/>
      <c r="DY14" s="3"/>
      <c r="DZ14" s="3"/>
      <c r="EA14" s="3"/>
      <c r="EB14" s="3"/>
      <c r="EC14" s="3"/>
      <c r="ED14" s="3"/>
      <c r="EE14" s="3"/>
      <c r="EF14" s="3"/>
      <c r="EG14" s="3"/>
      <c r="EH14" s="3"/>
      <c r="EI14" s="3"/>
      <c r="EJ14" s="3"/>
      <c r="EK14" s="3"/>
      <c r="EL14" s="3"/>
      <c r="EM14" s="3"/>
      <c r="EN14" s="3"/>
      <c r="EO14" s="3"/>
      <c r="EP14" s="3"/>
      <c r="EQ14" s="3"/>
      <c r="ER14" s="3"/>
      <c r="ES14" s="3"/>
      <c r="ET14" s="3"/>
      <c r="EU14" s="3"/>
      <c r="EV14" s="3"/>
      <c r="EW14" s="3"/>
      <c r="EX14" s="3"/>
      <c r="EY14" s="3"/>
      <c r="EZ14" s="3"/>
      <c r="FA14" s="3"/>
      <c r="FB14" s="3"/>
      <c r="FC14" s="3"/>
      <c r="FD14" s="3"/>
      <c r="FE14" s="3"/>
      <c r="FF14" s="3"/>
      <c r="FG14" s="3"/>
      <c r="FH14" s="3"/>
      <c r="FI14" s="3"/>
      <c r="FJ14" s="3"/>
      <c r="FK14" s="3"/>
      <c r="FL14" s="3"/>
      <c r="FM14" s="3"/>
      <c r="FN14" s="3"/>
      <c r="FO14" s="3"/>
      <c r="FP14" s="3"/>
      <c r="FQ14" s="3"/>
      <c r="FR14" s="3"/>
      <c r="FS14" s="3"/>
      <c r="FT14" s="3"/>
      <c r="FU14" s="3"/>
      <c r="FV14" s="3"/>
      <c r="FW14" s="3"/>
      <c r="FX14" s="3"/>
      <c r="FY14" s="3"/>
      <c r="FZ14" s="3"/>
      <c r="GA14" s="3"/>
      <c r="GB14" s="3"/>
      <c r="GC14" s="3"/>
      <c r="GD14" s="3"/>
      <c r="GE14" s="3"/>
      <c r="GF14" s="3"/>
      <c r="GG14" s="3"/>
      <c r="GH14" s="3"/>
      <c r="GI14" s="3"/>
      <c r="GJ14" s="3"/>
      <c r="GK14" s="3"/>
      <c r="GL14" s="3"/>
      <c r="GM14" s="3"/>
      <c r="GN14" s="3"/>
      <c r="GO14" s="3"/>
      <c r="GP14" s="3"/>
      <c r="GQ14" s="3"/>
      <c r="GR14" s="3"/>
      <c r="GS14" s="3"/>
      <c r="GT14" s="3"/>
      <c r="GU14" s="3"/>
      <c r="GV14" s="3"/>
      <c r="GW14" s="3"/>
      <c r="GX14" s="3"/>
      <c r="GY14" s="3"/>
      <c r="GZ14" s="3"/>
      <c r="HA14" s="3"/>
      <c r="HB14" s="3"/>
      <c r="HC14" s="3"/>
      <c r="HD14" s="3"/>
      <c r="HE14" s="3"/>
      <c r="HF14" s="3"/>
      <c r="HG14" s="3"/>
      <c r="HH14" s="3"/>
      <c r="HI14" s="3"/>
      <c r="HJ14" s="3"/>
      <c r="HK14" s="3"/>
      <c r="HL14" s="3"/>
      <c r="HM14" s="3"/>
      <c r="HN14" s="3"/>
      <c r="HO14" s="3"/>
      <c r="HP14" s="3"/>
      <c r="HQ14" s="3"/>
      <c r="HR14" s="3"/>
      <c r="HS14" s="3"/>
      <c r="HT14" s="3"/>
      <c r="HU14" s="3"/>
      <c r="HV14" s="3"/>
      <c r="HW14" s="3"/>
      <c r="HX14" s="3"/>
      <c r="HY14" s="3"/>
      <c r="HZ14" s="3"/>
      <c r="IA14" s="3"/>
      <c r="IB14" s="3"/>
      <c r="IC14" s="3"/>
      <c r="ID14" s="3"/>
      <c r="IE14" s="3"/>
      <c r="IF14" s="3"/>
      <c r="IG14" s="3"/>
      <c r="IH14" s="3"/>
      <c r="II14" s="3"/>
      <c r="IJ14" s="3"/>
      <c r="IK14" s="3"/>
      <c r="IL14" s="3"/>
      <c r="IM14" s="3"/>
      <c r="IN14" s="3"/>
      <c r="IO14" s="3"/>
      <c r="IP14" s="3"/>
      <c r="IQ14" s="3"/>
      <c r="IR14" s="3"/>
      <c r="IS14" s="3"/>
      <c r="IT14" s="3"/>
      <c r="IU14" s="3"/>
      <c r="IV14" s="3"/>
      <c r="IW14" s="3"/>
      <c r="IX14" s="3"/>
      <c r="IY14" s="3"/>
    </row>
    <row r="15" spans="1:259" s="18" customFormat="1" ht="64.5" customHeight="1" x14ac:dyDescent="0.55000000000000004">
      <c r="A15" s="9"/>
      <c r="B15" s="15" t="s">
        <v>11</v>
      </c>
      <c r="C15" s="9"/>
      <c r="D15" s="9"/>
      <c r="E15" s="9"/>
      <c r="F15" s="9"/>
      <c r="G15" s="9"/>
      <c r="H15" s="9"/>
      <c r="I15" s="9"/>
      <c r="J15" s="9"/>
      <c r="K15" s="9"/>
      <c r="L15" s="9"/>
      <c r="M15" s="9"/>
      <c r="N15" s="7"/>
      <c r="O15" s="9"/>
      <c r="P15" s="9"/>
      <c r="Q15" s="9"/>
      <c r="R15" s="9"/>
      <c r="S15" s="9"/>
      <c r="T15" s="9"/>
      <c r="U15" s="16"/>
      <c r="V15" s="17"/>
      <c r="W15" s="17"/>
      <c r="X15" s="17"/>
      <c r="Y15" s="17"/>
      <c r="Z15" s="17"/>
      <c r="AA15" s="17"/>
      <c r="AB15" s="17"/>
      <c r="AC15" s="17"/>
      <c r="AD15" s="17"/>
      <c r="AE15" s="17"/>
      <c r="AF15" s="17"/>
      <c r="AG15" s="17"/>
      <c r="AH15" s="17"/>
      <c r="AI15" s="17"/>
      <c r="AJ15" s="17"/>
      <c r="AK15" s="17"/>
      <c r="AL15" s="17"/>
      <c r="AM15" s="17"/>
      <c r="AN15" s="17"/>
      <c r="AO15" s="17"/>
      <c r="AP15" s="17"/>
      <c r="AQ15" s="17"/>
      <c r="AR15" s="17"/>
      <c r="AS15" s="17"/>
      <c r="AT15" s="17"/>
      <c r="AU15" s="17"/>
      <c r="AV15" s="17"/>
      <c r="AW15" s="17"/>
      <c r="AX15" s="17"/>
      <c r="AY15" s="17"/>
      <c r="AZ15" s="17"/>
      <c r="BA15" s="17"/>
      <c r="BB15" s="17"/>
      <c r="BC15" s="17"/>
      <c r="BD15" s="17"/>
      <c r="BE15" s="17"/>
      <c r="BF15" s="17"/>
      <c r="BG15" s="17"/>
      <c r="BH15" s="17"/>
      <c r="BI15" s="17"/>
      <c r="BJ15" s="17"/>
      <c r="BK15" s="17"/>
      <c r="BL15" s="17"/>
      <c r="BM15" s="17"/>
      <c r="BN15" s="17"/>
      <c r="BO15" s="17"/>
      <c r="BP15" s="17"/>
      <c r="BQ15" s="17"/>
      <c r="BR15" s="17"/>
      <c r="BS15" s="17"/>
      <c r="BT15" s="17"/>
      <c r="BU15" s="17"/>
      <c r="BV15" s="17"/>
      <c r="BW15" s="17"/>
      <c r="BX15" s="17"/>
      <c r="BY15" s="17"/>
      <c r="BZ15" s="17"/>
      <c r="CA15" s="17"/>
      <c r="CB15" s="17"/>
      <c r="CC15" s="17"/>
      <c r="CD15" s="17"/>
      <c r="CE15" s="17"/>
      <c r="CF15" s="17"/>
      <c r="CG15" s="17"/>
      <c r="CH15" s="17"/>
      <c r="CI15" s="17"/>
      <c r="CJ15" s="17"/>
      <c r="CK15" s="17"/>
      <c r="CL15" s="17"/>
      <c r="CM15" s="17"/>
      <c r="CN15" s="17"/>
      <c r="CO15" s="17"/>
      <c r="CP15" s="17"/>
      <c r="CQ15" s="17"/>
      <c r="CR15" s="17"/>
      <c r="CS15" s="17"/>
      <c r="CT15" s="17"/>
      <c r="CU15" s="17"/>
      <c r="CV15" s="17"/>
      <c r="CW15" s="17"/>
      <c r="CX15" s="17"/>
      <c r="CY15" s="17"/>
      <c r="CZ15" s="17"/>
      <c r="DA15" s="17"/>
      <c r="DB15" s="17"/>
      <c r="DC15" s="17"/>
      <c r="DD15" s="17"/>
      <c r="DE15" s="17"/>
      <c r="DF15" s="17"/>
      <c r="DG15" s="17"/>
      <c r="DH15" s="17"/>
      <c r="DI15" s="17"/>
      <c r="DJ15" s="17"/>
      <c r="DK15" s="17"/>
      <c r="DL15" s="17"/>
      <c r="DM15" s="17"/>
      <c r="DN15" s="17"/>
      <c r="DO15" s="17"/>
      <c r="DP15" s="17"/>
      <c r="DQ15" s="17"/>
      <c r="DR15" s="17"/>
      <c r="DS15" s="17"/>
      <c r="DT15" s="17"/>
      <c r="DU15" s="17"/>
      <c r="DV15" s="17"/>
      <c r="DW15" s="17"/>
      <c r="DX15" s="17"/>
      <c r="DY15" s="17"/>
      <c r="DZ15" s="17"/>
      <c r="EA15" s="17"/>
      <c r="EB15" s="17"/>
      <c r="EC15" s="17"/>
      <c r="ED15" s="17"/>
      <c r="EE15" s="17"/>
      <c r="EF15" s="17"/>
      <c r="EG15" s="17"/>
      <c r="EH15" s="17"/>
      <c r="EI15" s="17"/>
      <c r="EJ15" s="17"/>
      <c r="EK15" s="17"/>
      <c r="EL15" s="17"/>
      <c r="EM15" s="17"/>
      <c r="EN15" s="17"/>
      <c r="EO15" s="17"/>
      <c r="EP15" s="17"/>
      <c r="EQ15" s="17"/>
      <c r="ER15" s="17"/>
      <c r="ES15" s="17"/>
      <c r="ET15" s="17"/>
      <c r="EU15" s="17"/>
      <c r="EV15" s="17"/>
      <c r="EW15" s="17"/>
      <c r="EX15" s="17"/>
      <c r="EY15" s="17"/>
      <c r="EZ15" s="17"/>
      <c r="FA15" s="17"/>
      <c r="FB15" s="17"/>
      <c r="FC15" s="17"/>
      <c r="FD15" s="17"/>
      <c r="FE15" s="17"/>
      <c r="FF15" s="17"/>
      <c r="FG15" s="17"/>
      <c r="FH15" s="17"/>
      <c r="FI15" s="17"/>
      <c r="FJ15" s="17"/>
      <c r="FK15" s="17"/>
      <c r="FL15" s="17"/>
      <c r="FM15" s="17"/>
      <c r="FN15" s="17"/>
      <c r="FO15" s="17"/>
      <c r="FP15" s="17"/>
      <c r="FQ15" s="17"/>
      <c r="FR15" s="17"/>
      <c r="FS15" s="17"/>
      <c r="FT15" s="17"/>
      <c r="FU15" s="17"/>
      <c r="FV15" s="17"/>
      <c r="FW15" s="17"/>
      <c r="FX15" s="17"/>
      <c r="FY15" s="17"/>
      <c r="FZ15" s="17"/>
      <c r="GA15" s="17"/>
      <c r="GB15" s="17"/>
      <c r="GC15" s="17"/>
      <c r="GD15" s="17"/>
      <c r="GE15" s="17"/>
      <c r="GF15" s="17"/>
      <c r="GG15" s="17"/>
      <c r="GH15" s="17"/>
      <c r="GI15" s="17"/>
      <c r="GJ15" s="17"/>
      <c r="GK15" s="17"/>
      <c r="GL15" s="17"/>
      <c r="GM15" s="17"/>
      <c r="GN15" s="17"/>
      <c r="GO15" s="17"/>
      <c r="GP15" s="17"/>
      <c r="GQ15" s="17"/>
      <c r="GR15" s="17"/>
      <c r="GS15" s="17"/>
      <c r="GT15" s="17"/>
      <c r="GU15" s="17"/>
      <c r="GV15" s="17"/>
      <c r="GW15" s="17"/>
      <c r="GX15" s="17"/>
      <c r="GY15" s="17"/>
      <c r="GZ15" s="17"/>
      <c r="HA15" s="17"/>
      <c r="HB15" s="17"/>
      <c r="HC15" s="17"/>
      <c r="HD15" s="17"/>
      <c r="HE15" s="17"/>
      <c r="HF15" s="17"/>
      <c r="HG15" s="17"/>
      <c r="HH15" s="17"/>
      <c r="HI15" s="17"/>
      <c r="HJ15" s="17"/>
      <c r="HK15" s="17"/>
      <c r="HL15" s="17"/>
      <c r="HM15" s="17"/>
      <c r="HN15" s="17"/>
      <c r="HO15" s="17"/>
      <c r="HP15" s="17"/>
      <c r="HQ15" s="17"/>
      <c r="HR15" s="17"/>
      <c r="HS15" s="17"/>
      <c r="HT15" s="17"/>
      <c r="HU15" s="17"/>
      <c r="HV15" s="17"/>
      <c r="HW15" s="17"/>
      <c r="HX15" s="17"/>
      <c r="HY15" s="17"/>
      <c r="HZ15" s="17"/>
      <c r="IA15" s="17"/>
      <c r="IB15" s="17"/>
      <c r="IC15" s="17"/>
      <c r="ID15" s="17"/>
      <c r="IE15" s="17"/>
      <c r="IF15" s="17"/>
      <c r="IG15" s="17"/>
      <c r="IH15" s="17"/>
      <c r="II15" s="17"/>
      <c r="IJ15" s="17"/>
      <c r="IK15" s="17"/>
      <c r="IL15" s="17"/>
      <c r="IM15" s="17"/>
      <c r="IN15" s="17"/>
      <c r="IO15" s="17"/>
      <c r="IP15" s="17"/>
      <c r="IQ15" s="17"/>
      <c r="IR15" s="17"/>
      <c r="IS15" s="17"/>
      <c r="IT15" s="17"/>
      <c r="IU15" s="17"/>
      <c r="IV15" s="17"/>
      <c r="IW15" s="17"/>
      <c r="IX15" s="17"/>
      <c r="IY15" s="17"/>
    </row>
    <row r="16" spans="1:259" ht="64.5" customHeight="1" x14ac:dyDescent="0.2">
      <c r="A16" s="6"/>
      <c r="B16" s="6"/>
      <c r="C16" s="6"/>
      <c r="D16" s="6"/>
      <c r="E16" s="6"/>
      <c r="F16" s="6"/>
      <c r="G16" s="6"/>
      <c r="H16" s="6"/>
      <c r="I16" s="6"/>
      <c r="J16" s="6"/>
      <c r="K16" s="6"/>
      <c r="L16" s="6"/>
      <c r="M16" s="6"/>
      <c r="N16" s="7"/>
      <c r="O16" s="6"/>
      <c r="P16" s="6"/>
      <c r="Q16" s="6"/>
      <c r="R16" s="6"/>
      <c r="S16" s="6"/>
      <c r="T16" s="6"/>
      <c r="U16" s="2"/>
      <c r="V16" s="3"/>
      <c r="W16" s="3"/>
      <c r="X16" s="3"/>
      <c r="Y16" s="3"/>
      <c r="Z16" s="3"/>
      <c r="AA16" s="3"/>
      <c r="AB16" s="3"/>
      <c r="AC16" s="3"/>
      <c r="AD16" s="3"/>
      <c r="AE16" s="3"/>
      <c r="AF16" s="3"/>
      <c r="AG16" s="3"/>
      <c r="AH16" s="3"/>
      <c r="AI16" s="3"/>
      <c r="AJ16" s="3"/>
      <c r="AK16" s="3"/>
      <c r="AL16" s="3"/>
      <c r="AM16" s="3"/>
      <c r="AN16" s="3"/>
      <c r="AO16" s="3"/>
      <c r="AP16" s="3"/>
      <c r="AQ16" s="3"/>
      <c r="AR16" s="3"/>
      <c r="AS16" s="3"/>
      <c r="AT16" s="3"/>
      <c r="AU16" s="3"/>
      <c r="AV16" s="3"/>
      <c r="AW16" s="3"/>
      <c r="AX16" s="3"/>
      <c r="AY16" s="3"/>
      <c r="AZ16" s="3"/>
      <c r="BA16" s="3"/>
      <c r="BB16" s="3"/>
      <c r="BC16" s="3"/>
      <c r="BD16" s="3"/>
      <c r="BE16" s="3"/>
      <c r="BF16" s="3"/>
      <c r="BG16" s="3"/>
      <c r="BH16" s="3"/>
      <c r="BI16" s="3"/>
      <c r="BJ16" s="3"/>
      <c r="BK16" s="3"/>
      <c r="BL16" s="3"/>
      <c r="BM16" s="3"/>
      <c r="BN16" s="3"/>
      <c r="BO16" s="3"/>
      <c r="BP16" s="3"/>
      <c r="BQ16" s="3"/>
      <c r="BR16" s="3"/>
      <c r="BS16" s="3"/>
      <c r="BT16" s="3"/>
      <c r="BU16" s="3"/>
      <c r="BV16" s="3"/>
      <c r="BW16" s="3"/>
      <c r="BX16" s="3"/>
      <c r="BY16" s="3"/>
      <c r="BZ16" s="3"/>
      <c r="CA16" s="3"/>
      <c r="CB16" s="3"/>
      <c r="CC16" s="3"/>
      <c r="CD16" s="3"/>
      <c r="CE16" s="3"/>
      <c r="CF16" s="3"/>
      <c r="CG16" s="3"/>
      <c r="CH16" s="3"/>
      <c r="CI16" s="3"/>
      <c r="CJ16" s="3"/>
      <c r="CK16" s="3"/>
      <c r="CL16" s="3"/>
      <c r="CM16" s="3"/>
      <c r="CN16" s="3"/>
      <c r="CO16" s="3"/>
      <c r="CP16" s="3"/>
      <c r="CQ16" s="3"/>
      <c r="CR16" s="3"/>
      <c r="CS16" s="3"/>
      <c r="CT16" s="3"/>
      <c r="CU16" s="3"/>
      <c r="CV16" s="3"/>
      <c r="CW16" s="3"/>
      <c r="CX16" s="3"/>
      <c r="CY16" s="3"/>
      <c r="CZ16" s="3"/>
      <c r="DA16" s="3"/>
      <c r="DB16" s="3"/>
      <c r="DC16" s="3"/>
      <c r="DD16" s="3"/>
      <c r="DE16" s="3"/>
      <c r="DF16" s="3"/>
      <c r="DG16" s="3"/>
      <c r="DH16" s="3"/>
      <c r="DI16" s="3"/>
      <c r="DJ16" s="3"/>
      <c r="DK16" s="3"/>
      <c r="DL16" s="3"/>
      <c r="DM16" s="3"/>
      <c r="DN16" s="3"/>
      <c r="DO16" s="3"/>
      <c r="DP16" s="3"/>
      <c r="DQ16" s="3"/>
      <c r="DR16" s="3"/>
      <c r="DS16" s="3"/>
      <c r="DT16" s="3"/>
      <c r="DU16" s="3"/>
      <c r="DV16" s="3"/>
      <c r="DW16" s="3"/>
      <c r="DX16" s="3"/>
      <c r="DY16" s="3"/>
      <c r="DZ16" s="3"/>
      <c r="EA16" s="3"/>
      <c r="EB16" s="3"/>
      <c r="EC16" s="3"/>
      <c r="ED16" s="3"/>
      <c r="EE16" s="3"/>
      <c r="EF16" s="3"/>
      <c r="EG16" s="3"/>
      <c r="EH16" s="3"/>
      <c r="EI16" s="3"/>
      <c r="EJ16" s="3"/>
      <c r="EK16" s="3"/>
      <c r="EL16" s="3"/>
      <c r="EM16" s="3"/>
      <c r="EN16" s="3"/>
      <c r="EO16" s="3"/>
      <c r="EP16" s="3"/>
      <c r="EQ16" s="3"/>
      <c r="ER16" s="3"/>
      <c r="ES16" s="3"/>
      <c r="ET16" s="3"/>
      <c r="EU16" s="3"/>
      <c r="EV16" s="3"/>
      <c r="EW16" s="3"/>
      <c r="EX16" s="3"/>
      <c r="EY16" s="3"/>
      <c r="EZ16" s="3"/>
      <c r="FA16" s="3"/>
      <c r="FB16" s="3"/>
      <c r="FC16" s="3"/>
      <c r="FD16" s="3"/>
      <c r="FE16" s="3"/>
      <c r="FF16" s="3"/>
      <c r="FG16" s="3"/>
      <c r="FH16" s="3"/>
      <c r="FI16" s="3"/>
      <c r="FJ16" s="3"/>
      <c r="FK16" s="3"/>
      <c r="FL16" s="3"/>
      <c r="FM16" s="3"/>
      <c r="FN16" s="3"/>
      <c r="FO16" s="3"/>
      <c r="FP16" s="3"/>
      <c r="FQ16" s="3"/>
      <c r="FR16" s="3"/>
      <c r="FS16" s="3"/>
      <c r="FT16" s="3"/>
      <c r="FU16" s="3"/>
      <c r="FV16" s="3"/>
      <c r="FW16" s="3"/>
      <c r="FX16" s="3"/>
      <c r="FY16" s="3"/>
      <c r="FZ16" s="3"/>
      <c r="GA16" s="3"/>
      <c r="GB16" s="3"/>
      <c r="GC16" s="3"/>
      <c r="GD16" s="3"/>
      <c r="GE16" s="3"/>
      <c r="GF16" s="3"/>
      <c r="GG16" s="3"/>
      <c r="GH16" s="3"/>
      <c r="GI16" s="3"/>
      <c r="GJ16" s="3"/>
      <c r="GK16" s="3"/>
      <c r="GL16" s="3"/>
      <c r="GM16" s="3"/>
      <c r="GN16" s="3"/>
      <c r="GO16" s="3"/>
      <c r="GP16" s="3"/>
      <c r="GQ16" s="3"/>
      <c r="GR16" s="3"/>
      <c r="GS16" s="3"/>
      <c r="GT16" s="3"/>
      <c r="GU16" s="3"/>
      <c r="GV16" s="3"/>
      <c r="GW16" s="3"/>
      <c r="GX16" s="3"/>
      <c r="GY16" s="3"/>
      <c r="GZ16" s="3"/>
      <c r="HA16" s="3"/>
      <c r="HB16" s="3"/>
      <c r="HC16" s="3"/>
      <c r="HD16" s="3"/>
      <c r="HE16" s="3"/>
      <c r="HF16" s="3"/>
      <c r="HG16" s="3"/>
      <c r="HH16" s="3"/>
      <c r="HI16" s="3"/>
      <c r="HJ16" s="3"/>
      <c r="HK16" s="3"/>
      <c r="HL16" s="3"/>
      <c r="HM16" s="3"/>
      <c r="HN16" s="3"/>
      <c r="HO16" s="3"/>
      <c r="HP16" s="3"/>
      <c r="HQ16" s="3"/>
      <c r="HR16" s="3"/>
      <c r="HS16" s="3"/>
      <c r="HT16" s="3"/>
      <c r="HU16" s="3"/>
      <c r="HV16" s="3"/>
      <c r="HW16" s="3"/>
      <c r="HX16" s="3"/>
      <c r="HY16" s="3"/>
      <c r="HZ16" s="3"/>
      <c r="IA16" s="3"/>
      <c r="IB16" s="3"/>
      <c r="IC16" s="3"/>
      <c r="ID16" s="3"/>
      <c r="IE16" s="3"/>
      <c r="IF16" s="3"/>
      <c r="IG16" s="3"/>
      <c r="IH16" s="3"/>
      <c r="II16" s="3"/>
      <c r="IJ16" s="3"/>
      <c r="IK16" s="3"/>
      <c r="IL16" s="3"/>
      <c r="IM16" s="3"/>
      <c r="IN16" s="3"/>
      <c r="IO16" s="3"/>
      <c r="IP16" s="3"/>
      <c r="IQ16" s="3"/>
      <c r="IR16" s="3"/>
      <c r="IS16" s="3"/>
      <c r="IT16" s="3"/>
      <c r="IU16" s="3"/>
      <c r="IV16" s="3"/>
      <c r="IW16" s="3"/>
      <c r="IX16" s="3"/>
      <c r="IY16" s="3"/>
    </row>
    <row r="17" spans="1:259" ht="301.5" customHeight="1" x14ac:dyDescent="0.2">
      <c r="A17" s="6"/>
      <c r="B17" s="6"/>
      <c r="C17" s="6"/>
      <c r="D17" s="6"/>
      <c r="E17" s="6"/>
      <c r="F17" s="6"/>
      <c r="G17" s="6"/>
      <c r="H17" s="6"/>
      <c r="I17" s="6"/>
      <c r="J17" s="6"/>
      <c r="K17" s="6"/>
      <c r="L17" s="6"/>
      <c r="M17" s="6"/>
      <c r="N17" s="7"/>
      <c r="O17" s="6"/>
      <c r="P17" s="6"/>
      <c r="Q17" s="6"/>
      <c r="R17" s="6"/>
      <c r="S17" s="6"/>
      <c r="T17" s="6"/>
      <c r="U17" s="2"/>
      <c r="V17" s="3"/>
      <c r="W17" s="3"/>
      <c r="X17" s="3"/>
      <c r="Y17" s="3"/>
      <c r="Z17" s="3"/>
      <c r="AA17" s="3"/>
      <c r="AB17" s="3"/>
      <c r="AC17" s="3"/>
      <c r="AD17" s="3"/>
      <c r="AE17" s="3"/>
      <c r="AF17" s="3"/>
      <c r="AG17" s="3"/>
      <c r="AH17" s="3"/>
      <c r="AI17" s="3"/>
      <c r="AJ17" s="3"/>
      <c r="AK17" s="3"/>
      <c r="AL17" s="3"/>
      <c r="AM17" s="3"/>
      <c r="AN17" s="3"/>
      <c r="AO17" s="3"/>
      <c r="AP17" s="3"/>
      <c r="AQ17" s="3"/>
      <c r="AR17" s="3"/>
      <c r="AS17" s="3"/>
      <c r="AT17" s="3"/>
      <c r="AU17" s="3"/>
      <c r="AV17" s="3"/>
      <c r="AW17" s="3"/>
      <c r="AX17" s="3"/>
      <c r="AY17" s="3"/>
      <c r="AZ17" s="3"/>
      <c r="BA17" s="3"/>
      <c r="BB17" s="3"/>
      <c r="BC17" s="3"/>
      <c r="BD17" s="3"/>
      <c r="BE17" s="3"/>
      <c r="BF17" s="3"/>
      <c r="BG17" s="3"/>
      <c r="BH17" s="3"/>
      <c r="BI17" s="3"/>
      <c r="BJ17" s="3"/>
      <c r="BK17" s="3"/>
      <c r="BL17" s="3"/>
      <c r="BM17" s="3"/>
      <c r="BN17" s="3"/>
      <c r="BO17" s="3"/>
      <c r="BP17" s="3"/>
      <c r="BQ17" s="3"/>
      <c r="BR17" s="3"/>
      <c r="BS17" s="3"/>
      <c r="BT17" s="3"/>
      <c r="BU17" s="3"/>
      <c r="BV17" s="3"/>
      <c r="BW17" s="3"/>
      <c r="BX17" s="3"/>
      <c r="BY17" s="3"/>
      <c r="BZ17" s="3"/>
      <c r="CA17" s="3"/>
      <c r="CB17" s="3"/>
      <c r="CC17" s="3"/>
      <c r="CD17" s="3"/>
      <c r="CE17" s="3"/>
      <c r="CF17" s="3"/>
      <c r="CG17" s="3"/>
      <c r="CH17" s="3"/>
      <c r="CI17" s="3"/>
      <c r="CJ17" s="3"/>
      <c r="CK17" s="3"/>
      <c r="CL17" s="3"/>
      <c r="CM17" s="3"/>
      <c r="CN17" s="3"/>
      <c r="CO17" s="3"/>
      <c r="CP17" s="3"/>
      <c r="CQ17" s="3"/>
      <c r="CR17" s="3"/>
      <c r="CS17" s="3"/>
      <c r="CT17" s="3"/>
      <c r="CU17" s="3"/>
      <c r="CV17" s="3"/>
      <c r="CW17" s="3"/>
      <c r="CX17" s="3"/>
      <c r="CY17" s="3"/>
      <c r="CZ17" s="3"/>
      <c r="DA17" s="3"/>
      <c r="DB17" s="3"/>
      <c r="DC17" s="3"/>
      <c r="DD17" s="3"/>
      <c r="DE17" s="3"/>
      <c r="DF17" s="3"/>
      <c r="DG17" s="3"/>
      <c r="DH17" s="3"/>
      <c r="DI17" s="3"/>
      <c r="DJ17" s="3"/>
      <c r="DK17" s="3"/>
      <c r="DL17" s="3"/>
      <c r="DM17" s="3"/>
      <c r="DN17" s="3"/>
      <c r="DO17" s="3"/>
      <c r="DP17" s="3"/>
      <c r="DQ17" s="3"/>
      <c r="DR17" s="3"/>
      <c r="DS17" s="3"/>
      <c r="DT17" s="3"/>
      <c r="DU17" s="3"/>
      <c r="DV17" s="3"/>
      <c r="DW17" s="3"/>
      <c r="DX17" s="3"/>
      <c r="DY17" s="3"/>
      <c r="DZ17" s="3"/>
      <c r="EA17" s="3"/>
      <c r="EB17" s="3"/>
      <c r="EC17" s="3"/>
      <c r="ED17" s="3"/>
      <c r="EE17" s="3"/>
      <c r="EF17" s="3"/>
      <c r="EG17" s="3"/>
      <c r="EH17" s="3"/>
      <c r="EI17" s="3"/>
      <c r="EJ17" s="3"/>
      <c r="EK17" s="3"/>
      <c r="EL17" s="3"/>
      <c r="EM17" s="3"/>
      <c r="EN17" s="3"/>
      <c r="EO17" s="3"/>
      <c r="EP17" s="3"/>
      <c r="EQ17" s="3"/>
      <c r="ER17" s="3"/>
      <c r="ES17" s="3"/>
      <c r="ET17" s="3"/>
      <c r="EU17" s="3"/>
      <c r="EV17" s="3"/>
      <c r="EW17" s="3"/>
      <c r="EX17" s="3"/>
      <c r="EY17" s="3"/>
      <c r="EZ17" s="3"/>
      <c r="FA17" s="3"/>
      <c r="FB17" s="3"/>
      <c r="FC17" s="3"/>
      <c r="FD17" s="3"/>
      <c r="FE17" s="3"/>
      <c r="FF17" s="3"/>
      <c r="FG17" s="3"/>
      <c r="FH17" s="3"/>
      <c r="FI17" s="3"/>
      <c r="FJ17" s="3"/>
      <c r="FK17" s="3"/>
      <c r="FL17" s="3"/>
      <c r="FM17" s="3"/>
      <c r="FN17" s="3"/>
      <c r="FO17" s="3"/>
      <c r="FP17" s="3"/>
      <c r="FQ17" s="3"/>
      <c r="FR17" s="3"/>
      <c r="FS17" s="3"/>
      <c r="FT17" s="3"/>
      <c r="FU17" s="3"/>
      <c r="FV17" s="3"/>
      <c r="FW17" s="3"/>
      <c r="FX17" s="3"/>
      <c r="FY17" s="3"/>
      <c r="FZ17" s="3"/>
      <c r="GA17" s="3"/>
      <c r="GB17" s="3"/>
      <c r="GC17" s="3"/>
      <c r="GD17" s="3"/>
      <c r="GE17" s="3"/>
      <c r="GF17" s="3"/>
      <c r="GG17" s="3"/>
      <c r="GH17" s="3"/>
      <c r="GI17" s="3"/>
      <c r="GJ17" s="3"/>
      <c r="GK17" s="3"/>
      <c r="GL17" s="3"/>
      <c r="GM17" s="3"/>
      <c r="GN17" s="3"/>
      <c r="GO17" s="3"/>
      <c r="GP17" s="3"/>
      <c r="GQ17" s="3"/>
      <c r="GR17" s="3"/>
      <c r="GS17" s="3"/>
      <c r="GT17" s="3"/>
      <c r="GU17" s="3"/>
      <c r="GV17" s="3"/>
      <c r="GW17" s="3"/>
      <c r="GX17" s="3"/>
      <c r="GY17" s="3"/>
      <c r="GZ17" s="3"/>
      <c r="HA17" s="3"/>
      <c r="HB17" s="3"/>
      <c r="HC17" s="3"/>
      <c r="HD17" s="3"/>
      <c r="HE17" s="3"/>
      <c r="HF17" s="3"/>
      <c r="HG17" s="3"/>
      <c r="HH17" s="3"/>
      <c r="HI17" s="3"/>
      <c r="HJ17" s="3"/>
      <c r="HK17" s="3"/>
      <c r="HL17" s="3"/>
      <c r="HM17" s="3"/>
      <c r="HN17" s="3"/>
      <c r="HO17" s="3"/>
      <c r="HP17" s="3"/>
      <c r="HQ17" s="3"/>
      <c r="HR17" s="3"/>
      <c r="HS17" s="3"/>
      <c r="HT17" s="3"/>
      <c r="HU17" s="3"/>
      <c r="HV17" s="3"/>
      <c r="HW17" s="3"/>
      <c r="HX17" s="3"/>
      <c r="HY17" s="3"/>
      <c r="HZ17" s="3"/>
      <c r="IA17" s="3"/>
      <c r="IB17" s="3"/>
      <c r="IC17" s="3"/>
      <c r="ID17" s="3"/>
      <c r="IE17" s="3"/>
      <c r="IF17" s="3"/>
      <c r="IG17" s="3"/>
      <c r="IH17" s="3"/>
      <c r="II17" s="3"/>
      <c r="IJ17" s="3"/>
      <c r="IK17" s="3"/>
      <c r="IL17" s="3"/>
      <c r="IM17" s="3"/>
      <c r="IN17" s="3"/>
      <c r="IO17" s="3"/>
      <c r="IP17" s="3"/>
      <c r="IQ17" s="3"/>
      <c r="IR17" s="3"/>
      <c r="IS17" s="3"/>
      <c r="IT17" s="3"/>
      <c r="IU17" s="3"/>
      <c r="IV17" s="3"/>
      <c r="IW17" s="3"/>
      <c r="IX17" s="3"/>
      <c r="IY17" s="3"/>
    </row>
    <row r="18" spans="1:259" ht="370.5" customHeight="1" x14ac:dyDescent="0.2">
      <c r="A18" s="6"/>
      <c r="B18" s="6"/>
      <c r="C18" s="6"/>
      <c r="D18" s="6"/>
      <c r="E18" s="6"/>
      <c r="F18" s="6"/>
      <c r="G18" s="6"/>
      <c r="H18" s="6"/>
      <c r="I18" s="6"/>
      <c r="J18" s="6"/>
      <c r="K18" s="6"/>
      <c r="L18" s="6"/>
      <c r="M18" s="6"/>
      <c r="N18" s="7"/>
      <c r="O18" s="6"/>
      <c r="P18" s="6"/>
      <c r="Q18" s="6"/>
      <c r="R18" s="6"/>
      <c r="S18" s="6"/>
      <c r="T18" s="6"/>
      <c r="U18" s="2"/>
      <c r="V18" s="3"/>
      <c r="W18" s="3"/>
      <c r="X18" s="3"/>
      <c r="Y18" s="3"/>
      <c r="Z18" s="3"/>
      <c r="AA18" s="3"/>
      <c r="AB18" s="3"/>
      <c r="AC18" s="3"/>
      <c r="AD18" s="3"/>
      <c r="AE18" s="3"/>
      <c r="AF18" s="3"/>
      <c r="AG18" s="3"/>
      <c r="AH18" s="3"/>
      <c r="AI18" s="3"/>
      <c r="AJ18" s="3"/>
      <c r="AK18" s="3"/>
      <c r="AL18" s="3"/>
      <c r="AM18" s="3"/>
      <c r="AN18" s="3"/>
      <c r="AO18" s="3"/>
      <c r="AP18" s="3"/>
      <c r="AQ18" s="3"/>
      <c r="AR18" s="3"/>
      <c r="AS18" s="3"/>
      <c r="AT18" s="3"/>
      <c r="AU18" s="3"/>
      <c r="AV18" s="3"/>
      <c r="AW18" s="3"/>
      <c r="AX18" s="3"/>
      <c r="AY18" s="3"/>
      <c r="AZ18" s="3"/>
      <c r="BA18" s="3"/>
      <c r="BB18" s="3"/>
      <c r="BC18" s="3"/>
      <c r="BD18" s="3"/>
      <c r="BE18" s="3"/>
      <c r="BF18" s="3"/>
      <c r="BG18" s="3"/>
      <c r="BH18" s="3"/>
      <c r="BI18" s="3"/>
      <c r="BJ18" s="3"/>
      <c r="BK18" s="3"/>
      <c r="BL18" s="3"/>
      <c r="BM18" s="3"/>
      <c r="BN18" s="3"/>
      <c r="BO18" s="3"/>
      <c r="BP18" s="3"/>
      <c r="BQ18" s="3"/>
      <c r="BR18" s="3"/>
      <c r="BS18" s="3"/>
      <c r="BT18" s="3"/>
      <c r="BU18" s="3"/>
      <c r="BV18" s="3"/>
      <c r="BW18" s="3"/>
      <c r="BX18" s="3"/>
      <c r="BY18" s="3"/>
      <c r="BZ18" s="3"/>
      <c r="CA18" s="3"/>
      <c r="CB18" s="3"/>
      <c r="CC18" s="3"/>
      <c r="CD18" s="3"/>
      <c r="CE18" s="3"/>
      <c r="CF18" s="3"/>
      <c r="CG18" s="3"/>
      <c r="CH18" s="3"/>
      <c r="CI18" s="3"/>
      <c r="CJ18" s="3"/>
      <c r="CK18" s="3"/>
      <c r="CL18" s="3"/>
      <c r="CM18" s="3"/>
      <c r="CN18" s="3"/>
      <c r="CO18" s="3"/>
      <c r="CP18" s="3"/>
      <c r="CQ18" s="3"/>
      <c r="CR18" s="3"/>
      <c r="CS18" s="3"/>
      <c r="CT18" s="3"/>
      <c r="CU18" s="3"/>
      <c r="CV18" s="3"/>
      <c r="CW18" s="3"/>
      <c r="CX18" s="3"/>
      <c r="CY18" s="3"/>
      <c r="CZ18" s="3"/>
      <c r="DA18" s="3"/>
      <c r="DB18" s="3"/>
      <c r="DC18" s="3"/>
      <c r="DD18" s="3"/>
      <c r="DE18" s="3"/>
      <c r="DF18" s="3"/>
      <c r="DG18" s="3"/>
      <c r="DH18" s="3"/>
      <c r="DI18" s="3"/>
      <c r="DJ18" s="3"/>
      <c r="DK18" s="3"/>
      <c r="DL18" s="3"/>
      <c r="DM18" s="3"/>
      <c r="DN18" s="3"/>
      <c r="DO18" s="3"/>
      <c r="DP18" s="3"/>
      <c r="DQ18" s="3"/>
      <c r="DR18" s="3"/>
      <c r="DS18" s="3"/>
      <c r="DT18" s="3"/>
      <c r="DU18" s="3"/>
      <c r="DV18" s="3"/>
      <c r="DW18" s="3"/>
      <c r="DX18" s="3"/>
      <c r="DY18" s="3"/>
      <c r="DZ18" s="3"/>
      <c r="EA18" s="3"/>
      <c r="EB18" s="3"/>
      <c r="EC18" s="3"/>
      <c r="ED18" s="3"/>
      <c r="EE18" s="3"/>
      <c r="EF18" s="3"/>
      <c r="EG18" s="3"/>
      <c r="EH18" s="3"/>
      <c r="EI18" s="3"/>
      <c r="EJ18" s="3"/>
      <c r="EK18" s="3"/>
      <c r="EL18" s="3"/>
      <c r="EM18" s="3"/>
      <c r="EN18" s="3"/>
      <c r="EO18" s="3"/>
      <c r="EP18" s="3"/>
      <c r="EQ18" s="3"/>
      <c r="ER18" s="3"/>
      <c r="ES18" s="3"/>
      <c r="ET18" s="3"/>
      <c r="EU18" s="3"/>
      <c r="EV18" s="3"/>
      <c r="EW18" s="3"/>
      <c r="EX18" s="3"/>
      <c r="EY18" s="3"/>
      <c r="EZ18" s="3"/>
      <c r="FA18" s="3"/>
      <c r="FB18" s="3"/>
      <c r="FC18" s="3"/>
      <c r="FD18" s="3"/>
      <c r="FE18" s="3"/>
      <c r="FF18" s="3"/>
      <c r="FG18" s="3"/>
      <c r="FH18" s="3"/>
      <c r="FI18" s="3"/>
      <c r="FJ18" s="3"/>
      <c r="FK18" s="3"/>
      <c r="FL18" s="3"/>
      <c r="FM18" s="3"/>
      <c r="FN18" s="3"/>
      <c r="FO18" s="3"/>
      <c r="FP18" s="3"/>
      <c r="FQ18" s="3"/>
      <c r="FR18" s="3"/>
      <c r="FS18" s="3"/>
      <c r="FT18" s="3"/>
      <c r="FU18" s="3"/>
      <c r="FV18" s="3"/>
      <c r="FW18" s="3"/>
      <c r="FX18" s="3"/>
      <c r="FY18" s="3"/>
      <c r="FZ18" s="3"/>
      <c r="GA18" s="3"/>
      <c r="GB18" s="3"/>
      <c r="GC18" s="3"/>
      <c r="GD18" s="3"/>
      <c r="GE18" s="3"/>
      <c r="GF18" s="3"/>
      <c r="GG18" s="3"/>
      <c r="GH18" s="3"/>
      <c r="GI18" s="3"/>
      <c r="GJ18" s="3"/>
      <c r="GK18" s="3"/>
      <c r="GL18" s="3"/>
      <c r="GM18" s="3"/>
      <c r="GN18" s="3"/>
      <c r="GO18" s="3"/>
      <c r="GP18" s="3"/>
      <c r="GQ18" s="3"/>
      <c r="GR18" s="3"/>
      <c r="GS18" s="3"/>
      <c r="GT18" s="3"/>
      <c r="GU18" s="3"/>
      <c r="GV18" s="3"/>
      <c r="GW18" s="3"/>
      <c r="GX18" s="3"/>
      <c r="GY18" s="3"/>
      <c r="GZ18" s="3"/>
      <c r="HA18" s="3"/>
      <c r="HB18" s="3"/>
      <c r="HC18" s="3"/>
      <c r="HD18" s="3"/>
      <c r="HE18" s="3"/>
      <c r="HF18" s="3"/>
      <c r="HG18" s="3"/>
      <c r="HH18" s="3"/>
      <c r="HI18" s="3"/>
      <c r="HJ18" s="3"/>
      <c r="HK18" s="3"/>
      <c r="HL18" s="3"/>
      <c r="HM18" s="3"/>
      <c r="HN18" s="3"/>
      <c r="HO18" s="3"/>
      <c r="HP18" s="3"/>
      <c r="HQ18" s="3"/>
      <c r="HR18" s="3"/>
      <c r="HS18" s="3"/>
      <c r="HT18" s="3"/>
      <c r="HU18" s="3"/>
      <c r="HV18" s="3"/>
      <c r="HW18" s="3"/>
      <c r="HX18" s="3"/>
      <c r="HY18" s="3"/>
      <c r="HZ18" s="3"/>
      <c r="IA18" s="3"/>
      <c r="IB18" s="3"/>
      <c r="IC18" s="3"/>
      <c r="ID18" s="3"/>
      <c r="IE18" s="3"/>
      <c r="IF18" s="3"/>
      <c r="IG18" s="3"/>
      <c r="IH18" s="3"/>
      <c r="II18" s="3"/>
      <c r="IJ18" s="3"/>
      <c r="IK18" s="3"/>
      <c r="IL18" s="3"/>
      <c r="IM18" s="3"/>
      <c r="IN18" s="3"/>
      <c r="IO18" s="3"/>
      <c r="IP18" s="3"/>
      <c r="IQ18" s="3"/>
      <c r="IR18" s="3"/>
      <c r="IS18" s="3"/>
      <c r="IT18" s="3"/>
      <c r="IU18" s="3"/>
      <c r="IV18" s="3"/>
      <c r="IW18" s="3"/>
      <c r="IX18" s="3"/>
      <c r="IY18" s="3"/>
    </row>
    <row r="19" spans="1:259" ht="301.5" customHeight="1" thickBot="1" x14ac:dyDescent="0.25">
      <c r="A19" s="6"/>
      <c r="B19" s="6"/>
      <c r="C19" s="6"/>
      <c r="D19" s="6"/>
      <c r="E19" s="6"/>
      <c r="F19" s="6"/>
      <c r="G19" s="6"/>
      <c r="H19" s="6"/>
      <c r="I19" s="6"/>
      <c r="J19" s="6"/>
      <c r="K19" s="6"/>
      <c r="L19" s="6"/>
      <c r="M19" s="6"/>
      <c r="N19" s="7"/>
      <c r="O19" s="6"/>
      <c r="P19" s="6"/>
      <c r="Q19" s="6"/>
      <c r="R19" s="6"/>
      <c r="S19" s="6"/>
      <c r="T19" s="6"/>
      <c r="U19" s="2"/>
      <c r="V19" s="3"/>
      <c r="W19" s="3"/>
      <c r="X19" s="3"/>
      <c r="Y19" s="3"/>
      <c r="Z19" s="3"/>
      <c r="AA19" s="3"/>
      <c r="AB19" s="3"/>
      <c r="AC19" s="3"/>
      <c r="AD19" s="3"/>
      <c r="AE19" s="3"/>
      <c r="AF19" s="3"/>
      <c r="AG19" s="3"/>
      <c r="AH19" s="3"/>
      <c r="AI19" s="3"/>
      <c r="AJ19" s="3"/>
      <c r="AK19" s="3"/>
      <c r="AL19" s="3"/>
      <c r="AM19" s="3"/>
      <c r="AN19" s="3"/>
      <c r="AO19" s="3"/>
      <c r="AP19" s="3"/>
      <c r="AQ19" s="3"/>
      <c r="AR19" s="3"/>
      <c r="AS19" s="3"/>
      <c r="AT19" s="3"/>
      <c r="AU19" s="3"/>
      <c r="AV19" s="3"/>
      <c r="AW19" s="3"/>
      <c r="AX19" s="3"/>
      <c r="AY19" s="3"/>
      <c r="AZ19" s="3"/>
      <c r="BA19" s="3"/>
      <c r="BB19" s="3"/>
      <c r="BC19" s="3"/>
      <c r="BD19" s="3"/>
      <c r="BE19" s="3"/>
      <c r="BF19" s="3"/>
      <c r="BG19" s="3"/>
      <c r="BH19" s="3"/>
      <c r="BI19" s="3"/>
      <c r="BJ19" s="3"/>
      <c r="BK19" s="3"/>
      <c r="BL19" s="3"/>
      <c r="BM19" s="3"/>
      <c r="BN19" s="3"/>
      <c r="BO19" s="3"/>
      <c r="BP19" s="3"/>
      <c r="BQ19" s="3"/>
      <c r="BR19" s="3"/>
      <c r="BS19" s="3"/>
      <c r="BT19" s="3"/>
      <c r="BU19" s="3"/>
      <c r="BV19" s="3"/>
      <c r="BW19" s="3"/>
      <c r="BX19" s="3"/>
      <c r="BY19" s="3"/>
      <c r="BZ19" s="3"/>
      <c r="CA19" s="3"/>
      <c r="CB19" s="3"/>
      <c r="CC19" s="3"/>
      <c r="CD19" s="3"/>
      <c r="CE19" s="3"/>
      <c r="CF19" s="3"/>
      <c r="CG19" s="3"/>
      <c r="CH19" s="3"/>
      <c r="CI19" s="3"/>
      <c r="CJ19" s="3"/>
      <c r="CK19" s="3"/>
      <c r="CL19" s="3"/>
      <c r="CM19" s="3"/>
      <c r="CN19" s="3"/>
      <c r="CO19" s="3"/>
      <c r="CP19" s="3"/>
      <c r="CQ19" s="3"/>
      <c r="CR19" s="3"/>
      <c r="CS19" s="3"/>
      <c r="CT19" s="3"/>
      <c r="CU19" s="3"/>
      <c r="CV19" s="3"/>
      <c r="CW19" s="3"/>
      <c r="CX19" s="3"/>
      <c r="CY19" s="3"/>
      <c r="CZ19" s="3"/>
      <c r="DA19" s="3"/>
      <c r="DB19" s="3"/>
      <c r="DC19" s="3"/>
      <c r="DD19" s="3"/>
      <c r="DE19" s="3"/>
      <c r="DF19" s="3"/>
      <c r="DG19" s="3"/>
      <c r="DH19" s="3"/>
      <c r="DI19" s="3"/>
      <c r="DJ19" s="3"/>
      <c r="DK19" s="3"/>
      <c r="DL19" s="3"/>
      <c r="DM19" s="3"/>
      <c r="DN19" s="3"/>
      <c r="DO19" s="3"/>
      <c r="DP19" s="3"/>
      <c r="DQ19" s="3"/>
      <c r="DR19" s="3"/>
      <c r="DS19" s="3"/>
      <c r="DT19" s="3"/>
      <c r="DU19" s="3"/>
      <c r="DV19" s="3"/>
      <c r="DW19" s="3"/>
      <c r="DX19" s="3"/>
      <c r="DY19" s="3"/>
      <c r="DZ19" s="3"/>
      <c r="EA19" s="3"/>
      <c r="EB19" s="3"/>
      <c r="EC19" s="3"/>
      <c r="ED19" s="3"/>
      <c r="EE19" s="3"/>
      <c r="EF19" s="3"/>
      <c r="EG19" s="3"/>
      <c r="EH19" s="3"/>
      <c r="EI19" s="3"/>
      <c r="EJ19" s="3"/>
      <c r="EK19" s="3"/>
      <c r="EL19" s="3"/>
      <c r="EM19" s="3"/>
      <c r="EN19" s="3"/>
      <c r="EO19" s="3"/>
      <c r="EP19" s="3"/>
      <c r="EQ19" s="3"/>
      <c r="ER19" s="3"/>
      <c r="ES19" s="3"/>
      <c r="ET19" s="3"/>
      <c r="EU19" s="3"/>
      <c r="EV19" s="3"/>
      <c r="EW19" s="3"/>
      <c r="EX19" s="3"/>
      <c r="EY19" s="3"/>
      <c r="EZ19" s="3"/>
      <c r="FA19" s="3"/>
      <c r="FB19" s="3"/>
      <c r="FC19" s="3"/>
      <c r="FD19" s="3"/>
      <c r="FE19" s="3"/>
      <c r="FF19" s="3"/>
      <c r="FG19" s="3"/>
      <c r="FH19" s="3"/>
      <c r="FI19" s="3"/>
      <c r="FJ19" s="3"/>
      <c r="FK19" s="3"/>
      <c r="FL19" s="3"/>
      <c r="FM19" s="3"/>
      <c r="FN19" s="3"/>
      <c r="FO19" s="3"/>
      <c r="FP19" s="3"/>
      <c r="FQ19" s="3"/>
      <c r="FR19" s="3"/>
      <c r="FS19" s="3"/>
      <c r="FT19" s="3"/>
      <c r="FU19" s="3"/>
      <c r="FV19" s="3"/>
      <c r="FW19" s="3"/>
      <c r="FX19" s="3"/>
      <c r="FY19" s="3"/>
      <c r="FZ19" s="3"/>
      <c r="GA19" s="3"/>
      <c r="GB19" s="3"/>
      <c r="GC19" s="3"/>
      <c r="GD19" s="3"/>
      <c r="GE19" s="3"/>
      <c r="GF19" s="3"/>
      <c r="GG19" s="3"/>
      <c r="GH19" s="3"/>
      <c r="GI19" s="3"/>
      <c r="GJ19" s="3"/>
      <c r="GK19" s="3"/>
      <c r="GL19" s="3"/>
      <c r="GM19" s="3"/>
      <c r="GN19" s="3"/>
      <c r="GO19" s="3"/>
      <c r="GP19" s="3"/>
      <c r="GQ19" s="3"/>
      <c r="GR19" s="3"/>
      <c r="GS19" s="3"/>
      <c r="GT19" s="3"/>
      <c r="GU19" s="3"/>
      <c r="GV19" s="3"/>
      <c r="GW19" s="3"/>
      <c r="GX19" s="3"/>
      <c r="GY19" s="3"/>
      <c r="GZ19" s="3"/>
      <c r="HA19" s="3"/>
      <c r="HB19" s="3"/>
      <c r="HC19" s="3"/>
      <c r="HD19" s="3"/>
      <c r="HE19" s="3"/>
      <c r="HF19" s="3"/>
      <c r="HG19" s="3"/>
      <c r="HH19" s="3"/>
      <c r="HI19" s="3"/>
      <c r="HJ19" s="3"/>
      <c r="HK19" s="3"/>
      <c r="HL19" s="3"/>
      <c r="HM19" s="3"/>
      <c r="HN19" s="3"/>
      <c r="HO19" s="3"/>
      <c r="HP19" s="3"/>
      <c r="HQ19" s="3"/>
      <c r="HR19" s="3"/>
      <c r="HS19" s="3"/>
      <c r="HT19" s="3"/>
      <c r="HU19" s="3"/>
      <c r="HV19" s="3"/>
      <c r="HW19" s="3"/>
      <c r="HX19" s="3"/>
      <c r="HY19" s="3"/>
      <c r="HZ19" s="3"/>
      <c r="IA19" s="3"/>
      <c r="IB19" s="3"/>
      <c r="IC19" s="3"/>
      <c r="ID19" s="3"/>
      <c r="IE19" s="3"/>
      <c r="IF19" s="3"/>
      <c r="IG19" s="3"/>
      <c r="IH19" s="3"/>
      <c r="II19" s="3"/>
      <c r="IJ19" s="3"/>
      <c r="IK19" s="3"/>
      <c r="IL19" s="3"/>
      <c r="IM19" s="3"/>
      <c r="IN19" s="3"/>
      <c r="IO19" s="3"/>
      <c r="IP19" s="3"/>
      <c r="IQ19" s="3"/>
      <c r="IR19" s="3"/>
      <c r="IS19" s="3"/>
      <c r="IT19" s="3"/>
      <c r="IU19" s="3"/>
      <c r="IV19" s="3"/>
      <c r="IW19" s="3"/>
      <c r="IX19" s="3"/>
      <c r="IY19" s="3"/>
    </row>
    <row r="20" spans="1:259" ht="135" customHeight="1" thickBot="1" x14ac:dyDescent="0.8">
      <c r="A20" s="19"/>
      <c r="B20" s="20" t="s">
        <v>12</v>
      </c>
      <c r="C20" s="21"/>
      <c r="D20" s="21"/>
      <c r="E20" s="21"/>
      <c r="F20" s="21"/>
      <c r="G20" s="21"/>
      <c r="H20" s="21"/>
      <c r="I20" s="22" t="str">
        <f>IF('[1]表紙（定期報告）'!AC22 = "","",'[1]表紙（定期報告）'!AC22)</f>
        <v/>
      </c>
      <c r="J20" s="21"/>
      <c r="K20" s="21"/>
      <c r="L20" s="19"/>
      <c r="M20" s="23"/>
      <c r="N20" s="24" t="s">
        <v>13</v>
      </c>
      <c r="O20" s="25"/>
      <c r="P20" s="25"/>
      <c r="Q20" s="26"/>
      <c r="R20" s="19"/>
      <c r="S20" s="19"/>
      <c r="T20" s="27" t="s">
        <v>14</v>
      </c>
      <c r="U20" s="2"/>
      <c r="V20" s="3"/>
      <c r="W20" s="3"/>
      <c r="X20" s="3"/>
      <c r="Y20" s="3"/>
      <c r="Z20" s="3"/>
      <c r="AA20" s="3"/>
      <c r="AB20" s="3"/>
      <c r="AC20" s="3"/>
      <c r="AD20" s="3"/>
      <c r="AE20" s="3"/>
      <c r="AF20" s="3"/>
      <c r="AG20" s="3"/>
      <c r="AH20" s="3"/>
      <c r="AI20" s="3"/>
      <c r="AJ20" s="3"/>
      <c r="AK20" s="3"/>
      <c r="AL20" s="3"/>
      <c r="AM20" s="3"/>
      <c r="AN20" s="3"/>
      <c r="AO20" s="3"/>
      <c r="AP20" s="3"/>
      <c r="AQ20" s="3"/>
      <c r="AR20" s="3"/>
      <c r="AS20" s="3"/>
      <c r="AT20" s="3"/>
      <c r="AU20" s="3"/>
      <c r="AV20" s="3"/>
      <c r="AW20" s="3"/>
      <c r="AX20" s="3"/>
      <c r="AY20" s="3"/>
      <c r="AZ20" s="3"/>
      <c r="BA20" s="3"/>
      <c r="BB20" s="3"/>
      <c r="BC20" s="3"/>
      <c r="BD20" s="3"/>
      <c r="BE20" s="3"/>
      <c r="BF20" s="3"/>
      <c r="BG20" s="3"/>
      <c r="BH20" s="3"/>
      <c r="BI20" s="3"/>
      <c r="BJ20" s="3"/>
      <c r="BK20" s="3"/>
      <c r="BL20" s="3"/>
      <c r="BM20" s="3"/>
      <c r="BN20" s="3"/>
      <c r="BO20" s="3"/>
      <c r="BP20" s="3"/>
      <c r="BQ20" s="3"/>
      <c r="BR20" s="3"/>
      <c r="BS20" s="3"/>
      <c r="BT20" s="3"/>
      <c r="BU20" s="3"/>
      <c r="BV20" s="3"/>
      <c r="BW20" s="3"/>
      <c r="BX20" s="3"/>
      <c r="BY20" s="3"/>
      <c r="BZ20" s="3"/>
      <c r="CA20" s="3"/>
      <c r="CB20" s="3"/>
      <c r="CC20" s="3"/>
      <c r="CD20" s="3"/>
      <c r="CE20" s="3"/>
      <c r="CF20" s="3"/>
      <c r="CG20" s="3"/>
      <c r="CH20" s="3"/>
      <c r="CI20" s="3"/>
      <c r="CJ20" s="3"/>
      <c r="CK20" s="3"/>
      <c r="CL20" s="3"/>
      <c r="CM20" s="3"/>
      <c r="CN20" s="3"/>
      <c r="CO20" s="3"/>
      <c r="CP20" s="3"/>
      <c r="CQ20" s="3"/>
      <c r="CR20" s="3"/>
      <c r="CS20" s="3"/>
      <c r="CT20" s="3"/>
      <c r="CU20" s="3"/>
      <c r="CV20" s="3"/>
      <c r="CW20" s="3"/>
      <c r="CX20" s="3"/>
      <c r="CY20" s="3"/>
      <c r="CZ20" s="3"/>
      <c r="DA20" s="3"/>
      <c r="DB20" s="3"/>
      <c r="DC20" s="3"/>
      <c r="DD20" s="3"/>
      <c r="DE20" s="3"/>
      <c r="DF20" s="3"/>
      <c r="DG20" s="3"/>
      <c r="DH20" s="3"/>
      <c r="DI20" s="3"/>
      <c r="DJ20" s="3"/>
      <c r="DK20" s="3"/>
      <c r="DL20" s="3"/>
      <c r="DM20" s="3"/>
      <c r="DN20" s="3"/>
      <c r="DO20" s="3"/>
      <c r="DP20" s="3"/>
      <c r="DQ20" s="3"/>
      <c r="DR20" s="3"/>
      <c r="DS20" s="3"/>
      <c r="DT20" s="3"/>
      <c r="DU20" s="3"/>
      <c r="DV20" s="3"/>
      <c r="DW20" s="3"/>
      <c r="DX20" s="3"/>
      <c r="DY20" s="3"/>
      <c r="DZ20" s="3"/>
      <c r="EA20" s="3"/>
      <c r="EB20" s="3"/>
      <c r="EC20" s="3"/>
      <c r="ED20" s="3"/>
      <c r="EE20" s="3"/>
      <c r="EF20" s="3"/>
      <c r="EG20" s="3"/>
      <c r="EH20" s="3"/>
      <c r="EI20" s="3"/>
      <c r="EJ20" s="3"/>
      <c r="EK20" s="3"/>
      <c r="EL20" s="3"/>
      <c r="EM20" s="3"/>
      <c r="EN20" s="3"/>
      <c r="EO20" s="3"/>
      <c r="EP20" s="3"/>
      <c r="EQ20" s="3"/>
      <c r="ER20" s="3"/>
      <c r="ES20" s="3"/>
      <c r="ET20" s="3"/>
      <c r="EU20" s="3"/>
      <c r="EV20" s="3"/>
      <c r="EW20" s="3"/>
      <c r="EX20" s="3"/>
      <c r="EY20" s="3"/>
      <c r="EZ20" s="3"/>
      <c r="FA20" s="3"/>
      <c r="FB20" s="3"/>
      <c r="FC20" s="3"/>
      <c r="FD20" s="3"/>
      <c r="FE20" s="3"/>
      <c r="FF20" s="3"/>
      <c r="FG20" s="3"/>
      <c r="FH20" s="3"/>
      <c r="FI20" s="3"/>
      <c r="FJ20" s="3"/>
      <c r="FK20" s="3"/>
      <c r="FL20" s="3"/>
      <c r="FM20" s="3"/>
      <c r="FN20" s="3"/>
      <c r="FO20" s="3"/>
      <c r="FP20" s="3"/>
      <c r="FQ20" s="3"/>
      <c r="FR20" s="3"/>
      <c r="FS20" s="3"/>
      <c r="FT20" s="3"/>
      <c r="FU20" s="3"/>
      <c r="FV20" s="3"/>
      <c r="FW20" s="3"/>
      <c r="FX20" s="3"/>
      <c r="FY20" s="3"/>
      <c r="FZ20" s="3"/>
      <c r="GA20" s="3"/>
      <c r="GB20" s="3"/>
      <c r="GC20" s="3"/>
      <c r="GD20" s="3"/>
      <c r="GE20" s="3"/>
      <c r="GF20" s="3"/>
      <c r="GG20" s="3"/>
      <c r="GH20" s="3"/>
      <c r="GI20" s="3"/>
      <c r="GJ20" s="3"/>
      <c r="GK20" s="3"/>
      <c r="GL20" s="3"/>
      <c r="GM20" s="3"/>
      <c r="GN20" s="3"/>
      <c r="GO20" s="3"/>
      <c r="GP20" s="3"/>
      <c r="GQ20" s="3"/>
      <c r="GR20" s="3"/>
      <c r="GS20" s="3"/>
      <c r="GT20" s="3"/>
      <c r="GU20" s="3"/>
      <c r="GV20" s="3"/>
      <c r="GW20" s="3"/>
      <c r="GX20" s="3"/>
      <c r="GY20" s="3"/>
      <c r="GZ20" s="3"/>
      <c r="HA20" s="3"/>
      <c r="HB20" s="3"/>
      <c r="HC20" s="3"/>
      <c r="HD20" s="3"/>
      <c r="HE20" s="3"/>
      <c r="HF20" s="3"/>
      <c r="HG20" s="3"/>
      <c r="HH20" s="3"/>
      <c r="HI20" s="3"/>
      <c r="HJ20" s="3"/>
      <c r="HK20" s="3"/>
      <c r="HL20" s="3"/>
      <c r="HM20" s="3"/>
      <c r="HN20" s="3"/>
      <c r="HO20" s="3"/>
      <c r="HP20" s="3"/>
      <c r="HQ20" s="3"/>
      <c r="HR20" s="3"/>
      <c r="HS20" s="3"/>
      <c r="HT20" s="3"/>
      <c r="HU20" s="3"/>
      <c r="HV20" s="3"/>
      <c r="HW20" s="3"/>
      <c r="HX20" s="3"/>
      <c r="HY20" s="3"/>
      <c r="HZ20" s="3"/>
      <c r="IA20" s="3"/>
      <c r="IB20" s="3"/>
      <c r="IC20" s="3"/>
      <c r="ID20" s="3"/>
      <c r="IE20" s="3"/>
      <c r="IF20" s="3"/>
      <c r="IG20" s="3"/>
      <c r="IH20" s="3"/>
      <c r="II20" s="3"/>
      <c r="IJ20" s="3"/>
      <c r="IK20" s="3"/>
      <c r="IL20" s="3"/>
      <c r="IM20" s="3"/>
      <c r="IN20" s="3"/>
      <c r="IO20" s="3"/>
      <c r="IP20" s="3"/>
      <c r="IQ20" s="3"/>
      <c r="IR20" s="3"/>
      <c r="IS20" s="3"/>
      <c r="IT20" s="3"/>
      <c r="IU20" s="3"/>
      <c r="IV20" s="3"/>
      <c r="IW20" s="3"/>
      <c r="IX20" s="3"/>
      <c r="IY20" s="3"/>
    </row>
    <row r="21" spans="1:259" ht="39" customHeight="1" x14ac:dyDescent="0.75">
      <c r="A21" s="19"/>
      <c r="B21" s="19"/>
      <c r="C21" s="19"/>
      <c r="D21" s="19"/>
      <c r="E21" s="19"/>
      <c r="F21" s="19"/>
      <c r="G21" s="19"/>
      <c r="H21" s="19"/>
      <c r="I21" s="19"/>
      <c r="J21" s="19"/>
      <c r="K21" s="19"/>
      <c r="L21" s="19"/>
      <c r="M21" s="28" t="s">
        <v>15</v>
      </c>
      <c r="O21" s="30"/>
      <c r="P21" s="30"/>
      <c r="Q21" s="30"/>
      <c r="R21" s="19"/>
      <c r="S21" s="19"/>
      <c r="T21" s="19"/>
      <c r="U21" s="2"/>
      <c r="V21" s="3"/>
      <c r="W21" s="3"/>
      <c r="X21" s="3"/>
      <c r="Y21" s="3"/>
      <c r="Z21" s="3"/>
      <c r="AA21" s="3"/>
      <c r="AB21" s="3"/>
      <c r="AC21" s="3"/>
      <c r="AD21" s="3"/>
      <c r="AE21" s="3"/>
      <c r="AF21" s="3"/>
      <c r="AG21" s="3"/>
      <c r="AH21" s="3"/>
      <c r="AI21" s="3"/>
      <c r="AJ21" s="3"/>
      <c r="AK21" s="3"/>
      <c r="AL21" s="3"/>
      <c r="AM21" s="3"/>
      <c r="AN21" s="3"/>
      <c r="AO21" s="3"/>
      <c r="AP21" s="3"/>
      <c r="AQ21" s="3"/>
      <c r="AR21" s="3"/>
      <c r="AS21" s="3"/>
      <c r="AT21" s="3"/>
      <c r="AU21" s="3"/>
      <c r="AV21" s="3"/>
      <c r="AW21" s="3"/>
      <c r="AX21" s="3"/>
      <c r="AY21" s="3"/>
      <c r="AZ21" s="3"/>
      <c r="BA21" s="3"/>
      <c r="BB21" s="3"/>
      <c r="BC21" s="3"/>
      <c r="BD21" s="3"/>
      <c r="BE21" s="3"/>
      <c r="BF21" s="3"/>
      <c r="BG21" s="3"/>
      <c r="BH21" s="3"/>
      <c r="BI21" s="3"/>
      <c r="BJ21" s="3"/>
      <c r="BK21" s="3"/>
      <c r="BL21" s="3"/>
      <c r="BM21" s="3"/>
      <c r="BN21" s="3"/>
      <c r="BO21" s="3"/>
      <c r="BP21" s="3"/>
      <c r="BQ21" s="3"/>
      <c r="BR21" s="3"/>
      <c r="BS21" s="3"/>
      <c r="BT21" s="3"/>
      <c r="BU21" s="3"/>
      <c r="BV21" s="3"/>
      <c r="BW21" s="3"/>
      <c r="BX21" s="3"/>
      <c r="BY21" s="3"/>
      <c r="BZ21" s="3"/>
      <c r="CA21" s="3"/>
      <c r="CB21" s="3"/>
      <c r="CC21" s="3"/>
      <c r="CD21" s="3"/>
      <c r="CE21" s="3"/>
      <c r="CF21" s="3"/>
      <c r="CG21" s="3"/>
      <c r="CH21" s="3"/>
      <c r="CI21" s="3"/>
      <c r="CJ21" s="3"/>
      <c r="CK21" s="3"/>
      <c r="CL21" s="3"/>
      <c r="CM21" s="3"/>
      <c r="CN21" s="3"/>
      <c r="CO21" s="3"/>
      <c r="CP21" s="3"/>
      <c r="CQ21" s="3"/>
      <c r="CR21" s="3"/>
      <c r="CS21" s="3"/>
      <c r="CT21" s="3"/>
      <c r="CU21" s="3"/>
      <c r="CV21" s="3"/>
      <c r="CW21" s="3"/>
      <c r="CX21" s="3"/>
      <c r="CY21" s="3"/>
      <c r="CZ21" s="3"/>
      <c r="DA21" s="3"/>
      <c r="DB21" s="3"/>
      <c r="DC21" s="3"/>
      <c r="DD21" s="3"/>
      <c r="DE21" s="3"/>
      <c r="DF21" s="3"/>
      <c r="DG21" s="3"/>
      <c r="DH21" s="3"/>
      <c r="DI21" s="3"/>
      <c r="DJ21" s="3"/>
      <c r="DK21" s="3"/>
      <c r="DL21" s="3"/>
      <c r="DM21" s="3"/>
      <c r="DN21" s="3"/>
      <c r="DO21" s="3"/>
      <c r="DP21" s="3"/>
      <c r="DQ21" s="3"/>
      <c r="DR21" s="3"/>
      <c r="DS21" s="3"/>
      <c r="DT21" s="3"/>
      <c r="DU21" s="3"/>
      <c r="DV21" s="3"/>
      <c r="DW21" s="3"/>
      <c r="DX21" s="3"/>
      <c r="DY21" s="3"/>
      <c r="DZ21" s="3"/>
      <c r="EA21" s="3"/>
      <c r="EB21" s="3"/>
      <c r="EC21" s="3"/>
      <c r="ED21" s="3"/>
      <c r="EE21" s="3"/>
      <c r="EF21" s="3"/>
      <c r="EG21" s="3"/>
      <c r="EH21" s="3"/>
      <c r="EI21" s="3"/>
      <c r="EJ21" s="3"/>
      <c r="EK21" s="3"/>
      <c r="EL21" s="3"/>
      <c r="EM21" s="3"/>
      <c r="EN21" s="3"/>
      <c r="EO21" s="3"/>
      <c r="EP21" s="3"/>
      <c r="EQ21" s="3"/>
      <c r="ER21" s="3"/>
      <c r="ES21" s="3"/>
      <c r="ET21" s="3"/>
      <c r="EU21" s="3"/>
      <c r="EV21" s="3"/>
      <c r="EW21" s="3"/>
      <c r="EX21" s="3"/>
      <c r="EY21" s="3"/>
      <c r="EZ21" s="3"/>
      <c r="FA21" s="3"/>
      <c r="FB21" s="3"/>
      <c r="FC21" s="3"/>
      <c r="FD21" s="3"/>
      <c r="FE21" s="3"/>
      <c r="FF21" s="3"/>
      <c r="FG21" s="3"/>
      <c r="FH21" s="3"/>
      <c r="FI21" s="3"/>
      <c r="FJ21" s="3"/>
      <c r="FK21" s="3"/>
      <c r="FL21" s="3"/>
      <c r="FM21" s="3"/>
      <c r="FN21" s="3"/>
      <c r="FO21" s="3"/>
      <c r="FP21" s="3"/>
      <c r="FQ21" s="3"/>
      <c r="FR21" s="3"/>
      <c r="FS21" s="3"/>
      <c r="FT21" s="3"/>
      <c r="FU21" s="3"/>
      <c r="FV21" s="3"/>
      <c r="FW21" s="3"/>
      <c r="FX21" s="3"/>
      <c r="FY21" s="3"/>
      <c r="FZ21" s="3"/>
      <c r="GA21" s="3"/>
      <c r="GB21" s="3"/>
      <c r="GC21" s="3"/>
      <c r="GD21" s="3"/>
      <c r="GE21" s="3"/>
      <c r="GF21" s="3"/>
      <c r="GG21" s="3"/>
      <c r="GH21" s="3"/>
      <c r="GI21" s="3"/>
      <c r="GJ21" s="3"/>
      <c r="GK21" s="3"/>
      <c r="GL21" s="3"/>
      <c r="GM21" s="3"/>
      <c r="GN21" s="3"/>
      <c r="GO21" s="3"/>
      <c r="GP21" s="3"/>
      <c r="GQ21" s="3"/>
      <c r="GR21" s="3"/>
      <c r="GS21" s="3"/>
      <c r="GT21" s="3"/>
      <c r="GU21" s="3"/>
      <c r="GV21" s="3"/>
      <c r="GW21" s="3"/>
      <c r="GX21" s="3"/>
      <c r="GY21" s="3"/>
      <c r="GZ21" s="3"/>
      <c r="HA21" s="3"/>
      <c r="HB21" s="3"/>
      <c r="HC21" s="3"/>
      <c r="HD21" s="3"/>
      <c r="HE21" s="3"/>
      <c r="HF21" s="3"/>
      <c r="HG21" s="3"/>
      <c r="HH21" s="3"/>
      <c r="HI21" s="3"/>
      <c r="HJ21" s="3"/>
      <c r="HK21" s="3"/>
      <c r="HL21" s="3"/>
      <c r="HM21" s="3"/>
      <c r="HN21" s="3"/>
      <c r="HO21" s="3"/>
      <c r="HP21" s="3"/>
      <c r="HQ21" s="3"/>
      <c r="HR21" s="3"/>
      <c r="HS21" s="3"/>
      <c r="HT21" s="3"/>
      <c r="HU21" s="3"/>
      <c r="HV21" s="3"/>
      <c r="HW21" s="3"/>
      <c r="HX21" s="3"/>
      <c r="HY21" s="3"/>
      <c r="HZ21" s="3"/>
      <c r="IA21" s="3"/>
      <c r="IB21" s="3"/>
      <c r="IC21" s="3"/>
      <c r="ID21" s="3"/>
      <c r="IE21" s="3"/>
      <c r="IF21" s="3"/>
      <c r="IG21" s="3"/>
      <c r="IH21" s="3"/>
      <c r="II21" s="3"/>
      <c r="IJ21" s="3"/>
      <c r="IK21" s="3"/>
      <c r="IL21" s="3"/>
      <c r="IM21" s="3"/>
      <c r="IN21" s="3"/>
      <c r="IO21" s="3"/>
      <c r="IP21" s="3"/>
      <c r="IQ21" s="3"/>
      <c r="IR21" s="3"/>
      <c r="IS21" s="3"/>
      <c r="IT21" s="3"/>
      <c r="IU21" s="3"/>
      <c r="IV21" s="3"/>
      <c r="IW21" s="3"/>
      <c r="IX21" s="3"/>
      <c r="IY21" s="3"/>
    </row>
    <row r="22" spans="1:259" s="38" customFormat="1" ht="7.95" customHeight="1" thickBot="1" x14ac:dyDescent="0.8">
      <c r="A22" s="31"/>
      <c r="B22" s="31"/>
      <c r="C22" s="31"/>
      <c r="D22" s="31"/>
      <c r="E22" s="31"/>
      <c r="F22" s="31"/>
      <c r="G22" s="31"/>
      <c r="H22" s="31"/>
      <c r="I22" s="31"/>
      <c r="J22" s="31"/>
      <c r="K22" s="31"/>
      <c r="L22" s="32"/>
      <c r="M22" s="33"/>
      <c r="N22" s="34"/>
      <c r="O22" s="33"/>
      <c r="P22" s="33"/>
      <c r="Q22" s="33"/>
      <c r="R22" s="35"/>
      <c r="S22" s="35"/>
      <c r="T22" s="35"/>
      <c r="U22" s="36"/>
      <c r="V22" s="37"/>
      <c r="W22" s="37"/>
      <c r="X22" s="37"/>
      <c r="Y22" s="37"/>
      <c r="Z22" s="37"/>
      <c r="AA22" s="37"/>
      <c r="AB22" s="37"/>
      <c r="AC22" s="37"/>
      <c r="AD22" s="37"/>
      <c r="AE22" s="37"/>
      <c r="AF22" s="37"/>
      <c r="AG22" s="37"/>
      <c r="AH22" s="37"/>
      <c r="AI22" s="37"/>
      <c r="AJ22" s="37"/>
      <c r="AK22" s="37"/>
      <c r="AL22" s="37"/>
      <c r="AM22" s="37"/>
      <c r="AN22" s="37"/>
      <c r="AO22" s="37"/>
      <c r="AP22" s="37"/>
      <c r="AQ22" s="37"/>
      <c r="AR22" s="37"/>
      <c r="AS22" s="37"/>
      <c r="AT22" s="37"/>
      <c r="AU22" s="37"/>
      <c r="AV22" s="37"/>
      <c r="AW22" s="37"/>
      <c r="AX22" s="37"/>
      <c r="AY22" s="37"/>
      <c r="AZ22" s="37"/>
      <c r="BA22" s="37"/>
      <c r="BB22" s="37"/>
      <c r="BC22" s="37"/>
      <c r="BD22" s="37"/>
      <c r="BE22" s="37"/>
      <c r="BF22" s="37"/>
      <c r="BG22" s="37"/>
      <c r="BH22" s="37"/>
      <c r="BI22" s="37"/>
      <c r="BJ22" s="37"/>
      <c r="BK22" s="37"/>
      <c r="BL22" s="37"/>
      <c r="BM22" s="37"/>
      <c r="BN22" s="37"/>
      <c r="BO22" s="37"/>
      <c r="BP22" s="37"/>
      <c r="BQ22" s="37"/>
      <c r="BR22" s="37"/>
      <c r="BS22" s="37"/>
      <c r="BT22" s="37"/>
      <c r="BU22" s="37"/>
      <c r="BV22" s="37"/>
      <c r="BW22" s="37"/>
      <c r="BX22" s="37"/>
      <c r="BY22" s="37"/>
      <c r="BZ22" s="37"/>
      <c r="CA22" s="37"/>
      <c r="CB22" s="37"/>
      <c r="CC22" s="37"/>
      <c r="CD22" s="37"/>
      <c r="CE22" s="37"/>
      <c r="CF22" s="37"/>
      <c r="CG22" s="37"/>
      <c r="CH22" s="37"/>
      <c r="CI22" s="37"/>
      <c r="CJ22" s="37"/>
      <c r="CK22" s="37"/>
      <c r="CL22" s="37"/>
      <c r="CM22" s="37"/>
      <c r="CN22" s="37"/>
      <c r="CO22" s="37"/>
      <c r="CP22" s="37"/>
      <c r="CQ22" s="37"/>
      <c r="CR22" s="37"/>
      <c r="CS22" s="37"/>
      <c r="CT22" s="37"/>
      <c r="CU22" s="37"/>
      <c r="CV22" s="37"/>
      <c r="CW22" s="37"/>
      <c r="CX22" s="37"/>
      <c r="CY22" s="37"/>
      <c r="CZ22" s="37"/>
      <c r="DA22" s="37"/>
      <c r="DB22" s="37"/>
      <c r="DC22" s="37"/>
      <c r="DD22" s="37"/>
      <c r="DE22" s="37"/>
      <c r="DF22" s="37"/>
      <c r="DG22" s="37"/>
      <c r="DH22" s="37"/>
      <c r="DI22" s="37"/>
      <c r="DJ22" s="37"/>
      <c r="DK22" s="37"/>
      <c r="DL22" s="37"/>
      <c r="DM22" s="37"/>
      <c r="DN22" s="37"/>
      <c r="DO22" s="37"/>
      <c r="DP22" s="37"/>
      <c r="DQ22" s="37"/>
      <c r="DR22" s="37"/>
      <c r="DS22" s="37"/>
      <c r="DT22" s="37"/>
      <c r="DU22" s="37"/>
      <c r="DV22" s="37"/>
      <c r="DW22" s="37"/>
      <c r="DX22" s="37"/>
      <c r="DY22" s="37"/>
      <c r="DZ22" s="37"/>
      <c r="EA22" s="37"/>
      <c r="EB22" s="37"/>
      <c r="EC22" s="37"/>
      <c r="ED22" s="37"/>
      <c r="EE22" s="37"/>
      <c r="EF22" s="37"/>
      <c r="EG22" s="37"/>
      <c r="EH22" s="37"/>
      <c r="EI22" s="37"/>
      <c r="EJ22" s="37"/>
      <c r="EK22" s="37"/>
      <c r="EL22" s="37"/>
      <c r="EM22" s="37"/>
      <c r="EN22" s="37"/>
      <c r="EO22" s="37"/>
      <c r="EP22" s="37"/>
      <c r="EQ22" s="37"/>
      <c r="ER22" s="37"/>
      <c r="ES22" s="37"/>
      <c r="ET22" s="37"/>
      <c r="EU22" s="37"/>
      <c r="EV22" s="37"/>
      <c r="EW22" s="37"/>
      <c r="EX22" s="37"/>
      <c r="EY22" s="37"/>
      <c r="EZ22" s="37"/>
      <c r="FA22" s="37"/>
      <c r="FB22" s="37"/>
      <c r="FC22" s="37"/>
      <c r="FD22" s="37"/>
      <c r="FE22" s="37"/>
      <c r="FF22" s="37"/>
      <c r="FG22" s="37"/>
      <c r="FH22" s="37"/>
      <c r="FI22" s="37"/>
      <c r="FJ22" s="37"/>
      <c r="FK22" s="37"/>
      <c r="FL22" s="37"/>
      <c r="FM22" s="37"/>
      <c r="FN22" s="37"/>
      <c r="FO22" s="37"/>
      <c r="FP22" s="37"/>
      <c r="FQ22" s="37"/>
      <c r="FR22" s="37"/>
      <c r="FS22" s="37"/>
      <c r="FT22" s="37"/>
      <c r="FU22" s="37"/>
      <c r="FV22" s="37"/>
      <c r="FW22" s="37"/>
      <c r="FX22" s="37"/>
      <c r="FY22" s="37"/>
      <c r="FZ22" s="37"/>
      <c r="GA22" s="37"/>
      <c r="GB22" s="37"/>
      <c r="GC22" s="37"/>
      <c r="GD22" s="37"/>
      <c r="GE22" s="37"/>
      <c r="GF22" s="37"/>
      <c r="GG22" s="37"/>
      <c r="GH22" s="37"/>
      <c r="GI22" s="37"/>
      <c r="GJ22" s="37"/>
      <c r="GK22" s="37"/>
      <c r="GL22" s="37"/>
      <c r="GM22" s="37"/>
      <c r="GN22" s="37"/>
      <c r="GO22" s="37"/>
      <c r="GP22" s="37"/>
      <c r="GQ22" s="37"/>
      <c r="GR22" s="37"/>
      <c r="GS22" s="37"/>
      <c r="GT22" s="37"/>
      <c r="GU22" s="37"/>
      <c r="GV22" s="37"/>
      <c r="GW22" s="37"/>
      <c r="GX22" s="37"/>
      <c r="GY22" s="37"/>
      <c r="GZ22" s="37"/>
      <c r="HA22" s="37"/>
      <c r="HB22" s="37"/>
      <c r="HC22" s="37"/>
      <c r="HD22" s="37"/>
      <c r="HE22" s="37"/>
      <c r="HF22" s="37"/>
      <c r="HG22" s="37"/>
      <c r="HH22" s="37"/>
      <c r="HI22" s="37"/>
      <c r="HJ22" s="37"/>
      <c r="HK22" s="37"/>
      <c r="HL22" s="37"/>
      <c r="HM22" s="37"/>
      <c r="HN22" s="37"/>
      <c r="HO22" s="37"/>
      <c r="HP22" s="37"/>
      <c r="HQ22" s="37"/>
      <c r="HR22" s="37"/>
      <c r="HS22" s="37"/>
      <c r="HT22" s="37"/>
      <c r="HU22" s="37"/>
      <c r="HV22" s="37"/>
      <c r="HW22" s="37"/>
      <c r="HX22" s="37"/>
      <c r="HY22" s="37"/>
      <c r="HZ22" s="37"/>
      <c r="IA22" s="37"/>
      <c r="IB22" s="37"/>
      <c r="IC22" s="37"/>
      <c r="ID22" s="37"/>
      <c r="IE22" s="37"/>
      <c r="IF22" s="37"/>
      <c r="IG22" s="37"/>
      <c r="IH22" s="37"/>
      <c r="II22" s="37"/>
      <c r="IJ22" s="37"/>
      <c r="IK22" s="37"/>
      <c r="IL22" s="37"/>
      <c r="IM22" s="37"/>
      <c r="IN22" s="37"/>
      <c r="IO22" s="37"/>
      <c r="IP22" s="37"/>
      <c r="IQ22" s="37"/>
      <c r="IR22" s="37"/>
      <c r="IS22" s="37"/>
      <c r="IT22" s="37"/>
      <c r="IU22" s="37"/>
      <c r="IV22" s="37"/>
      <c r="IW22" s="37"/>
      <c r="IX22" s="37"/>
      <c r="IY22" s="37"/>
    </row>
    <row r="23" spans="1:259" s="18" customFormat="1" ht="69.900000000000006" customHeight="1" thickBot="1" x14ac:dyDescent="0.25">
      <c r="A23" s="39" t="s">
        <v>16</v>
      </c>
      <c r="B23" s="40"/>
      <c r="C23" s="40"/>
      <c r="D23" s="40"/>
      <c r="E23" s="40"/>
      <c r="F23" s="40"/>
      <c r="G23" s="40"/>
      <c r="H23" s="40"/>
      <c r="I23" s="40"/>
      <c r="J23" s="40"/>
      <c r="K23" s="40"/>
      <c r="L23" s="40"/>
      <c r="M23" s="40"/>
      <c r="N23" s="40"/>
      <c r="O23" s="40"/>
      <c r="P23" s="40"/>
      <c r="Q23" s="41"/>
      <c r="R23" s="42"/>
      <c r="S23" s="43"/>
      <c r="T23" s="44" t="s">
        <v>17</v>
      </c>
      <c r="U23" s="45"/>
    </row>
    <row r="24" spans="1:259" s="18" customFormat="1" ht="69.900000000000006" customHeight="1" thickBot="1" x14ac:dyDescent="0.25">
      <c r="A24" s="46" t="s">
        <v>18</v>
      </c>
      <c r="B24" s="47"/>
      <c r="C24" s="47"/>
      <c r="D24" s="47"/>
      <c r="E24" s="47"/>
      <c r="F24" s="47"/>
      <c r="G24" s="47"/>
      <c r="H24" s="47"/>
      <c r="I24" s="47"/>
      <c r="J24" s="47"/>
      <c r="K24" s="47"/>
      <c r="L24" s="47"/>
      <c r="M24" s="47"/>
      <c r="N24" s="47"/>
      <c r="O24" s="47"/>
      <c r="P24" s="47"/>
      <c r="Q24" s="48"/>
      <c r="R24" s="42"/>
      <c r="S24" s="43"/>
      <c r="T24" s="44"/>
      <c r="U24" s="45"/>
    </row>
    <row r="25" spans="1:259" s="57" customFormat="1" ht="345" customHeight="1" thickTop="1" thickBot="1" x14ac:dyDescent="0.25">
      <c r="A25" s="49" t="s">
        <v>19</v>
      </c>
      <c r="B25" s="50"/>
      <c r="C25" s="50"/>
      <c r="D25" s="50"/>
      <c r="E25" s="50"/>
      <c r="F25" s="50"/>
      <c r="G25" s="50"/>
      <c r="H25" s="50"/>
      <c r="I25" s="50"/>
      <c r="J25" s="50"/>
      <c r="K25" s="50"/>
      <c r="L25" s="51"/>
      <c r="M25" s="50"/>
      <c r="N25" s="50"/>
      <c r="O25" s="52" t="s">
        <v>20</v>
      </c>
      <c r="P25" s="53" t="s">
        <v>21</v>
      </c>
      <c r="Q25" s="54" t="s">
        <v>22</v>
      </c>
      <c r="R25" s="55"/>
      <c r="S25" s="43"/>
      <c r="T25" s="56"/>
      <c r="U25" s="45"/>
    </row>
    <row r="26" spans="1:259" s="57" customFormat="1" ht="242.4" customHeight="1" thickTop="1" thickBot="1" x14ac:dyDescent="0.25">
      <c r="A26" s="58" t="s">
        <v>23</v>
      </c>
      <c r="B26" s="59"/>
      <c r="C26" s="59"/>
      <c r="D26" s="59"/>
      <c r="E26" s="59"/>
      <c r="F26" s="59"/>
      <c r="G26" s="59"/>
      <c r="H26" s="59"/>
      <c r="I26" s="59"/>
      <c r="J26" s="59"/>
      <c r="K26" s="59"/>
      <c r="L26" s="60"/>
      <c r="M26" s="59"/>
      <c r="N26" s="59"/>
      <c r="O26" s="53" t="s">
        <v>24</v>
      </c>
      <c r="P26" s="61" t="s">
        <v>25</v>
      </c>
      <c r="Q26" s="62" t="s">
        <v>22</v>
      </c>
      <c r="R26" s="55"/>
      <c r="S26" s="43"/>
      <c r="T26" s="56"/>
      <c r="U26" s="45"/>
    </row>
    <row r="27" spans="1:259" s="57" customFormat="1" ht="228.6" customHeight="1" thickTop="1" thickBot="1" x14ac:dyDescent="0.25">
      <c r="A27" s="63" t="s">
        <v>26</v>
      </c>
      <c r="B27" s="64"/>
      <c r="C27" s="64"/>
      <c r="D27" s="64"/>
      <c r="E27" s="64"/>
      <c r="F27" s="64"/>
      <c r="G27" s="64"/>
      <c r="H27" s="64"/>
      <c r="I27" s="64"/>
      <c r="J27" s="64"/>
      <c r="K27" s="64"/>
      <c r="L27" s="65"/>
      <c r="M27" s="64"/>
      <c r="N27" s="66" t="s">
        <v>27</v>
      </c>
      <c r="O27" s="67" t="s">
        <v>20</v>
      </c>
      <c r="P27" s="68" t="s">
        <v>25</v>
      </c>
      <c r="Q27" s="69" t="s">
        <v>22</v>
      </c>
      <c r="R27" s="55"/>
      <c r="S27" s="43"/>
      <c r="T27" s="56"/>
      <c r="U27" s="45"/>
    </row>
    <row r="28" spans="1:259" s="18" customFormat="1" ht="69.900000000000006" customHeight="1" thickTop="1" x14ac:dyDescent="0.2">
      <c r="A28" s="70" t="s">
        <v>28</v>
      </c>
      <c r="B28" s="71"/>
      <c r="C28" s="71"/>
      <c r="D28" s="71"/>
      <c r="E28" s="71"/>
      <c r="F28" s="71"/>
      <c r="G28" s="71"/>
      <c r="H28" s="71"/>
      <c r="I28" s="71"/>
      <c r="J28" s="71"/>
      <c r="K28" s="71"/>
      <c r="L28" s="72"/>
      <c r="M28" s="71"/>
      <c r="N28" s="71"/>
      <c r="O28" s="71"/>
      <c r="P28" s="71"/>
      <c r="Q28" s="73"/>
      <c r="R28" s="42"/>
      <c r="S28" s="43"/>
      <c r="T28" s="74"/>
      <c r="U28" s="45"/>
    </row>
    <row r="29" spans="1:259" s="57" customFormat="1" ht="75" customHeight="1" x14ac:dyDescent="0.2">
      <c r="A29" s="75"/>
      <c r="B29" s="76"/>
      <c r="C29" s="76"/>
      <c r="D29" s="76"/>
      <c r="E29" s="76"/>
      <c r="F29" s="76"/>
      <c r="G29" s="76"/>
      <c r="H29" s="76"/>
      <c r="I29" s="76"/>
      <c r="J29" s="76"/>
      <c r="K29" s="76"/>
      <c r="L29" s="77"/>
      <c r="M29" s="76"/>
      <c r="N29" s="76"/>
      <c r="O29" s="76"/>
      <c r="P29" s="76"/>
      <c r="Q29" s="78"/>
      <c r="R29" s="55"/>
      <c r="S29" s="43"/>
      <c r="T29" s="79"/>
      <c r="U29" s="45"/>
    </row>
    <row r="30" spans="1:259" s="57" customFormat="1" ht="75" customHeight="1" thickBot="1" x14ac:dyDescent="0.25">
      <c r="A30" s="80"/>
      <c r="B30" s="81"/>
      <c r="C30" s="81"/>
      <c r="D30" s="81"/>
      <c r="E30" s="81"/>
      <c r="F30" s="81"/>
      <c r="G30" s="81"/>
      <c r="H30" s="81"/>
      <c r="I30" s="81"/>
      <c r="J30" s="81"/>
      <c r="K30" s="81"/>
      <c r="L30" s="82"/>
      <c r="M30" s="81"/>
      <c r="N30" s="81"/>
      <c r="O30" s="81"/>
      <c r="P30" s="81"/>
      <c r="Q30" s="83"/>
      <c r="R30" s="55"/>
      <c r="S30" s="43"/>
      <c r="T30" s="79"/>
      <c r="U30" s="45"/>
    </row>
    <row r="31" spans="1:259" s="18" customFormat="1" ht="69.900000000000006" customHeight="1" thickBot="1" x14ac:dyDescent="0.25">
      <c r="A31" s="84" t="s">
        <v>29</v>
      </c>
      <c r="B31" s="85"/>
      <c r="C31" s="85"/>
      <c r="D31" s="85"/>
      <c r="E31" s="85"/>
      <c r="F31" s="85"/>
      <c r="G31" s="85"/>
      <c r="H31" s="85"/>
      <c r="I31" s="85"/>
      <c r="J31" s="85"/>
      <c r="K31" s="85"/>
      <c r="L31" s="86"/>
      <c r="M31" s="85"/>
      <c r="N31" s="85"/>
      <c r="O31" s="85"/>
      <c r="P31" s="85"/>
      <c r="Q31" s="87"/>
      <c r="R31" s="42"/>
      <c r="S31" s="43"/>
      <c r="T31" s="43"/>
      <c r="U31" s="45"/>
    </row>
    <row r="32" spans="1:259" s="57" customFormat="1" ht="279.75" customHeight="1" thickTop="1" thickBot="1" x14ac:dyDescent="0.25">
      <c r="A32" s="88" t="s">
        <v>30</v>
      </c>
      <c r="B32" s="89"/>
      <c r="C32" s="89"/>
      <c r="D32" s="89"/>
      <c r="E32" s="89"/>
      <c r="F32" s="89"/>
      <c r="G32" s="89"/>
      <c r="H32" s="89"/>
      <c r="I32" s="89"/>
      <c r="J32" s="89"/>
      <c r="K32" s="89"/>
      <c r="L32" s="90"/>
      <c r="M32" s="89"/>
      <c r="N32" s="89"/>
      <c r="O32" s="52" t="s">
        <v>20</v>
      </c>
      <c r="P32" s="53" t="s">
        <v>21</v>
      </c>
      <c r="Q32" s="54" t="s">
        <v>22</v>
      </c>
      <c r="R32" s="55"/>
      <c r="S32" s="43"/>
      <c r="T32" s="56"/>
      <c r="U32" s="45"/>
    </row>
    <row r="33" spans="1:57" s="57" customFormat="1" ht="140.1" customHeight="1" thickTop="1" thickBot="1" x14ac:dyDescent="0.25">
      <c r="A33" s="91" t="s">
        <v>31</v>
      </c>
      <c r="B33" s="92"/>
      <c r="C33" s="92"/>
      <c r="D33" s="92"/>
      <c r="E33" s="92"/>
      <c r="F33" s="92"/>
      <c r="G33" s="92"/>
      <c r="H33" s="92"/>
      <c r="I33" s="92"/>
      <c r="J33" s="92"/>
      <c r="K33" s="92"/>
      <c r="L33" s="93"/>
      <c r="M33" s="92"/>
      <c r="N33" s="92"/>
      <c r="O33" s="53" t="s">
        <v>24</v>
      </c>
      <c r="P33" s="61" t="s">
        <v>25</v>
      </c>
      <c r="Q33" s="62" t="s">
        <v>22</v>
      </c>
      <c r="R33" s="55"/>
      <c r="S33" s="43"/>
      <c r="T33" s="56"/>
      <c r="U33" s="45"/>
    </row>
    <row r="34" spans="1:57" s="57" customFormat="1" ht="132" customHeight="1" thickTop="1" thickBot="1" x14ac:dyDescent="0.25">
      <c r="A34" s="94" t="s">
        <v>32</v>
      </c>
      <c r="B34" s="95"/>
      <c r="C34" s="95"/>
      <c r="D34" s="95"/>
      <c r="E34" s="95"/>
      <c r="F34" s="95"/>
      <c r="G34" s="95"/>
      <c r="H34" s="95"/>
      <c r="I34" s="95"/>
      <c r="J34" s="95"/>
      <c r="K34" s="95"/>
      <c r="L34" s="96"/>
      <c r="M34" s="95"/>
      <c r="N34" s="95"/>
      <c r="O34" s="53" t="s">
        <v>20</v>
      </c>
      <c r="P34" s="53" t="s">
        <v>21</v>
      </c>
      <c r="Q34" s="54" t="s">
        <v>22</v>
      </c>
      <c r="R34" s="55"/>
      <c r="S34" s="43"/>
      <c r="T34" s="56"/>
      <c r="U34" s="45"/>
    </row>
    <row r="35" spans="1:57" s="18" customFormat="1" ht="69.900000000000006" customHeight="1" thickTop="1" x14ac:dyDescent="0.2">
      <c r="A35" s="70" t="s">
        <v>33</v>
      </c>
      <c r="B35" s="71"/>
      <c r="C35" s="71"/>
      <c r="D35" s="71"/>
      <c r="E35" s="71"/>
      <c r="F35" s="71"/>
      <c r="G35" s="71"/>
      <c r="H35" s="71"/>
      <c r="I35" s="71"/>
      <c r="J35" s="71"/>
      <c r="K35" s="71"/>
      <c r="L35" s="72"/>
      <c r="M35" s="71"/>
      <c r="N35" s="71"/>
      <c r="O35" s="71"/>
      <c r="P35" s="71"/>
      <c r="Q35" s="73"/>
      <c r="R35" s="42"/>
      <c r="S35" s="43"/>
      <c r="T35" s="74"/>
      <c r="U35" s="45"/>
    </row>
    <row r="36" spans="1:57" s="57" customFormat="1" ht="75" customHeight="1" x14ac:dyDescent="0.2">
      <c r="A36" s="75"/>
      <c r="B36" s="76"/>
      <c r="C36" s="76"/>
      <c r="D36" s="76"/>
      <c r="E36" s="76"/>
      <c r="F36" s="76"/>
      <c r="G36" s="76"/>
      <c r="H36" s="76"/>
      <c r="I36" s="76"/>
      <c r="J36" s="76"/>
      <c r="K36" s="76"/>
      <c r="L36" s="77"/>
      <c r="M36" s="76"/>
      <c r="N36" s="76"/>
      <c r="O36" s="76"/>
      <c r="P36" s="76"/>
      <c r="Q36" s="78"/>
      <c r="R36" s="55"/>
      <c r="S36" s="43"/>
      <c r="T36" s="79"/>
      <c r="U36" s="45"/>
    </row>
    <row r="37" spans="1:57" s="57" customFormat="1" ht="75" customHeight="1" thickBot="1" x14ac:dyDescent="0.25">
      <c r="A37" s="80"/>
      <c r="B37" s="81"/>
      <c r="C37" s="81"/>
      <c r="D37" s="81"/>
      <c r="E37" s="81"/>
      <c r="F37" s="81"/>
      <c r="G37" s="81"/>
      <c r="H37" s="81"/>
      <c r="I37" s="81"/>
      <c r="J37" s="81"/>
      <c r="K37" s="81"/>
      <c r="L37" s="82"/>
      <c r="M37" s="81"/>
      <c r="N37" s="81"/>
      <c r="O37" s="81"/>
      <c r="P37" s="81"/>
      <c r="Q37" s="83"/>
      <c r="R37" s="55"/>
      <c r="S37" s="43"/>
      <c r="T37" s="79"/>
      <c r="U37" s="45"/>
    </row>
    <row r="38" spans="1:57" s="18" customFormat="1" ht="69.900000000000006" customHeight="1" thickBot="1" x14ac:dyDescent="0.25">
      <c r="A38" s="84" t="s">
        <v>34</v>
      </c>
      <c r="B38" s="85"/>
      <c r="C38" s="85"/>
      <c r="D38" s="85"/>
      <c r="E38" s="85"/>
      <c r="F38" s="85"/>
      <c r="G38" s="85"/>
      <c r="H38" s="85"/>
      <c r="I38" s="85"/>
      <c r="J38" s="85"/>
      <c r="K38" s="85"/>
      <c r="L38" s="86"/>
      <c r="M38" s="85"/>
      <c r="N38" s="85"/>
      <c r="O38" s="85"/>
      <c r="P38" s="85"/>
      <c r="Q38" s="87"/>
      <c r="R38" s="55"/>
      <c r="S38" s="43"/>
      <c r="T38" s="97"/>
      <c r="U38" s="45"/>
      <c r="V38" s="98"/>
      <c r="W38" s="98"/>
      <c r="X38" s="98"/>
      <c r="Y38" s="98"/>
      <c r="Z38" s="98"/>
      <c r="AA38" s="98"/>
      <c r="AB38" s="98"/>
      <c r="AC38" s="98"/>
      <c r="AD38" s="98"/>
      <c r="AE38" s="98"/>
      <c r="AF38" s="98"/>
      <c r="AG38" s="98"/>
      <c r="AH38" s="98"/>
      <c r="AI38" s="98"/>
      <c r="AJ38" s="98"/>
      <c r="AK38" s="98"/>
      <c r="AL38" s="98"/>
      <c r="AM38" s="98"/>
      <c r="AN38" s="98"/>
      <c r="AO38" s="98"/>
      <c r="AP38" s="98"/>
      <c r="AQ38" s="98"/>
      <c r="AR38" s="98"/>
      <c r="AS38" s="98"/>
      <c r="AT38" s="98"/>
      <c r="AU38" s="98"/>
      <c r="AV38" s="98"/>
      <c r="AW38" s="98"/>
      <c r="AX38" s="98"/>
      <c r="AY38" s="98"/>
      <c r="AZ38" s="98"/>
      <c r="BA38" s="98"/>
      <c r="BB38" s="98"/>
      <c r="BC38" s="98"/>
      <c r="BD38" s="98"/>
      <c r="BE38" s="98"/>
    </row>
    <row r="39" spans="1:57" s="57" customFormat="1" ht="409.6" customHeight="1" thickTop="1" thickBot="1" x14ac:dyDescent="0.25">
      <c r="A39" s="99" t="s">
        <v>35</v>
      </c>
      <c r="B39" s="100"/>
      <c r="C39" s="100"/>
      <c r="D39" s="100"/>
      <c r="E39" s="100"/>
      <c r="F39" s="100"/>
      <c r="G39" s="100"/>
      <c r="H39" s="100"/>
      <c r="I39" s="100"/>
      <c r="J39" s="100"/>
      <c r="K39" s="100"/>
      <c r="L39" s="101"/>
      <c r="M39" s="100"/>
      <c r="N39" s="100"/>
      <c r="O39" s="102" t="s">
        <v>20</v>
      </c>
      <c r="P39" s="102" t="s">
        <v>21</v>
      </c>
      <c r="Q39" s="103" t="s">
        <v>22</v>
      </c>
      <c r="R39" s="55"/>
      <c r="S39" s="43"/>
      <c r="T39" s="104"/>
      <c r="U39" s="105"/>
      <c r="V39" s="106"/>
      <c r="W39" s="106"/>
      <c r="X39" s="106"/>
      <c r="Y39" s="106"/>
      <c r="Z39" s="106"/>
      <c r="AA39" s="106"/>
      <c r="AB39" s="106"/>
      <c r="AC39" s="106"/>
      <c r="AD39" s="106"/>
      <c r="AE39" s="106"/>
      <c r="AF39" s="106"/>
      <c r="AG39" s="106"/>
      <c r="AH39" s="106"/>
      <c r="AI39" s="106"/>
      <c r="AJ39" s="106"/>
      <c r="AK39" s="106"/>
      <c r="AL39" s="106"/>
      <c r="AM39" s="106"/>
      <c r="AN39" s="106"/>
      <c r="AO39" s="106"/>
      <c r="AP39" s="106"/>
      <c r="AQ39" s="106"/>
      <c r="AR39" s="106"/>
      <c r="AS39" s="106"/>
      <c r="AT39" s="106"/>
      <c r="AU39" s="106"/>
      <c r="AV39" s="106"/>
      <c r="AW39" s="106"/>
      <c r="AX39" s="106"/>
      <c r="AY39" s="106"/>
      <c r="AZ39" s="106"/>
      <c r="BA39" s="106"/>
      <c r="BB39" s="106"/>
      <c r="BC39" s="106"/>
      <c r="BD39" s="106"/>
      <c r="BE39" s="106"/>
    </row>
    <row r="40" spans="1:57" s="57" customFormat="1" ht="322.5" customHeight="1" thickTop="1" thickBot="1" x14ac:dyDescent="0.25">
      <c r="A40" s="107"/>
      <c r="B40" s="108"/>
      <c r="C40" s="108"/>
      <c r="D40" s="108"/>
      <c r="E40" s="108"/>
      <c r="F40" s="108"/>
      <c r="G40" s="108"/>
      <c r="H40" s="108"/>
      <c r="I40" s="108"/>
      <c r="J40" s="108"/>
      <c r="K40" s="108"/>
      <c r="L40" s="101"/>
      <c r="M40" s="108"/>
      <c r="N40" s="108"/>
      <c r="O40" s="109"/>
      <c r="P40" s="109"/>
      <c r="Q40" s="110"/>
      <c r="R40" s="55"/>
      <c r="S40" s="43"/>
      <c r="T40" s="111"/>
      <c r="U40" s="105"/>
      <c r="V40" s="106"/>
      <c r="W40" s="106"/>
      <c r="X40" s="106"/>
      <c r="Y40" s="106"/>
      <c r="Z40" s="106"/>
      <c r="AA40" s="106"/>
      <c r="AB40" s="106"/>
      <c r="AC40" s="106"/>
      <c r="AD40" s="106"/>
      <c r="AE40" s="106"/>
      <c r="AF40" s="106"/>
      <c r="AG40" s="106"/>
      <c r="AH40" s="106"/>
      <c r="AI40" s="106"/>
      <c r="AJ40" s="106"/>
      <c r="AK40" s="106"/>
      <c r="AL40" s="106"/>
      <c r="AM40" s="106"/>
      <c r="AN40" s="106"/>
      <c r="AO40" s="106"/>
      <c r="AP40" s="106"/>
      <c r="AQ40" s="106"/>
      <c r="AR40" s="106"/>
      <c r="AS40" s="106"/>
      <c r="AT40" s="106"/>
      <c r="AU40" s="106"/>
      <c r="AV40" s="106"/>
      <c r="AW40" s="106"/>
      <c r="AX40" s="106"/>
      <c r="AY40" s="106"/>
      <c r="AZ40" s="106"/>
      <c r="BA40" s="106"/>
      <c r="BB40" s="106"/>
      <c r="BC40" s="106"/>
      <c r="BD40" s="106"/>
      <c r="BE40" s="106"/>
    </row>
    <row r="41" spans="1:57" s="57" customFormat="1" ht="140.1" customHeight="1" thickTop="1" thickBot="1" x14ac:dyDescent="0.25">
      <c r="A41" s="58" t="s">
        <v>36</v>
      </c>
      <c r="B41" s="59"/>
      <c r="C41" s="59"/>
      <c r="D41" s="59"/>
      <c r="E41" s="59"/>
      <c r="F41" s="59"/>
      <c r="G41" s="59"/>
      <c r="H41" s="59"/>
      <c r="I41" s="59"/>
      <c r="J41" s="59"/>
      <c r="K41" s="59"/>
      <c r="L41" s="60"/>
      <c r="M41" s="59"/>
      <c r="N41" s="59"/>
      <c r="O41" s="52" t="s">
        <v>24</v>
      </c>
      <c r="P41" s="61" t="s">
        <v>25</v>
      </c>
      <c r="Q41" s="62" t="s">
        <v>22</v>
      </c>
      <c r="R41" s="55"/>
      <c r="S41" s="43"/>
      <c r="T41" s="56"/>
      <c r="U41" s="105"/>
      <c r="V41" s="106"/>
      <c r="W41" s="106"/>
      <c r="X41" s="106"/>
      <c r="Y41" s="106"/>
      <c r="Z41" s="106"/>
      <c r="AA41" s="106"/>
      <c r="AB41" s="106"/>
      <c r="AC41" s="106"/>
      <c r="AD41" s="106"/>
      <c r="AE41" s="106"/>
      <c r="AF41" s="106"/>
      <c r="AG41" s="106"/>
      <c r="AH41" s="106"/>
      <c r="AI41" s="106"/>
      <c r="AJ41" s="106"/>
      <c r="AK41" s="106"/>
      <c r="AL41" s="106"/>
      <c r="AM41" s="106"/>
      <c r="AN41" s="106"/>
      <c r="AO41" s="106"/>
      <c r="AP41" s="106"/>
      <c r="AQ41" s="106"/>
      <c r="AR41" s="106"/>
      <c r="AS41" s="106"/>
      <c r="AT41" s="106"/>
      <c r="AU41" s="106"/>
      <c r="AV41" s="106"/>
      <c r="AW41" s="106"/>
      <c r="AX41" s="106"/>
      <c r="AY41" s="106"/>
      <c r="AZ41" s="106"/>
      <c r="BA41" s="106"/>
      <c r="BB41" s="106"/>
      <c r="BC41" s="106"/>
      <c r="BD41" s="106"/>
      <c r="BE41" s="106"/>
    </row>
    <row r="42" spans="1:57" s="57" customFormat="1" ht="140.1" customHeight="1" thickTop="1" thickBot="1" x14ac:dyDescent="0.25">
      <c r="A42" s="63" t="s">
        <v>37</v>
      </c>
      <c r="B42" s="64"/>
      <c r="C42" s="64"/>
      <c r="D42" s="64"/>
      <c r="E42" s="64"/>
      <c r="F42" s="64"/>
      <c r="G42" s="64"/>
      <c r="H42" s="64"/>
      <c r="I42" s="64"/>
      <c r="J42" s="64"/>
      <c r="K42" s="64"/>
      <c r="L42" s="65"/>
      <c r="M42" s="64"/>
      <c r="N42" s="64"/>
      <c r="O42" s="52" t="s">
        <v>20</v>
      </c>
      <c r="P42" s="52" t="s">
        <v>21</v>
      </c>
      <c r="Q42" s="112" t="s">
        <v>22</v>
      </c>
      <c r="R42" s="55"/>
      <c r="S42" s="43"/>
      <c r="T42" s="56"/>
      <c r="U42" s="105"/>
      <c r="V42" s="106"/>
      <c r="W42" s="106"/>
      <c r="X42" s="106"/>
      <c r="Y42" s="106"/>
      <c r="Z42" s="106"/>
      <c r="AA42" s="106"/>
      <c r="AB42" s="106"/>
      <c r="AC42" s="106"/>
      <c r="AD42" s="106"/>
      <c r="AE42" s="106"/>
      <c r="AF42" s="106"/>
      <c r="AG42" s="106"/>
      <c r="AH42" s="106"/>
      <c r="AI42" s="106"/>
      <c r="AJ42" s="106"/>
      <c r="AK42" s="106"/>
      <c r="AL42" s="106"/>
      <c r="AM42" s="106"/>
      <c r="AN42" s="106"/>
      <c r="AO42" s="106"/>
      <c r="AP42" s="106"/>
      <c r="AQ42" s="106"/>
      <c r="AR42" s="106"/>
      <c r="AS42" s="106"/>
      <c r="AT42" s="106"/>
      <c r="AU42" s="106"/>
      <c r="AV42" s="106"/>
      <c r="AW42" s="106"/>
      <c r="AX42" s="106"/>
      <c r="AY42" s="106"/>
      <c r="AZ42" s="106"/>
      <c r="BA42" s="106"/>
      <c r="BB42" s="106"/>
      <c r="BC42" s="106"/>
      <c r="BD42" s="106"/>
      <c r="BE42" s="106"/>
    </row>
    <row r="43" spans="1:57" s="18" customFormat="1" ht="69.900000000000006" customHeight="1" thickTop="1" x14ac:dyDescent="0.2">
      <c r="A43" s="70" t="s">
        <v>28</v>
      </c>
      <c r="B43" s="71"/>
      <c r="C43" s="71"/>
      <c r="D43" s="71"/>
      <c r="E43" s="71"/>
      <c r="F43" s="71"/>
      <c r="G43" s="71"/>
      <c r="H43" s="71"/>
      <c r="I43" s="71"/>
      <c r="J43" s="71"/>
      <c r="K43" s="71"/>
      <c r="L43" s="72"/>
      <c r="M43" s="71"/>
      <c r="N43" s="71"/>
      <c r="O43" s="71"/>
      <c r="P43" s="71"/>
      <c r="Q43" s="73"/>
      <c r="R43" s="42"/>
      <c r="S43" s="43"/>
      <c r="T43" s="74"/>
      <c r="U43" s="45"/>
    </row>
    <row r="44" spans="1:57" s="57" customFormat="1" ht="75" customHeight="1" x14ac:dyDescent="0.2">
      <c r="A44" s="75"/>
      <c r="B44" s="76"/>
      <c r="C44" s="76"/>
      <c r="D44" s="76"/>
      <c r="E44" s="76"/>
      <c r="F44" s="76"/>
      <c r="G44" s="76"/>
      <c r="H44" s="76"/>
      <c r="I44" s="76"/>
      <c r="J44" s="76"/>
      <c r="K44" s="76"/>
      <c r="L44" s="77"/>
      <c r="M44" s="76"/>
      <c r="N44" s="76"/>
      <c r="O44" s="76"/>
      <c r="P44" s="76"/>
      <c r="Q44" s="78"/>
      <c r="R44" s="55"/>
      <c r="S44" s="43"/>
      <c r="T44" s="79"/>
      <c r="U44" s="45"/>
    </row>
    <row r="45" spans="1:57" s="57" customFormat="1" ht="75" customHeight="1" thickBot="1" x14ac:dyDescent="0.25">
      <c r="A45" s="80"/>
      <c r="B45" s="81"/>
      <c r="C45" s="81"/>
      <c r="D45" s="81"/>
      <c r="E45" s="81"/>
      <c r="F45" s="81"/>
      <c r="G45" s="81"/>
      <c r="H45" s="81"/>
      <c r="I45" s="81"/>
      <c r="J45" s="81"/>
      <c r="K45" s="81"/>
      <c r="L45" s="82"/>
      <c r="M45" s="81"/>
      <c r="N45" s="81"/>
      <c r="O45" s="81"/>
      <c r="P45" s="81"/>
      <c r="Q45" s="83"/>
      <c r="R45" s="55"/>
      <c r="S45" s="43"/>
      <c r="T45" s="113"/>
      <c r="U45" s="45"/>
    </row>
    <row r="46" spans="1:57" s="18" customFormat="1" ht="69.900000000000006" customHeight="1" thickBot="1" x14ac:dyDescent="0.25">
      <c r="A46" s="84" t="s">
        <v>38</v>
      </c>
      <c r="B46" s="85"/>
      <c r="C46" s="85"/>
      <c r="D46" s="85"/>
      <c r="E46" s="85"/>
      <c r="F46" s="85"/>
      <c r="G46" s="85"/>
      <c r="H46" s="85"/>
      <c r="I46" s="85"/>
      <c r="J46" s="85"/>
      <c r="K46" s="85"/>
      <c r="L46" s="86"/>
      <c r="M46" s="85"/>
      <c r="N46" s="85"/>
      <c r="O46" s="85"/>
      <c r="P46" s="85"/>
      <c r="Q46" s="87"/>
      <c r="R46" s="55"/>
      <c r="S46" s="43"/>
      <c r="T46" s="114" t="s">
        <v>39</v>
      </c>
      <c r="U46" s="105"/>
      <c r="V46" s="98"/>
      <c r="W46" s="98"/>
      <c r="X46" s="98"/>
      <c r="Y46" s="98"/>
      <c r="Z46" s="98"/>
      <c r="AA46" s="98"/>
      <c r="AB46" s="98"/>
      <c r="AC46" s="98"/>
      <c r="AD46" s="98"/>
      <c r="AE46" s="98"/>
      <c r="AF46" s="98"/>
      <c r="AG46" s="98"/>
      <c r="AH46" s="98"/>
      <c r="AI46" s="98"/>
      <c r="AJ46" s="98"/>
      <c r="AK46" s="98"/>
      <c r="AL46" s="98"/>
      <c r="AM46" s="98"/>
      <c r="AN46" s="98"/>
      <c r="AO46" s="98"/>
      <c r="AP46" s="98"/>
      <c r="AQ46" s="98"/>
      <c r="AR46" s="98"/>
      <c r="AS46" s="98"/>
      <c r="AT46" s="98"/>
      <c r="AU46" s="98"/>
      <c r="AV46" s="98"/>
      <c r="AW46" s="98"/>
      <c r="AX46" s="98"/>
      <c r="AY46" s="98"/>
      <c r="AZ46" s="98"/>
      <c r="BA46" s="98"/>
      <c r="BB46" s="98"/>
      <c r="BC46" s="98"/>
      <c r="BD46" s="98"/>
      <c r="BE46" s="98"/>
    </row>
    <row r="47" spans="1:57" s="57" customFormat="1" ht="69.900000000000006" customHeight="1" thickBot="1" x14ac:dyDescent="0.25">
      <c r="A47" s="49" t="s">
        <v>40</v>
      </c>
      <c r="B47" s="50"/>
      <c r="C47" s="50"/>
      <c r="D47" s="50"/>
      <c r="E47" s="50"/>
      <c r="F47" s="50"/>
      <c r="G47" s="50"/>
      <c r="H47" s="50"/>
      <c r="I47" s="50"/>
      <c r="J47" s="50"/>
      <c r="K47" s="50"/>
      <c r="L47" s="51"/>
      <c r="M47" s="50"/>
      <c r="N47" s="50"/>
      <c r="O47" s="50"/>
      <c r="P47" s="50"/>
      <c r="Q47" s="115"/>
      <c r="R47" s="55"/>
      <c r="S47" s="43"/>
      <c r="T47" s="97"/>
      <c r="U47" s="105"/>
      <c r="V47" s="106"/>
      <c r="W47" s="106"/>
      <c r="X47" s="106"/>
      <c r="Y47" s="106"/>
      <c r="Z47" s="106"/>
      <c r="AA47" s="106"/>
      <c r="AB47" s="106"/>
      <c r="AC47" s="106"/>
      <c r="AD47" s="106"/>
      <c r="AE47" s="106"/>
      <c r="AF47" s="106"/>
      <c r="AG47" s="106"/>
      <c r="AH47" s="106"/>
      <c r="AI47" s="106"/>
      <c r="AJ47" s="106"/>
      <c r="AK47" s="106"/>
      <c r="AL47" s="106"/>
      <c r="AM47" s="106"/>
      <c r="AN47" s="106"/>
      <c r="AO47" s="106"/>
      <c r="AP47" s="106"/>
      <c r="AQ47" s="106"/>
      <c r="AR47" s="106"/>
      <c r="AS47" s="106"/>
      <c r="AT47" s="106"/>
      <c r="AU47" s="106"/>
      <c r="AV47" s="106"/>
      <c r="AW47" s="106"/>
      <c r="AX47" s="106"/>
      <c r="AY47" s="106"/>
      <c r="AZ47" s="106"/>
      <c r="BA47" s="106"/>
      <c r="BB47" s="106"/>
      <c r="BC47" s="106"/>
      <c r="BD47" s="106"/>
      <c r="BE47" s="106"/>
    </row>
    <row r="48" spans="1:57" s="57" customFormat="1" ht="409.5" customHeight="1" thickTop="1" x14ac:dyDescent="0.2">
      <c r="A48" s="63" t="s">
        <v>41</v>
      </c>
      <c r="B48" s="64"/>
      <c r="C48" s="64"/>
      <c r="D48" s="64"/>
      <c r="E48" s="64"/>
      <c r="F48" s="64"/>
      <c r="G48" s="64"/>
      <c r="H48" s="64"/>
      <c r="I48" s="64"/>
      <c r="J48" s="64"/>
      <c r="K48" s="64"/>
      <c r="L48" s="65"/>
      <c r="M48" s="64"/>
      <c r="N48" s="64"/>
      <c r="O48" s="116" t="s">
        <v>24</v>
      </c>
      <c r="P48" s="117" t="s">
        <v>25</v>
      </c>
      <c r="Q48" s="118" t="s">
        <v>22</v>
      </c>
      <c r="R48" s="55"/>
      <c r="S48" s="43"/>
      <c r="T48" s="104"/>
      <c r="U48" s="105"/>
      <c r="V48" s="106"/>
      <c r="W48" s="106"/>
      <c r="X48" s="106"/>
      <c r="Y48" s="106"/>
      <c r="Z48" s="106"/>
      <c r="AA48" s="106"/>
      <c r="AB48" s="106"/>
      <c r="AC48" s="106"/>
      <c r="AD48" s="106"/>
      <c r="AE48" s="106"/>
      <c r="AF48" s="106"/>
      <c r="AG48" s="106"/>
      <c r="AH48" s="106"/>
      <c r="AI48" s="106"/>
      <c r="AJ48" s="106"/>
      <c r="AK48" s="106"/>
      <c r="AL48" s="106"/>
      <c r="AM48" s="106"/>
      <c r="AN48" s="106"/>
      <c r="AO48" s="106"/>
      <c r="AP48" s="106"/>
      <c r="AQ48" s="106"/>
      <c r="AR48" s="106"/>
      <c r="AS48" s="106"/>
      <c r="AT48" s="106"/>
      <c r="AU48" s="106"/>
      <c r="AV48" s="106"/>
      <c r="AW48" s="106"/>
      <c r="AX48" s="106"/>
      <c r="AY48" s="106"/>
      <c r="AZ48" s="106"/>
      <c r="BA48" s="106"/>
      <c r="BB48" s="106"/>
      <c r="BC48" s="106"/>
      <c r="BD48" s="106"/>
      <c r="BE48" s="106"/>
    </row>
    <row r="49" spans="1:57" s="57" customFormat="1" ht="140.1" customHeight="1" thickBot="1" x14ac:dyDescent="0.25">
      <c r="A49" s="119" t="s">
        <v>42</v>
      </c>
      <c r="B49" s="92"/>
      <c r="C49" s="92"/>
      <c r="D49" s="92"/>
      <c r="E49" s="92"/>
      <c r="F49" s="92"/>
      <c r="G49" s="92"/>
      <c r="H49" s="92"/>
      <c r="I49" s="92"/>
      <c r="J49" s="92"/>
      <c r="K49" s="92"/>
      <c r="L49" s="93"/>
      <c r="M49" s="92"/>
      <c r="N49" s="92"/>
      <c r="O49" s="109"/>
      <c r="P49" s="120"/>
      <c r="Q49" s="121"/>
      <c r="R49" s="55"/>
      <c r="S49" s="43"/>
      <c r="T49" s="122"/>
      <c r="U49" s="105"/>
      <c r="V49" s="106"/>
      <c r="W49" s="106"/>
      <c r="X49" s="106"/>
      <c r="Y49" s="106"/>
      <c r="Z49" s="106"/>
      <c r="AA49" s="106"/>
      <c r="AB49" s="106"/>
      <c r="AC49" s="106"/>
      <c r="AD49" s="106"/>
      <c r="AE49" s="106"/>
      <c r="AF49" s="106"/>
      <c r="AG49" s="106"/>
      <c r="AH49" s="106"/>
      <c r="AI49" s="106"/>
      <c r="AJ49" s="106"/>
      <c r="AK49" s="106"/>
      <c r="AL49" s="106"/>
      <c r="AM49" s="106"/>
      <c r="AN49" s="106"/>
      <c r="AO49" s="106"/>
      <c r="AP49" s="106"/>
      <c r="AQ49" s="106"/>
      <c r="AR49" s="106"/>
      <c r="AS49" s="106"/>
      <c r="AT49" s="106"/>
      <c r="AU49" s="106"/>
      <c r="AV49" s="106"/>
      <c r="AW49" s="106"/>
      <c r="AX49" s="106"/>
      <c r="AY49" s="106"/>
      <c r="AZ49" s="106"/>
      <c r="BA49" s="106"/>
      <c r="BB49" s="106"/>
      <c r="BC49" s="106"/>
      <c r="BD49" s="106"/>
      <c r="BE49" s="106"/>
    </row>
    <row r="50" spans="1:57" s="57" customFormat="1" ht="265.5" customHeight="1" thickTop="1" thickBot="1" x14ac:dyDescent="0.25">
      <c r="A50" s="119" t="s">
        <v>43</v>
      </c>
      <c r="B50" s="92"/>
      <c r="C50" s="92"/>
      <c r="D50" s="92"/>
      <c r="E50" s="92"/>
      <c r="F50" s="92"/>
      <c r="G50" s="92"/>
      <c r="H50" s="92"/>
      <c r="I50" s="92"/>
      <c r="J50" s="92"/>
      <c r="K50" s="92"/>
      <c r="L50" s="93"/>
      <c r="M50" s="92"/>
      <c r="N50" s="123" t="s">
        <v>27</v>
      </c>
      <c r="O50" s="52" t="s">
        <v>24</v>
      </c>
      <c r="P50" s="61" t="s">
        <v>25</v>
      </c>
      <c r="Q50" s="62" t="s">
        <v>22</v>
      </c>
      <c r="R50" s="55"/>
      <c r="S50" s="43"/>
      <c r="T50" s="56"/>
      <c r="U50" s="105"/>
      <c r="V50" s="106"/>
      <c r="W50" s="106"/>
      <c r="X50" s="106"/>
      <c r="Y50" s="106"/>
      <c r="Z50" s="106"/>
      <c r="AA50" s="106"/>
      <c r="AB50" s="106"/>
      <c r="AC50" s="106"/>
      <c r="AD50" s="106"/>
      <c r="AE50" s="106"/>
      <c r="AF50" s="106"/>
      <c r="AG50" s="106"/>
      <c r="AH50" s="106"/>
      <c r="AI50" s="106"/>
      <c r="AJ50" s="106"/>
      <c r="AK50" s="106"/>
      <c r="AL50" s="106"/>
      <c r="AM50" s="106"/>
      <c r="AN50" s="106"/>
      <c r="AO50" s="106"/>
      <c r="AP50" s="106"/>
      <c r="AQ50" s="106"/>
      <c r="AR50" s="106"/>
      <c r="AS50" s="106"/>
      <c r="AT50" s="106"/>
      <c r="AU50" s="106"/>
      <c r="AV50" s="106"/>
      <c r="AW50" s="106"/>
      <c r="AX50" s="106"/>
      <c r="AY50" s="106"/>
      <c r="AZ50" s="106"/>
      <c r="BA50" s="106"/>
      <c r="BB50" s="106"/>
      <c r="BC50" s="106"/>
      <c r="BD50" s="106"/>
      <c r="BE50" s="106"/>
    </row>
    <row r="51" spans="1:57" s="57" customFormat="1" ht="140.1" customHeight="1" thickTop="1" thickBot="1" x14ac:dyDescent="0.25">
      <c r="A51" s="58" t="s">
        <v>44</v>
      </c>
      <c r="B51" s="59"/>
      <c r="C51" s="59"/>
      <c r="D51" s="59"/>
      <c r="E51" s="59"/>
      <c r="F51" s="59"/>
      <c r="G51" s="59"/>
      <c r="H51" s="59"/>
      <c r="I51" s="59"/>
      <c r="J51" s="59"/>
      <c r="K51" s="59"/>
      <c r="L51" s="60"/>
      <c r="M51" s="59"/>
      <c r="N51" s="124" t="s">
        <v>27</v>
      </c>
      <c r="O51" s="52" t="s">
        <v>24</v>
      </c>
      <c r="P51" s="61" t="s">
        <v>25</v>
      </c>
      <c r="Q51" s="62" t="s">
        <v>22</v>
      </c>
      <c r="R51" s="55"/>
      <c r="S51" s="43"/>
      <c r="T51" s="56"/>
      <c r="U51" s="105"/>
      <c r="V51" s="106"/>
      <c r="W51" s="106"/>
      <c r="X51" s="106"/>
      <c r="Y51" s="106"/>
      <c r="Z51" s="106"/>
      <c r="AA51" s="106"/>
      <c r="AB51" s="106"/>
      <c r="AC51" s="106"/>
      <c r="AD51" s="106"/>
      <c r="AE51" s="106"/>
      <c r="AF51" s="106"/>
      <c r="AG51" s="106"/>
      <c r="AH51" s="106"/>
      <c r="AI51" s="106"/>
      <c r="AJ51" s="106"/>
      <c r="AK51" s="106"/>
      <c r="AL51" s="106"/>
      <c r="AM51" s="106"/>
      <c r="AN51" s="106"/>
      <c r="AO51" s="106"/>
      <c r="AP51" s="106"/>
      <c r="AQ51" s="106"/>
      <c r="AR51" s="106"/>
      <c r="AS51" s="106"/>
      <c r="AT51" s="106"/>
      <c r="AU51" s="106"/>
      <c r="AV51" s="106"/>
      <c r="AW51" s="106"/>
      <c r="AX51" s="106"/>
      <c r="AY51" s="106"/>
      <c r="AZ51" s="106"/>
      <c r="BA51" s="106"/>
      <c r="BB51" s="106"/>
      <c r="BC51" s="106"/>
      <c r="BD51" s="106"/>
      <c r="BE51" s="106"/>
    </row>
    <row r="52" spans="1:57" s="57" customFormat="1" ht="235.5" customHeight="1" thickTop="1" thickBot="1" x14ac:dyDescent="0.25">
      <c r="A52" s="119" t="s">
        <v>45</v>
      </c>
      <c r="B52" s="92"/>
      <c r="C52" s="92"/>
      <c r="D52" s="92"/>
      <c r="E52" s="92"/>
      <c r="F52" s="92"/>
      <c r="G52" s="92"/>
      <c r="H52" s="92"/>
      <c r="I52" s="92"/>
      <c r="J52" s="92"/>
      <c r="K52" s="92"/>
      <c r="L52" s="93"/>
      <c r="M52" s="92"/>
      <c r="N52" s="124" t="s">
        <v>27</v>
      </c>
      <c r="O52" s="52" t="s">
        <v>24</v>
      </c>
      <c r="P52" s="61" t="s">
        <v>25</v>
      </c>
      <c r="Q52" s="62" t="s">
        <v>22</v>
      </c>
      <c r="R52" s="55"/>
      <c r="S52" s="43"/>
      <c r="T52" s="56"/>
      <c r="U52" s="105"/>
      <c r="V52" s="106"/>
      <c r="W52" s="106"/>
      <c r="X52" s="106"/>
      <c r="Y52" s="106"/>
      <c r="Z52" s="106"/>
      <c r="AA52" s="106"/>
      <c r="AB52" s="106"/>
      <c r="AC52" s="106"/>
      <c r="AD52" s="106"/>
      <c r="AE52" s="106"/>
      <c r="AF52" s="106"/>
      <c r="AG52" s="106"/>
      <c r="AH52" s="106"/>
      <c r="AI52" s="106"/>
      <c r="AJ52" s="106"/>
      <c r="AK52" s="106"/>
      <c r="AL52" s="106"/>
      <c r="AM52" s="106"/>
      <c r="AN52" s="106"/>
      <c r="AO52" s="106"/>
      <c r="AP52" s="106"/>
      <c r="AQ52" s="106"/>
      <c r="AR52" s="106"/>
      <c r="AS52" s="106"/>
      <c r="AT52" s="106"/>
      <c r="AU52" s="106"/>
      <c r="AV52" s="106"/>
      <c r="AW52" s="106"/>
      <c r="AX52" s="106"/>
      <c r="AY52" s="106"/>
      <c r="AZ52" s="106"/>
      <c r="BA52" s="106"/>
      <c r="BB52" s="106"/>
      <c r="BC52" s="106"/>
      <c r="BD52" s="106"/>
      <c r="BE52" s="106"/>
    </row>
    <row r="53" spans="1:57" s="57" customFormat="1" ht="140.1" customHeight="1" thickTop="1" thickBot="1" x14ac:dyDescent="0.25">
      <c r="A53" s="58" t="s">
        <v>46</v>
      </c>
      <c r="B53" s="59"/>
      <c r="C53" s="59"/>
      <c r="D53" s="59"/>
      <c r="E53" s="59"/>
      <c r="F53" s="59"/>
      <c r="G53" s="59"/>
      <c r="H53" s="59"/>
      <c r="I53" s="59"/>
      <c r="J53" s="59"/>
      <c r="K53" s="59"/>
      <c r="L53" s="60"/>
      <c r="M53" s="59"/>
      <c r="N53" s="59"/>
      <c r="O53" s="52" t="s">
        <v>24</v>
      </c>
      <c r="P53" s="61" t="s">
        <v>25</v>
      </c>
      <c r="Q53" s="62" t="s">
        <v>22</v>
      </c>
      <c r="R53" s="55"/>
      <c r="S53" s="43"/>
      <c r="T53" s="56"/>
      <c r="U53" s="105"/>
      <c r="V53" s="106"/>
      <c r="W53" s="106"/>
      <c r="X53" s="106"/>
      <c r="Y53" s="106"/>
      <c r="Z53" s="106"/>
      <c r="AA53" s="106"/>
      <c r="AB53" s="106"/>
      <c r="AC53" s="106"/>
      <c r="AD53" s="106"/>
      <c r="AE53" s="106"/>
      <c r="AF53" s="106"/>
      <c r="AG53" s="106"/>
      <c r="AH53" s="106"/>
      <c r="AI53" s="106"/>
      <c r="AJ53" s="106"/>
      <c r="AK53" s="106"/>
      <c r="AL53" s="106"/>
      <c r="AM53" s="106"/>
      <c r="AN53" s="106"/>
      <c r="AO53" s="106"/>
      <c r="AP53" s="106"/>
      <c r="AQ53" s="106"/>
      <c r="AR53" s="106"/>
      <c r="AS53" s="106"/>
      <c r="AT53" s="106"/>
      <c r="AU53" s="106"/>
      <c r="AV53" s="106"/>
      <c r="AW53" s="106"/>
      <c r="AX53" s="106"/>
      <c r="AY53" s="106"/>
      <c r="AZ53" s="106"/>
      <c r="BA53" s="106"/>
      <c r="BB53" s="106"/>
      <c r="BC53" s="106"/>
      <c r="BD53" s="106"/>
      <c r="BE53" s="106"/>
    </row>
    <row r="54" spans="1:57" s="57" customFormat="1" ht="140.1" customHeight="1" thickTop="1" thickBot="1" x14ac:dyDescent="0.25">
      <c r="A54" s="63" t="s">
        <v>47</v>
      </c>
      <c r="B54" s="64"/>
      <c r="C54" s="64"/>
      <c r="D54" s="64"/>
      <c r="E54" s="64"/>
      <c r="F54" s="64"/>
      <c r="G54" s="64"/>
      <c r="H54" s="64"/>
      <c r="I54" s="64"/>
      <c r="J54" s="64"/>
      <c r="K54" s="64"/>
      <c r="L54" s="65"/>
      <c r="M54" s="64"/>
      <c r="N54" s="64"/>
      <c r="O54" s="52" t="s">
        <v>20</v>
      </c>
      <c r="P54" s="52" t="s">
        <v>21</v>
      </c>
      <c r="Q54" s="54" t="s">
        <v>22</v>
      </c>
      <c r="R54" s="55"/>
      <c r="S54" s="43"/>
      <c r="T54" s="56"/>
      <c r="U54" s="105"/>
      <c r="V54" s="106"/>
      <c r="W54" s="106"/>
      <c r="X54" s="106"/>
      <c r="Y54" s="106"/>
      <c r="Z54" s="106"/>
      <c r="AA54" s="106"/>
      <c r="AB54" s="106"/>
      <c r="AC54" s="106"/>
      <c r="AD54" s="106"/>
      <c r="AE54" s="106"/>
      <c r="AF54" s="106"/>
      <c r="AG54" s="106"/>
      <c r="AH54" s="106"/>
      <c r="AI54" s="106"/>
      <c r="AJ54" s="106"/>
      <c r="AK54" s="106"/>
      <c r="AL54" s="106"/>
      <c r="AM54" s="106"/>
      <c r="AN54" s="106"/>
      <c r="AO54" s="106"/>
      <c r="AP54" s="106"/>
      <c r="AQ54" s="106"/>
      <c r="AR54" s="106"/>
      <c r="AS54" s="106"/>
      <c r="AT54" s="106"/>
      <c r="AU54" s="106"/>
      <c r="AV54" s="106"/>
      <c r="AW54" s="106"/>
      <c r="AX54" s="106"/>
      <c r="AY54" s="106"/>
      <c r="AZ54" s="106"/>
      <c r="BA54" s="106"/>
      <c r="BB54" s="106"/>
      <c r="BC54" s="106"/>
      <c r="BD54" s="106"/>
      <c r="BE54" s="106"/>
    </row>
    <row r="55" spans="1:57" s="18" customFormat="1" ht="69.900000000000006" customHeight="1" thickTop="1" x14ac:dyDescent="0.2">
      <c r="A55" s="70" t="s">
        <v>28</v>
      </c>
      <c r="B55" s="71"/>
      <c r="C55" s="71"/>
      <c r="D55" s="71"/>
      <c r="E55" s="71"/>
      <c r="F55" s="71"/>
      <c r="G55" s="71"/>
      <c r="H55" s="71"/>
      <c r="I55" s="71"/>
      <c r="J55" s="71"/>
      <c r="K55" s="71"/>
      <c r="L55" s="72"/>
      <c r="M55" s="71"/>
      <c r="N55" s="71"/>
      <c r="O55" s="71"/>
      <c r="P55" s="71"/>
      <c r="Q55" s="73"/>
      <c r="R55" s="42"/>
      <c r="S55" s="43"/>
      <c r="T55" s="74"/>
      <c r="U55" s="45"/>
    </row>
    <row r="56" spans="1:57" s="57" customFormat="1" ht="75" customHeight="1" x14ac:dyDescent="0.2">
      <c r="A56" s="75"/>
      <c r="B56" s="76"/>
      <c r="C56" s="76"/>
      <c r="D56" s="76"/>
      <c r="E56" s="76"/>
      <c r="F56" s="76"/>
      <c r="G56" s="76"/>
      <c r="H56" s="76"/>
      <c r="I56" s="76"/>
      <c r="J56" s="76"/>
      <c r="K56" s="76"/>
      <c r="L56" s="77"/>
      <c r="M56" s="76"/>
      <c r="N56" s="76"/>
      <c r="O56" s="76"/>
      <c r="P56" s="76"/>
      <c r="Q56" s="78"/>
      <c r="R56" s="55"/>
      <c r="S56" s="43"/>
      <c r="T56" s="79"/>
      <c r="U56" s="45"/>
    </row>
    <row r="57" spans="1:57" s="57" customFormat="1" ht="75" customHeight="1" thickBot="1" x14ac:dyDescent="0.25">
      <c r="A57" s="80"/>
      <c r="B57" s="81"/>
      <c r="C57" s="81"/>
      <c r="D57" s="81"/>
      <c r="E57" s="81"/>
      <c r="F57" s="81"/>
      <c r="G57" s="81"/>
      <c r="H57" s="81"/>
      <c r="I57" s="81"/>
      <c r="J57" s="81"/>
      <c r="K57" s="81"/>
      <c r="L57" s="82"/>
      <c r="M57" s="81"/>
      <c r="N57" s="81"/>
      <c r="O57" s="81"/>
      <c r="P57" s="81"/>
      <c r="Q57" s="83"/>
      <c r="R57" s="55"/>
      <c r="S57" s="43"/>
      <c r="T57" s="79"/>
      <c r="U57" s="45"/>
    </row>
    <row r="58" spans="1:57" s="18" customFormat="1" ht="69.75" customHeight="1" thickBot="1" x14ac:dyDescent="0.25">
      <c r="A58" s="84" t="s">
        <v>48</v>
      </c>
      <c r="B58" s="85"/>
      <c r="C58" s="85"/>
      <c r="D58" s="85"/>
      <c r="E58" s="85"/>
      <c r="F58" s="85"/>
      <c r="G58" s="85"/>
      <c r="H58" s="85"/>
      <c r="I58" s="85"/>
      <c r="J58" s="85"/>
      <c r="K58" s="85"/>
      <c r="L58" s="86"/>
      <c r="M58" s="85"/>
      <c r="N58" s="85"/>
      <c r="O58" s="85"/>
      <c r="P58" s="85"/>
      <c r="Q58" s="87"/>
      <c r="R58" s="55"/>
      <c r="S58" s="43"/>
      <c r="T58" s="114"/>
      <c r="U58" s="45"/>
      <c r="V58" s="98"/>
      <c r="W58" s="98"/>
      <c r="X58" s="98"/>
      <c r="Y58" s="98"/>
      <c r="Z58" s="98"/>
      <c r="AA58" s="98"/>
      <c r="AB58" s="98"/>
      <c r="AC58" s="98"/>
      <c r="AD58" s="98"/>
      <c r="AE58" s="98"/>
      <c r="AF58" s="98"/>
      <c r="AG58" s="98"/>
      <c r="AH58" s="98"/>
      <c r="AI58" s="98"/>
      <c r="AJ58" s="98"/>
      <c r="AK58" s="98"/>
      <c r="AL58" s="98"/>
      <c r="AM58" s="98"/>
      <c r="AN58" s="98"/>
      <c r="AO58" s="98"/>
      <c r="AP58" s="98"/>
      <c r="AQ58" s="98"/>
      <c r="AR58" s="98"/>
      <c r="AS58" s="98"/>
      <c r="AT58" s="98"/>
      <c r="AU58" s="98"/>
      <c r="AV58" s="98"/>
      <c r="AW58" s="98"/>
      <c r="AX58" s="98"/>
      <c r="AY58" s="98"/>
      <c r="AZ58" s="98"/>
      <c r="BA58" s="98"/>
      <c r="BB58" s="98"/>
      <c r="BC58" s="98"/>
      <c r="BD58" s="98"/>
      <c r="BE58" s="98"/>
    </row>
    <row r="59" spans="1:57" s="131" customFormat="1" ht="409.6" customHeight="1" thickTop="1" thickBot="1" x14ac:dyDescent="0.25">
      <c r="A59" s="49" t="s">
        <v>49</v>
      </c>
      <c r="B59" s="50"/>
      <c r="C59" s="50"/>
      <c r="D59" s="50"/>
      <c r="E59" s="50"/>
      <c r="F59" s="50"/>
      <c r="G59" s="50"/>
      <c r="H59" s="50"/>
      <c r="I59" s="50"/>
      <c r="J59" s="50"/>
      <c r="K59" s="50"/>
      <c r="L59" s="51"/>
      <c r="M59" s="50"/>
      <c r="N59" s="125" t="s">
        <v>27</v>
      </c>
      <c r="O59" s="53" t="s">
        <v>20</v>
      </c>
      <c r="P59" s="53" t="s">
        <v>21</v>
      </c>
      <c r="Q59" s="54" t="s">
        <v>22</v>
      </c>
      <c r="R59" s="126"/>
      <c r="S59" s="127"/>
      <c r="T59" s="128"/>
      <c r="U59" s="129"/>
      <c r="V59" s="130"/>
      <c r="W59" s="130"/>
      <c r="X59" s="130"/>
      <c r="Y59" s="130"/>
      <c r="Z59" s="130"/>
      <c r="AA59" s="130"/>
      <c r="AB59" s="130"/>
      <c r="AC59" s="130"/>
      <c r="AD59" s="130"/>
      <c r="AE59" s="130"/>
      <c r="AF59" s="130"/>
      <c r="AG59" s="130"/>
      <c r="AH59" s="130"/>
      <c r="AI59" s="130"/>
      <c r="AJ59" s="130"/>
      <c r="AK59" s="130"/>
      <c r="AL59" s="130"/>
      <c r="AM59" s="130"/>
      <c r="AN59" s="130"/>
      <c r="AO59" s="130"/>
      <c r="AP59" s="130"/>
      <c r="AQ59" s="130"/>
      <c r="AR59" s="130"/>
      <c r="AS59" s="130"/>
      <c r="AT59" s="130"/>
      <c r="AU59" s="130"/>
      <c r="AV59" s="130"/>
      <c r="AW59" s="130"/>
      <c r="AX59" s="130"/>
      <c r="AY59" s="130"/>
      <c r="AZ59" s="130"/>
      <c r="BA59" s="130"/>
      <c r="BB59" s="130"/>
      <c r="BC59" s="130"/>
      <c r="BD59" s="130"/>
      <c r="BE59" s="130"/>
    </row>
    <row r="60" spans="1:57" s="135" customFormat="1" ht="252.6" customHeight="1" thickTop="1" thickBot="1" x14ac:dyDescent="0.25">
      <c r="A60" s="63" t="s">
        <v>50</v>
      </c>
      <c r="B60" s="64"/>
      <c r="C60" s="64"/>
      <c r="D60" s="64"/>
      <c r="E60" s="64"/>
      <c r="F60" s="64"/>
      <c r="G60" s="64"/>
      <c r="H60" s="64"/>
      <c r="I60" s="64"/>
      <c r="J60" s="64"/>
      <c r="K60" s="64"/>
      <c r="L60" s="65"/>
      <c r="M60" s="64"/>
      <c r="N60" s="132" t="s">
        <v>27</v>
      </c>
      <c r="O60" s="53" t="s">
        <v>20</v>
      </c>
      <c r="P60" s="53" t="s">
        <v>21</v>
      </c>
      <c r="Q60" s="54" t="s">
        <v>22</v>
      </c>
      <c r="R60" s="126"/>
      <c r="S60" s="133"/>
      <c r="T60" s="56"/>
      <c r="U60" s="105"/>
      <c r="V60" s="134"/>
      <c r="W60" s="134"/>
      <c r="X60" s="134"/>
      <c r="Y60" s="134"/>
      <c r="Z60" s="134"/>
      <c r="AA60" s="134"/>
      <c r="AB60" s="134"/>
      <c r="AC60" s="134"/>
      <c r="AD60" s="134"/>
      <c r="AE60" s="134"/>
      <c r="AF60" s="134"/>
      <c r="AG60" s="134"/>
      <c r="AH60" s="134"/>
      <c r="AI60" s="134"/>
      <c r="AJ60" s="134"/>
      <c r="AK60" s="134"/>
      <c r="AL60" s="134"/>
      <c r="AM60" s="134"/>
      <c r="AN60" s="134"/>
      <c r="AO60" s="134"/>
      <c r="AP60" s="134"/>
      <c r="AQ60" s="134"/>
      <c r="AR60" s="134"/>
      <c r="AS60" s="134"/>
      <c r="AT60" s="134"/>
      <c r="AU60" s="134"/>
      <c r="AV60" s="134"/>
      <c r="AW60" s="134"/>
      <c r="AX60" s="134"/>
      <c r="AY60" s="134"/>
      <c r="AZ60" s="134"/>
      <c r="BA60" s="134"/>
      <c r="BB60" s="134"/>
      <c r="BC60" s="134"/>
      <c r="BD60" s="134"/>
      <c r="BE60" s="134"/>
    </row>
    <row r="61" spans="1:57" s="18" customFormat="1" ht="69.900000000000006" customHeight="1" thickTop="1" x14ac:dyDescent="0.2">
      <c r="A61" s="70" t="s">
        <v>28</v>
      </c>
      <c r="B61" s="71"/>
      <c r="C61" s="71"/>
      <c r="D61" s="71"/>
      <c r="E61" s="71"/>
      <c r="F61" s="71"/>
      <c r="G61" s="71"/>
      <c r="H61" s="71"/>
      <c r="I61" s="71"/>
      <c r="J61" s="71"/>
      <c r="K61" s="71"/>
      <c r="L61" s="72"/>
      <c r="M61" s="71"/>
      <c r="N61" s="71"/>
      <c r="O61" s="71"/>
      <c r="P61" s="71"/>
      <c r="Q61" s="73"/>
      <c r="R61" s="42"/>
      <c r="S61" s="43"/>
      <c r="T61" s="74"/>
      <c r="U61" s="45"/>
    </row>
    <row r="62" spans="1:57" s="57" customFormat="1" ht="75" customHeight="1" x14ac:dyDescent="0.2">
      <c r="A62" s="75"/>
      <c r="B62" s="76"/>
      <c r="C62" s="76"/>
      <c r="D62" s="76"/>
      <c r="E62" s="76"/>
      <c r="F62" s="76"/>
      <c r="G62" s="76"/>
      <c r="H62" s="76"/>
      <c r="I62" s="76"/>
      <c r="J62" s="76"/>
      <c r="K62" s="76"/>
      <c r="L62" s="77"/>
      <c r="M62" s="76"/>
      <c r="N62" s="76"/>
      <c r="O62" s="76"/>
      <c r="P62" s="76"/>
      <c r="Q62" s="78"/>
      <c r="R62" s="55"/>
      <c r="S62" s="43"/>
      <c r="T62" s="79"/>
      <c r="U62" s="45"/>
    </row>
    <row r="63" spans="1:57" s="57" customFormat="1" ht="75" customHeight="1" thickBot="1" x14ac:dyDescent="0.25">
      <c r="A63" s="80"/>
      <c r="B63" s="81"/>
      <c r="C63" s="81"/>
      <c r="D63" s="81"/>
      <c r="E63" s="81"/>
      <c r="F63" s="81"/>
      <c r="G63" s="81"/>
      <c r="H63" s="81"/>
      <c r="I63" s="81"/>
      <c r="J63" s="81"/>
      <c r="K63" s="81"/>
      <c r="L63" s="82"/>
      <c r="M63" s="81"/>
      <c r="N63" s="81"/>
      <c r="O63" s="81"/>
      <c r="P63" s="81"/>
      <c r="Q63" s="83"/>
      <c r="R63" s="55"/>
      <c r="S63" s="43"/>
      <c r="T63" s="136"/>
      <c r="U63" s="45"/>
    </row>
    <row r="64" spans="1:57" s="18" customFormat="1" ht="69.900000000000006" customHeight="1" thickBot="1" x14ac:dyDescent="0.25">
      <c r="A64" s="137" t="s">
        <v>51</v>
      </c>
      <c r="B64" s="138"/>
      <c r="C64" s="138"/>
      <c r="D64" s="138"/>
      <c r="E64" s="138"/>
      <c r="F64" s="138"/>
      <c r="G64" s="138"/>
      <c r="H64" s="138"/>
      <c r="I64" s="138"/>
      <c r="J64" s="138"/>
      <c r="K64" s="138"/>
      <c r="L64" s="139"/>
      <c r="M64" s="138"/>
      <c r="N64" s="138"/>
      <c r="O64" s="138"/>
      <c r="P64" s="138"/>
      <c r="Q64" s="140"/>
      <c r="R64" s="55"/>
      <c r="S64" s="43"/>
      <c r="T64" s="97"/>
      <c r="U64" s="105"/>
      <c r="V64" s="98"/>
      <c r="W64" s="98"/>
      <c r="X64" s="98"/>
      <c r="Y64" s="106"/>
      <c r="Z64" s="106"/>
      <c r="AA64" s="106"/>
      <c r="AB64" s="106"/>
      <c r="AC64" s="106"/>
      <c r="AD64" s="106"/>
      <c r="AE64" s="106"/>
      <c r="AF64" s="106"/>
      <c r="AG64" s="106"/>
      <c r="AH64" s="106"/>
      <c r="AI64" s="106"/>
      <c r="AJ64" s="106"/>
      <c r="AK64" s="106"/>
      <c r="AL64" s="106"/>
      <c r="AM64" s="106"/>
      <c r="AN64" s="106"/>
      <c r="AO64" s="98"/>
      <c r="AP64" s="98"/>
      <c r="AQ64" s="98"/>
      <c r="AR64" s="98"/>
      <c r="AS64" s="98"/>
      <c r="AT64" s="98"/>
      <c r="AU64" s="98"/>
      <c r="AV64" s="98"/>
      <c r="AW64" s="98"/>
      <c r="AX64" s="98"/>
      <c r="AY64" s="98"/>
      <c r="AZ64" s="98"/>
      <c r="BA64" s="98"/>
      <c r="BB64" s="98"/>
      <c r="BC64" s="98"/>
      <c r="BD64" s="98"/>
      <c r="BE64" s="98"/>
    </row>
    <row r="65" spans="1:57" s="57" customFormat="1" ht="274.5" customHeight="1" thickTop="1" thickBot="1" x14ac:dyDescent="0.25">
      <c r="A65" s="141" t="s">
        <v>52</v>
      </c>
      <c r="B65" s="142"/>
      <c r="C65" s="142"/>
      <c r="D65" s="142"/>
      <c r="E65" s="142"/>
      <c r="F65" s="142"/>
      <c r="G65" s="142"/>
      <c r="H65" s="142"/>
      <c r="I65" s="142"/>
      <c r="J65" s="142"/>
      <c r="K65" s="142"/>
      <c r="L65" s="142"/>
      <c r="M65" s="143"/>
      <c r="N65" s="144" t="s">
        <v>27</v>
      </c>
      <c r="O65" s="145" t="s">
        <v>20</v>
      </c>
      <c r="P65" s="145" t="s">
        <v>21</v>
      </c>
      <c r="Q65" s="146" t="s">
        <v>22</v>
      </c>
      <c r="R65" s="55"/>
      <c r="S65" s="43"/>
      <c r="T65" s="56"/>
      <c r="U65" s="105"/>
      <c r="V65" s="106"/>
      <c r="W65" s="106"/>
      <c r="X65" s="106"/>
      <c r="Y65" s="106"/>
      <c r="Z65" s="106"/>
      <c r="AA65" s="106"/>
      <c r="AB65" s="106"/>
      <c r="AC65" s="106"/>
      <c r="AD65" s="106"/>
      <c r="AE65" s="106"/>
      <c r="AF65" s="106"/>
      <c r="AG65" s="106"/>
      <c r="AH65" s="106"/>
      <c r="AI65" s="106"/>
      <c r="AJ65" s="106"/>
      <c r="AK65" s="106"/>
      <c r="AL65" s="106"/>
      <c r="AM65" s="106"/>
      <c r="AN65" s="106"/>
      <c r="AO65" s="106"/>
      <c r="AP65" s="106"/>
      <c r="AQ65" s="106"/>
      <c r="AR65" s="106"/>
      <c r="AS65" s="106"/>
      <c r="AT65" s="106"/>
      <c r="AU65" s="106"/>
      <c r="AV65" s="106"/>
      <c r="AW65" s="106"/>
      <c r="AX65" s="106"/>
      <c r="AY65" s="106"/>
      <c r="AZ65" s="106"/>
      <c r="BA65" s="106"/>
      <c r="BB65" s="106"/>
      <c r="BC65" s="106"/>
      <c r="BD65" s="106"/>
      <c r="BE65" s="106"/>
    </row>
    <row r="66" spans="1:57" s="18" customFormat="1" ht="69.900000000000006" customHeight="1" thickTop="1" x14ac:dyDescent="0.2">
      <c r="A66" s="70" t="s">
        <v>28</v>
      </c>
      <c r="B66" s="71"/>
      <c r="C66" s="71"/>
      <c r="D66" s="71"/>
      <c r="E66" s="71"/>
      <c r="F66" s="71"/>
      <c r="G66" s="71"/>
      <c r="H66" s="71"/>
      <c r="I66" s="71"/>
      <c r="J66" s="71"/>
      <c r="K66" s="71"/>
      <c r="L66" s="72"/>
      <c r="M66" s="71"/>
      <c r="N66" s="71"/>
      <c r="O66" s="71"/>
      <c r="P66" s="71"/>
      <c r="Q66" s="73"/>
      <c r="R66" s="42"/>
      <c r="S66" s="43"/>
      <c r="T66" s="74"/>
      <c r="U66" s="45"/>
    </row>
    <row r="67" spans="1:57" s="57" customFormat="1" ht="75" customHeight="1" x14ac:dyDescent="0.2">
      <c r="A67" s="75"/>
      <c r="B67" s="76"/>
      <c r="C67" s="76"/>
      <c r="D67" s="76"/>
      <c r="E67" s="76"/>
      <c r="F67" s="76"/>
      <c r="G67" s="76"/>
      <c r="H67" s="76"/>
      <c r="I67" s="76"/>
      <c r="J67" s="76"/>
      <c r="K67" s="76"/>
      <c r="L67" s="77"/>
      <c r="M67" s="76"/>
      <c r="N67" s="76"/>
      <c r="O67" s="76"/>
      <c r="P67" s="76"/>
      <c r="Q67" s="78"/>
      <c r="R67" s="55"/>
      <c r="S67" s="43"/>
      <c r="T67" s="79"/>
      <c r="U67" s="45"/>
    </row>
    <row r="68" spans="1:57" s="57" customFormat="1" ht="75" customHeight="1" thickBot="1" x14ac:dyDescent="0.25">
      <c r="A68" s="80"/>
      <c r="B68" s="82"/>
      <c r="C68" s="82"/>
      <c r="D68" s="82"/>
      <c r="E68" s="82"/>
      <c r="F68" s="82"/>
      <c r="G68" s="82"/>
      <c r="H68" s="82"/>
      <c r="I68" s="82"/>
      <c r="J68" s="82"/>
      <c r="K68" s="82"/>
      <c r="L68" s="82"/>
      <c r="M68" s="82"/>
      <c r="N68" s="82"/>
      <c r="O68" s="82"/>
      <c r="P68" s="82"/>
      <c r="Q68" s="147"/>
      <c r="R68" s="55"/>
      <c r="S68" s="43"/>
      <c r="T68" s="79"/>
      <c r="U68" s="45"/>
    </row>
    <row r="69" spans="1:57" s="18" customFormat="1" ht="69.75" customHeight="1" thickBot="1" x14ac:dyDescent="0.25">
      <c r="A69" s="84" t="s">
        <v>53</v>
      </c>
      <c r="B69" s="85"/>
      <c r="C69" s="85"/>
      <c r="D69" s="85"/>
      <c r="E69" s="85"/>
      <c r="F69" s="85"/>
      <c r="G69" s="85"/>
      <c r="H69" s="85"/>
      <c r="I69" s="85"/>
      <c r="J69" s="85"/>
      <c r="K69" s="85"/>
      <c r="L69" s="86"/>
      <c r="M69" s="85"/>
      <c r="N69" s="85"/>
      <c r="O69" s="85"/>
      <c r="P69" s="85"/>
      <c r="Q69" s="87"/>
      <c r="R69" s="55"/>
      <c r="S69" s="43"/>
      <c r="T69" s="27"/>
      <c r="U69" s="105"/>
      <c r="V69" s="98"/>
      <c r="W69" s="98"/>
      <c r="X69" s="98"/>
      <c r="Y69" s="98"/>
      <c r="Z69" s="98"/>
      <c r="AA69" s="98"/>
      <c r="AB69" s="98"/>
      <c r="AC69" s="98"/>
      <c r="AD69" s="98"/>
      <c r="AE69" s="98"/>
      <c r="AF69" s="98"/>
      <c r="AG69" s="98"/>
      <c r="AH69" s="98"/>
      <c r="AI69" s="98"/>
      <c r="AJ69" s="98"/>
      <c r="AK69" s="98"/>
      <c r="AL69" s="98"/>
      <c r="AM69" s="98"/>
      <c r="AN69" s="98"/>
      <c r="AO69" s="98"/>
      <c r="AP69" s="98"/>
      <c r="AQ69" s="98"/>
      <c r="AR69" s="98"/>
      <c r="AS69" s="98"/>
      <c r="AT69" s="98"/>
      <c r="AU69" s="98"/>
      <c r="AV69" s="98"/>
      <c r="AW69" s="98"/>
      <c r="AX69" s="98"/>
      <c r="AY69" s="98"/>
      <c r="AZ69" s="98"/>
      <c r="BA69" s="98"/>
      <c r="BB69" s="98"/>
      <c r="BC69" s="98"/>
      <c r="BD69" s="98"/>
      <c r="BE69" s="98"/>
    </row>
    <row r="70" spans="1:57" s="57" customFormat="1" ht="268.5" customHeight="1" thickTop="1" thickBot="1" x14ac:dyDescent="0.25">
      <c r="A70" s="99" t="s">
        <v>54</v>
      </c>
      <c r="B70" s="100"/>
      <c r="C70" s="100"/>
      <c r="D70" s="100"/>
      <c r="E70" s="100"/>
      <c r="F70" s="100"/>
      <c r="G70" s="100"/>
      <c r="H70" s="100"/>
      <c r="I70" s="100"/>
      <c r="J70" s="100"/>
      <c r="K70" s="100"/>
      <c r="L70" s="101"/>
      <c r="M70" s="100"/>
      <c r="N70" s="100"/>
      <c r="O70" s="145" t="s">
        <v>20</v>
      </c>
      <c r="P70" s="145" t="s">
        <v>21</v>
      </c>
      <c r="Q70" s="146" t="s">
        <v>22</v>
      </c>
      <c r="R70" s="55"/>
      <c r="S70" s="43"/>
      <c r="T70" s="56"/>
      <c r="U70" s="105"/>
      <c r="V70" s="106"/>
      <c r="W70" s="106"/>
      <c r="X70" s="106"/>
      <c r="Y70" s="106"/>
      <c r="Z70" s="106"/>
      <c r="AA70" s="106"/>
      <c r="AB70" s="106"/>
      <c r="AC70" s="106"/>
      <c r="AD70" s="106"/>
      <c r="AE70" s="106"/>
      <c r="AF70" s="106"/>
      <c r="AG70" s="106"/>
      <c r="AH70" s="106"/>
      <c r="AI70" s="106"/>
      <c r="AJ70" s="106"/>
      <c r="AK70" s="106"/>
      <c r="AL70" s="106"/>
      <c r="AM70" s="106"/>
      <c r="AN70" s="106"/>
      <c r="AO70" s="106"/>
      <c r="AP70" s="106"/>
      <c r="AQ70" s="106"/>
      <c r="AR70" s="106"/>
      <c r="AS70" s="106"/>
      <c r="AT70" s="106"/>
      <c r="AU70" s="106"/>
      <c r="AV70" s="106"/>
      <c r="AW70" s="106"/>
      <c r="AX70" s="106"/>
      <c r="AY70" s="106"/>
      <c r="AZ70" s="106"/>
      <c r="BA70" s="106"/>
      <c r="BB70" s="106"/>
      <c r="BC70" s="106"/>
      <c r="BD70" s="106"/>
      <c r="BE70" s="106"/>
    </row>
    <row r="71" spans="1:57" s="18" customFormat="1" ht="69.900000000000006" customHeight="1" thickTop="1" x14ac:dyDescent="0.2">
      <c r="A71" s="148" t="s">
        <v>55</v>
      </c>
      <c r="B71" s="149"/>
      <c r="C71" s="149"/>
      <c r="D71" s="149"/>
      <c r="E71" s="149"/>
      <c r="F71" s="149"/>
      <c r="G71" s="149"/>
      <c r="H71" s="149"/>
      <c r="I71" s="149"/>
      <c r="J71" s="149"/>
      <c r="K71" s="149"/>
      <c r="L71" s="150"/>
      <c r="M71" s="149"/>
      <c r="N71" s="149"/>
      <c r="O71" s="149"/>
      <c r="P71" s="149"/>
      <c r="Q71" s="151"/>
      <c r="R71" s="42"/>
      <c r="S71" s="43"/>
      <c r="T71" s="74"/>
      <c r="U71" s="45"/>
    </row>
    <row r="72" spans="1:57" s="18" customFormat="1" ht="69.900000000000006" customHeight="1" x14ac:dyDescent="0.2">
      <c r="A72" s="152" t="s">
        <v>56</v>
      </c>
      <c r="B72" s="153"/>
      <c r="C72" s="153"/>
      <c r="D72" s="153"/>
      <c r="E72" s="153"/>
      <c r="F72" s="153"/>
      <c r="G72" s="153"/>
      <c r="H72" s="153"/>
      <c r="I72" s="153"/>
      <c r="J72" s="154"/>
      <c r="K72" s="155"/>
      <c r="L72" s="156"/>
      <c r="M72" s="156"/>
      <c r="N72" s="156"/>
      <c r="O72" s="156"/>
      <c r="P72" s="156"/>
      <c r="Q72" s="157"/>
      <c r="R72" s="42"/>
      <c r="S72" s="43"/>
      <c r="T72" s="74"/>
      <c r="U72" s="45"/>
    </row>
    <row r="73" spans="1:57" s="57" customFormat="1" ht="69.900000000000006" customHeight="1" x14ac:dyDescent="0.2">
      <c r="A73" s="158" t="s">
        <v>57</v>
      </c>
      <c r="B73" s="159"/>
      <c r="C73" s="159"/>
      <c r="D73" s="159"/>
      <c r="E73" s="159"/>
      <c r="F73" s="159"/>
      <c r="G73" s="159"/>
      <c r="H73" s="159"/>
      <c r="I73" s="159"/>
      <c r="J73" s="160"/>
      <c r="K73" s="161"/>
      <c r="L73" s="162"/>
      <c r="M73" s="162"/>
      <c r="N73" s="163"/>
      <c r="O73" s="162"/>
      <c r="P73" s="162"/>
      <c r="Q73" s="164"/>
      <c r="R73" s="55"/>
      <c r="S73" s="43"/>
      <c r="T73" s="165"/>
      <c r="U73" s="166"/>
      <c r="V73" s="167"/>
      <c r="W73" s="167"/>
      <c r="X73" s="167"/>
      <c r="Y73" s="167"/>
      <c r="Z73" s="167"/>
      <c r="AA73" s="167"/>
      <c r="AB73" s="167"/>
      <c r="AC73" s="167"/>
      <c r="AD73" s="167"/>
      <c r="AE73" s="167"/>
      <c r="AF73" s="167"/>
      <c r="AG73" s="167"/>
      <c r="AH73" s="167"/>
      <c r="AI73" s="167"/>
      <c r="AJ73" s="167"/>
      <c r="AK73" s="167"/>
      <c r="AL73" s="167"/>
      <c r="AM73" s="167"/>
      <c r="AN73" s="167"/>
      <c r="AO73" s="167"/>
      <c r="AP73" s="167"/>
      <c r="AQ73" s="167"/>
      <c r="AR73" s="167"/>
      <c r="AS73" s="167"/>
      <c r="AT73" s="167"/>
      <c r="AU73" s="167"/>
      <c r="AV73" s="167"/>
      <c r="AW73" s="167"/>
      <c r="AX73" s="167"/>
      <c r="AY73" s="167"/>
      <c r="AZ73" s="167"/>
      <c r="BA73" s="167"/>
      <c r="BB73" s="167"/>
      <c r="BC73" s="167"/>
      <c r="BD73" s="167"/>
      <c r="BE73" s="167"/>
    </row>
    <row r="74" spans="1:57" s="18" customFormat="1" ht="69.900000000000006" customHeight="1" x14ac:dyDescent="0.2">
      <c r="A74" s="70" t="s">
        <v>28</v>
      </c>
      <c r="B74" s="71"/>
      <c r="C74" s="71"/>
      <c r="D74" s="71"/>
      <c r="E74" s="71"/>
      <c r="F74" s="71"/>
      <c r="G74" s="71"/>
      <c r="H74" s="71"/>
      <c r="I74" s="71"/>
      <c r="J74" s="71"/>
      <c r="K74" s="71"/>
      <c r="L74" s="72"/>
      <c r="M74" s="71"/>
      <c r="N74" s="71"/>
      <c r="O74" s="71"/>
      <c r="P74" s="71"/>
      <c r="Q74" s="73"/>
      <c r="R74" s="42"/>
      <c r="S74" s="43"/>
      <c r="T74" s="74"/>
      <c r="U74" s="45"/>
    </row>
    <row r="75" spans="1:57" s="57" customFormat="1" ht="75" customHeight="1" x14ac:dyDescent="0.2">
      <c r="A75" s="75"/>
      <c r="B75" s="76"/>
      <c r="C75" s="76"/>
      <c r="D75" s="76"/>
      <c r="E75" s="76"/>
      <c r="F75" s="76"/>
      <c r="G75" s="76"/>
      <c r="H75" s="76"/>
      <c r="I75" s="76"/>
      <c r="J75" s="76"/>
      <c r="K75" s="76"/>
      <c r="L75" s="77"/>
      <c r="M75" s="76"/>
      <c r="N75" s="76"/>
      <c r="O75" s="76"/>
      <c r="P75" s="76"/>
      <c r="Q75" s="78"/>
      <c r="R75" s="55"/>
      <c r="S75" s="43"/>
      <c r="T75" s="79"/>
      <c r="U75" s="45"/>
    </row>
    <row r="76" spans="1:57" s="57" customFormat="1" ht="75" customHeight="1" thickBot="1" x14ac:dyDescent="0.25">
      <c r="A76" s="80"/>
      <c r="B76" s="81"/>
      <c r="C76" s="81"/>
      <c r="D76" s="81"/>
      <c r="E76" s="81"/>
      <c r="F76" s="81"/>
      <c r="G76" s="81"/>
      <c r="H76" s="81"/>
      <c r="I76" s="81"/>
      <c r="J76" s="81"/>
      <c r="K76" s="81"/>
      <c r="L76" s="82"/>
      <c r="M76" s="81"/>
      <c r="N76" s="81"/>
      <c r="O76" s="81"/>
      <c r="P76" s="81"/>
      <c r="Q76" s="83"/>
      <c r="R76" s="55"/>
      <c r="S76" s="43"/>
      <c r="T76" s="113"/>
      <c r="U76" s="45"/>
    </row>
    <row r="77" spans="1:57" s="18" customFormat="1" ht="69.900000000000006" customHeight="1" thickBot="1" x14ac:dyDescent="0.25">
      <c r="A77" s="84" t="s">
        <v>58</v>
      </c>
      <c r="B77" s="85"/>
      <c r="C77" s="85"/>
      <c r="D77" s="85"/>
      <c r="E77" s="85"/>
      <c r="F77" s="85"/>
      <c r="G77" s="85"/>
      <c r="H77" s="85"/>
      <c r="I77" s="85"/>
      <c r="J77" s="85"/>
      <c r="K77" s="85"/>
      <c r="L77" s="86"/>
      <c r="M77" s="85"/>
      <c r="N77" s="85"/>
      <c r="O77" s="85"/>
      <c r="P77" s="85"/>
      <c r="Q77" s="87"/>
      <c r="R77" s="55"/>
      <c r="S77" s="43"/>
      <c r="T77" s="114" t="s">
        <v>59</v>
      </c>
      <c r="U77" s="105"/>
      <c r="V77" s="98"/>
      <c r="W77" s="98"/>
      <c r="X77" s="98"/>
      <c r="Y77" s="98"/>
      <c r="Z77" s="98"/>
      <c r="AA77" s="98"/>
      <c r="AB77" s="98"/>
      <c r="AC77" s="98"/>
      <c r="AD77" s="98"/>
      <c r="AE77" s="98"/>
      <c r="AF77" s="98"/>
      <c r="AG77" s="98"/>
      <c r="AH77" s="98"/>
      <c r="AI77" s="98"/>
      <c r="AJ77" s="98"/>
      <c r="AK77" s="98"/>
      <c r="AL77" s="98"/>
      <c r="AM77" s="98"/>
      <c r="AN77" s="98"/>
      <c r="AO77" s="98"/>
      <c r="AP77" s="98"/>
      <c r="AQ77" s="98"/>
      <c r="AR77" s="98"/>
      <c r="AS77" s="98"/>
      <c r="AT77" s="98"/>
      <c r="AU77" s="98"/>
      <c r="AV77" s="98"/>
      <c r="AW77" s="98"/>
      <c r="AX77" s="98"/>
      <c r="AY77" s="98"/>
      <c r="AZ77" s="98"/>
      <c r="BA77" s="98"/>
      <c r="BB77" s="98"/>
      <c r="BC77" s="98"/>
      <c r="BD77" s="98"/>
      <c r="BE77" s="98"/>
    </row>
    <row r="78" spans="1:57" s="57" customFormat="1" ht="286.5" customHeight="1" thickTop="1" thickBot="1" x14ac:dyDescent="0.25">
      <c r="A78" s="168" t="s">
        <v>60</v>
      </c>
      <c r="B78" s="169"/>
      <c r="C78" s="169"/>
      <c r="D78" s="169"/>
      <c r="E78" s="169"/>
      <c r="F78" s="169"/>
      <c r="G78" s="169"/>
      <c r="H78" s="169"/>
      <c r="I78" s="169"/>
      <c r="J78" s="169"/>
      <c r="K78" s="169"/>
      <c r="L78" s="170"/>
      <c r="M78" s="169"/>
      <c r="N78" s="169"/>
      <c r="O78" s="145" t="s">
        <v>20</v>
      </c>
      <c r="P78" s="145" t="s">
        <v>21</v>
      </c>
      <c r="Q78" s="146" t="s">
        <v>22</v>
      </c>
      <c r="R78" s="55"/>
      <c r="S78" s="43"/>
      <c r="T78" s="56"/>
      <c r="U78" s="105"/>
      <c r="V78" s="106"/>
      <c r="W78" s="106"/>
      <c r="X78" s="106"/>
      <c r="Y78" s="106"/>
      <c r="Z78" s="106"/>
      <c r="AA78" s="106"/>
      <c r="AB78" s="106"/>
      <c r="AC78" s="106"/>
      <c r="AD78" s="106"/>
      <c r="AE78" s="106"/>
      <c r="AF78" s="106"/>
      <c r="AG78" s="106"/>
      <c r="AH78" s="106"/>
      <c r="AI78" s="106"/>
      <c r="AJ78" s="106"/>
      <c r="AK78" s="106"/>
      <c r="AL78" s="106"/>
      <c r="AM78" s="106"/>
      <c r="AN78" s="106"/>
      <c r="AO78" s="106"/>
      <c r="AP78" s="106"/>
      <c r="AQ78" s="106"/>
      <c r="AR78" s="106"/>
      <c r="AS78" s="106"/>
      <c r="AT78" s="106"/>
      <c r="AU78" s="106"/>
      <c r="AV78" s="106"/>
      <c r="AW78" s="106"/>
      <c r="AX78" s="106"/>
      <c r="AY78" s="106"/>
      <c r="AZ78" s="106"/>
      <c r="BA78" s="106"/>
      <c r="BB78" s="106"/>
      <c r="BC78" s="106"/>
      <c r="BD78" s="106"/>
      <c r="BE78" s="106"/>
    </row>
    <row r="79" spans="1:57" s="18" customFormat="1" ht="69.900000000000006" customHeight="1" thickTop="1" x14ac:dyDescent="0.2">
      <c r="A79" s="70" t="s">
        <v>28</v>
      </c>
      <c r="B79" s="71"/>
      <c r="C79" s="71"/>
      <c r="D79" s="71"/>
      <c r="E79" s="71"/>
      <c r="F79" s="71"/>
      <c r="G79" s="71"/>
      <c r="H79" s="71"/>
      <c r="I79" s="71"/>
      <c r="J79" s="71"/>
      <c r="K79" s="71"/>
      <c r="L79" s="72"/>
      <c r="M79" s="71"/>
      <c r="N79" s="71"/>
      <c r="O79" s="71"/>
      <c r="P79" s="71"/>
      <c r="Q79" s="73"/>
      <c r="R79" s="42"/>
      <c r="S79" s="43"/>
      <c r="T79" s="74"/>
      <c r="U79" s="45"/>
    </row>
    <row r="80" spans="1:57" s="57" customFormat="1" ht="75" customHeight="1" x14ac:dyDescent="0.2">
      <c r="A80" s="75"/>
      <c r="B80" s="76"/>
      <c r="C80" s="76"/>
      <c r="D80" s="76"/>
      <c r="E80" s="76"/>
      <c r="F80" s="76"/>
      <c r="G80" s="76"/>
      <c r="H80" s="76"/>
      <c r="I80" s="76"/>
      <c r="J80" s="76"/>
      <c r="K80" s="76"/>
      <c r="L80" s="77"/>
      <c r="M80" s="76"/>
      <c r="N80" s="76"/>
      <c r="O80" s="76"/>
      <c r="P80" s="76"/>
      <c r="Q80" s="78"/>
      <c r="R80" s="55"/>
      <c r="S80" s="43"/>
      <c r="T80" s="79"/>
      <c r="U80" s="45"/>
    </row>
    <row r="81" spans="1:57" s="57" customFormat="1" ht="75" customHeight="1" thickBot="1" x14ac:dyDescent="0.25">
      <c r="A81" s="80"/>
      <c r="B81" s="81"/>
      <c r="C81" s="81"/>
      <c r="D81" s="81"/>
      <c r="E81" s="81"/>
      <c r="F81" s="81"/>
      <c r="G81" s="81"/>
      <c r="H81" s="81"/>
      <c r="I81" s="81"/>
      <c r="J81" s="81"/>
      <c r="K81" s="81"/>
      <c r="L81" s="82"/>
      <c r="M81" s="81"/>
      <c r="N81" s="81"/>
      <c r="O81" s="81"/>
      <c r="P81" s="81"/>
      <c r="Q81" s="83"/>
      <c r="R81" s="55"/>
      <c r="S81" s="43"/>
      <c r="T81" s="79"/>
      <c r="U81" s="45"/>
    </row>
    <row r="82" spans="1:57" s="18" customFormat="1" ht="69.900000000000006" customHeight="1" thickBot="1" x14ac:dyDescent="0.25">
      <c r="A82" s="84" t="s">
        <v>61</v>
      </c>
      <c r="B82" s="86"/>
      <c r="C82" s="86"/>
      <c r="D82" s="86"/>
      <c r="E82" s="86"/>
      <c r="F82" s="86"/>
      <c r="G82" s="86"/>
      <c r="H82" s="86"/>
      <c r="I82" s="86"/>
      <c r="J82" s="86"/>
      <c r="K82" s="86"/>
      <c r="L82" s="86"/>
      <c r="M82" s="86"/>
      <c r="N82" s="86"/>
      <c r="O82" s="86"/>
      <c r="P82" s="86"/>
      <c r="Q82" s="171"/>
      <c r="R82" s="55"/>
      <c r="S82" s="43"/>
      <c r="T82" s="114"/>
      <c r="U82" s="105"/>
      <c r="V82" s="98"/>
      <c r="W82" s="98"/>
      <c r="X82" s="98"/>
      <c r="Y82" s="98"/>
      <c r="Z82" s="98"/>
      <c r="AA82" s="98"/>
      <c r="AB82" s="98"/>
      <c r="AC82" s="98"/>
      <c r="AD82" s="98"/>
      <c r="AE82" s="98"/>
      <c r="AF82" s="98"/>
      <c r="AG82" s="98"/>
      <c r="AH82" s="98"/>
      <c r="AI82" s="98"/>
      <c r="AJ82" s="98"/>
      <c r="AK82" s="98"/>
      <c r="AL82" s="98"/>
      <c r="AM82" s="98"/>
      <c r="AN82" s="98"/>
      <c r="AO82" s="98"/>
      <c r="AP82" s="98"/>
      <c r="AQ82" s="98"/>
      <c r="AR82" s="98"/>
      <c r="AS82" s="98"/>
      <c r="AT82" s="98"/>
      <c r="AU82" s="98"/>
      <c r="AV82" s="98"/>
      <c r="AW82" s="98"/>
      <c r="AX82" s="98"/>
      <c r="AY82" s="98"/>
      <c r="AZ82" s="98"/>
      <c r="BA82" s="98"/>
      <c r="BB82" s="98"/>
      <c r="BC82" s="98"/>
      <c r="BD82" s="98"/>
      <c r="BE82" s="98"/>
    </row>
    <row r="83" spans="1:57" s="57" customFormat="1" ht="132" customHeight="1" thickTop="1" thickBot="1" x14ac:dyDescent="0.25">
      <c r="A83" s="172" t="s">
        <v>62</v>
      </c>
      <c r="B83" s="173"/>
      <c r="C83" s="173"/>
      <c r="D83" s="173"/>
      <c r="E83" s="173"/>
      <c r="F83" s="173"/>
      <c r="G83" s="173"/>
      <c r="H83" s="173"/>
      <c r="I83" s="173"/>
      <c r="J83" s="173"/>
      <c r="K83" s="173"/>
      <c r="L83" s="173"/>
      <c r="M83" s="174"/>
      <c r="N83" s="144" t="s">
        <v>27</v>
      </c>
      <c r="O83" s="175" t="s">
        <v>20</v>
      </c>
      <c r="P83" s="175" t="s">
        <v>21</v>
      </c>
      <c r="Q83" s="176" t="s">
        <v>22</v>
      </c>
      <c r="R83" s="55"/>
      <c r="S83" s="43"/>
      <c r="T83" s="56"/>
      <c r="U83" s="105"/>
      <c r="V83" s="106"/>
      <c r="W83" s="106"/>
      <c r="X83" s="106"/>
      <c r="Y83" s="106"/>
      <c r="Z83" s="106"/>
      <c r="AA83" s="106"/>
      <c r="AB83" s="106"/>
      <c r="AC83" s="106"/>
      <c r="AD83" s="106"/>
      <c r="AE83" s="106"/>
      <c r="AF83" s="106"/>
      <c r="AG83" s="106"/>
      <c r="AH83" s="106"/>
      <c r="AI83" s="106"/>
      <c r="AJ83" s="106"/>
      <c r="AK83" s="106"/>
      <c r="AL83" s="106"/>
      <c r="AM83" s="106"/>
      <c r="AN83" s="106"/>
      <c r="AO83" s="106"/>
      <c r="AP83" s="106"/>
      <c r="AQ83" s="106"/>
      <c r="AR83" s="106"/>
      <c r="AS83" s="106"/>
      <c r="AT83" s="106"/>
      <c r="AU83" s="106"/>
      <c r="AV83" s="106"/>
      <c r="AW83" s="106"/>
      <c r="AX83" s="106"/>
      <c r="AY83" s="106"/>
      <c r="AZ83" s="106"/>
      <c r="BA83" s="106"/>
      <c r="BB83" s="106"/>
      <c r="BC83" s="106"/>
      <c r="BD83" s="106"/>
      <c r="BE83" s="106"/>
    </row>
    <row r="84" spans="1:57" s="18" customFormat="1" ht="69.900000000000006" customHeight="1" thickTop="1" x14ac:dyDescent="0.2">
      <c r="A84" s="148" t="s">
        <v>63</v>
      </c>
      <c r="B84" s="150"/>
      <c r="C84" s="150"/>
      <c r="D84" s="150"/>
      <c r="E84" s="150"/>
      <c r="F84" s="150"/>
      <c r="G84" s="150"/>
      <c r="H84" s="150"/>
      <c r="I84" s="150"/>
      <c r="J84" s="150"/>
      <c r="K84" s="150"/>
      <c r="L84" s="150"/>
      <c r="M84" s="150"/>
      <c r="N84" s="150"/>
      <c r="O84" s="150"/>
      <c r="P84" s="150"/>
      <c r="Q84" s="177"/>
      <c r="R84" s="42"/>
      <c r="S84" s="43"/>
      <c r="T84" s="74"/>
      <c r="U84" s="45"/>
    </row>
    <row r="85" spans="1:57" s="57" customFormat="1" ht="70.2" customHeight="1" x14ac:dyDescent="0.2">
      <c r="A85" s="152" t="s">
        <v>64</v>
      </c>
      <c r="B85" s="153"/>
      <c r="C85" s="153"/>
      <c r="D85" s="153"/>
      <c r="E85" s="153"/>
      <c r="F85" s="153"/>
      <c r="G85" s="153"/>
      <c r="H85" s="153"/>
      <c r="I85" s="153"/>
      <c r="J85" s="154"/>
      <c r="K85" s="178"/>
      <c r="L85" s="178"/>
      <c r="M85" s="178"/>
      <c r="N85" s="178"/>
      <c r="O85" s="178"/>
      <c r="P85" s="178"/>
      <c r="Q85" s="179"/>
      <c r="R85" s="55"/>
      <c r="S85" s="43"/>
      <c r="T85" s="97"/>
      <c r="U85" s="105"/>
      <c r="V85" s="106"/>
      <c r="W85" s="106"/>
      <c r="X85" s="106"/>
      <c r="Y85" s="106"/>
      <c r="Z85" s="106"/>
      <c r="AA85" s="106"/>
      <c r="AB85" s="106"/>
      <c r="AC85" s="106"/>
      <c r="AD85" s="106"/>
      <c r="AE85" s="106"/>
      <c r="AF85" s="106"/>
      <c r="AG85" s="106"/>
      <c r="AH85" s="106"/>
      <c r="AI85" s="106"/>
      <c r="AJ85" s="106"/>
      <c r="AK85" s="106"/>
      <c r="AL85" s="106"/>
      <c r="AM85" s="106"/>
      <c r="AN85" s="106"/>
      <c r="AO85" s="106"/>
      <c r="AP85" s="106"/>
      <c r="AQ85" s="106"/>
      <c r="AR85" s="106"/>
      <c r="AS85" s="106"/>
      <c r="AT85" s="106"/>
      <c r="AU85" s="106"/>
      <c r="AV85" s="106"/>
      <c r="AW85" s="106"/>
      <c r="AX85" s="106"/>
      <c r="AY85" s="106"/>
      <c r="AZ85" s="106"/>
      <c r="BA85" s="106"/>
      <c r="BB85" s="106"/>
      <c r="BC85" s="106"/>
      <c r="BD85" s="106"/>
      <c r="BE85" s="106"/>
    </row>
    <row r="86" spans="1:57" s="191" customFormat="1" ht="70.2" customHeight="1" x14ac:dyDescent="0.2">
      <c r="A86" s="180" t="s">
        <v>65</v>
      </c>
      <c r="B86" s="181"/>
      <c r="C86" s="181"/>
      <c r="D86" s="181"/>
      <c r="E86" s="181"/>
      <c r="F86" s="181"/>
      <c r="G86" s="181"/>
      <c r="H86" s="181"/>
      <c r="I86" s="181"/>
      <c r="J86" s="182"/>
      <c r="K86" s="183" t="s">
        <v>66</v>
      </c>
      <c r="L86" s="184"/>
      <c r="M86" s="184"/>
      <c r="N86" s="184"/>
      <c r="O86" s="184"/>
      <c r="P86" s="184"/>
      <c r="Q86" s="185"/>
      <c r="R86" s="186"/>
      <c r="S86" s="187"/>
      <c r="T86" s="188"/>
      <c r="U86" s="189"/>
      <c r="V86" s="190"/>
      <c r="W86" s="190"/>
      <c r="X86" s="190"/>
      <c r="Y86" s="190"/>
      <c r="Z86" s="190"/>
      <c r="AA86" s="190"/>
      <c r="AB86" s="190"/>
      <c r="AC86" s="190"/>
      <c r="AD86" s="190"/>
      <c r="AE86" s="190"/>
      <c r="AF86" s="190"/>
      <c r="AG86" s="190"/>
      <c r="AH86" s="190"/>
      <c r="AI86" s="190"/>
      <c r="AJ86" s="190"/>
      <c r="AK86" s="190"/>
      <c r="AL86" s="190"/>
      <c r="AM86" s="190"/>
      <c r="AN86" s="190"/>
      <c r="AO86" s="190"/>
      <c r="AP86" s="190"/>
      <c r="AQ86" s="190"/>
      <c r="AR86" s="190"/>
      <c r="AS86" s="190"/>
      <c r="AT86" s="190"/>
      <c r="AU86" s="190"/>
      <c r="AV86" s="190"/>
      <c r="AW86" s="190"/>
      <c r="AX86" s="190"/>
      <c r="AY86" s="190"/>
      <c r="AZ86" s="190"/>
      <c r="BA86" s="190"/>
      <c r="BB86" s="190"/>
      <c r="BC86" s="190"/>
      <c r="BD86" s="190"/>
      <c r="BE86" s="190"/>
    </row>
    <row r="87" spans="1:57" s="201" customFormat="1" ht="70.2" customHeight="1" x14ac:dyDescent="0.2">
      <c r="A87" s="192"/>
      <c r="B87" s="193"/>
      <c r="C87" s="193"/>
      <c r="D87" s="193"/>
      <c r="E87" s="193"/>
      <c r="F87" s="193"/>
      <c r="G87" s="193"/>
      <c r="H87" s="193"/>
      <c r="I87" s="193"/>
      <c r="J87" s="194"/>
      <c r="K87" s="195" t="s">
        <v>67</v>
      </c>
      <c r="L87" s="196"/>
      <c r="M87" s="196"/>
      <c r="N87" s="196"/>
      <c r="O87" s="196"/>
      <c r="P87" s="196"/>
      <c r="Q87" s="197"/>
      <c r="R87" s="198"/>
      <c r="S87" s="187"/>
      <c r="T87" s="199"/>
      <c r="U87" s="200"/>
    </row>
    <row r="88" spans="1:57" s="18" customFormat="1" ht="69.900000000000006" customHeight="1" x14ac:dyDescent="0.2">
      <c r="A88" s="70" t="s">
        <v>28</v>
      </c>
      <c r="B88" s="72"/>
      <c r="C88" s="72"/>
      <c r="D88" s="72"/>
      <c r="E88" s="72"/>
      <c r="F88" s="72"/>
      <c r="G88" s="72"/>
      <c r="H88" s="72"/>
      <c r="I88" s="72"/>
      <c r="J88" s="72"/>
      <c r="K88" s="72"/>
      <c r="L88" s="72"/>
      <c r="M88" s="72"/>
      <c r="N88" s="72"/>
      <c r="O88" s="72"/>
      <c r="P88" s="72"/>
      <c r="Q88" s="202"/>
      <c r="R88" s="42"/>
      <c r="S88" s="43"/>
      <c r="T88" s="74"/>
      <c r="U88" s="45"/>
    </row>
    <row r="89" spans="1:57" s="57" customFormat="1" ht="75" customHeight="1" x14ac:dyDescent="0.2">
      <c r="A89" s="75"/>
      <c r="B89" s="76"/>
      <c r="C89" s="76"/>
      <c r="D89" s="76"/>
      <c r="E89" s="76"/>
      <c r="F89" s="76"/>
      <c r="G89" s="76"/>
      <c r="H89" s="76"/>
      <c r="I89" s="76"/>
      <c r="J89" s="76"/>
      <c r="K89" s="76"/>
      <c r="L89" s="77"/>
      <c r="M89" s="76"/>
      <c r="N89" s="76"/>
      <c r="O89" s="76"/>
      <c r="P89" s="76"/>
      <c r="Q89" s="78"/>
      <c r="R89" s="55"/>
      <c r="S89" s="43"/>
      <c r="T89" s="79"/>
      <c r="U89" s="45"/>
    </row>
    <row r="90" spans="1:57" s="57" customFormat="1" ht="75" customHeight="1" thickBot="1" x14ac:dyDescent="0.25">
      <c r="A90" s="80"/>
      <c r="B90" s="81"/>
      <c r="C90" s="81"/>
      <c r="D90" s="81"/>
      <c r="E90" s="81"/>
      <c r="F90" s="81"/>
      <c r="G90" s="81"/>
      <c r="H90" s="81"/>
      <c r="I90" s="81"/>
      <c r="J90" s="81"/>
      <c r="K90" s="81"/>
      <c r="L90" s="82"/>
      <c r="M90" s="81"/>
      <c r="N90" s="81"/>
      <c r="O90" s="81"/>
      <c r="P90" s="81"/>
      <c r="Q90" s="83"/>
      <c r="R90" s="55"/>
      <c r="S90" s="43"/>
      <c r="T90" s="136"/>
      <c r="U90" s="45"/>
    </row>
    <row r="91" spans="1:57" s="18" customFormat="1" ht="69.900000000000006" customHeight="1" thickBot="1" x14ac:dyDescent="0.25">
      <c r="A91" s="84" t="s">
        <v>68</v>
      </c>
      <c r="B91" s="85"/>
      <c r="C91" s="85"/>
      <c r="D91" s="85"/>
      <c r="E91" s="85"/>
      <c r="F91" s="85"/>
      <c r="G91" s="85"/>
      <c r="H91" s="85"/>
      <c r="I91" s="85"/>
      <c r="J91" s="85"/>
      <c r="K91" s="85"/>
      <c r="L91" s="86"/>
      <c r="M91" s="85"/>
      <c r="N91" s="85"/>
      <c r="O91" s="85"/>
      <c r="P91" s="85"/>
      <c r="Q91" s="87"/>
      <c r="R91" s="55"/>
      <c r="S91" s="43"/>
      <c r="T91" s="114"/>
      <c r="U91" s="105"/>
      <c r="V91" s="98"/>
      <c r="W91" s="98"/>
      <c r="X91" s="98"/>
      <c r="Y91" s="106"/>
      <c r="Z91" s="106"/>
      <c r="AA91" s="106"/>
      <c r="AB91" s="106"/>
      <c r="AC91" s="106"/>
      <c r="AD91" s="106"/>
      <c r="AE91" s="106"/>
      <c r="AF91" s="106"/>
      <c r="AG91" s="106"/>
      <c r="AH91" s="106"/>
      <c r="AI91" s="106"/>
      <c r="AJ91" s="106"/>
      <c r="AK91" s="106"/>
      <c r="AL91" s="106"/>
      <c r="AM91" s="106"/>
      <c r="AN91" s="106"/>
      <c r="AO91" s="98"/>
      <c r="AP91" s="98"/>
      <c r="AQ91" s="98"/>
      <c r="AR91" s="98"/>
      <c r="AS91" s="98"/>
      <c r="AT91" s="98"/>
      <c r="AU91" s="98"/>
      <c r="AV91" s="98"/>
      <c r="AW91" s="98"/>
      <c r="AX91" s="98"/>
      <c r="AY91" s="98"/>
      <c r="AZ91" s="98"/>
      <c r="BA91" s="98"/>
      <c r="BB91" s="98"/>
      <c r="BC91" s="98"/>
      <c r="BD91" s="98"/>
      <c r="BE91" s="98"/>
    </row>
    <row r="92" spans="1:57" s="57" customFormat="1" ht="274.5" customHeight="1" thickTop="1" thickBot="1" x14ac:dyDescent="0.25">
      <c r="A92" s="49" t="s">
        <v>69</v>
      </c>
      <c r="B92" s="50"/>
      <c r="C92" s="50"/>
      <c r="D92" s="50"/>
      <c r="E92" s="50"/>
      <c r="F92" s="50"/>
      <c r="G92" s="50"/>
      <c r="H92" s="50"/>
      <c r="I92" s="50"/>
      <c r="J92" s="50"/>
      <c r="K92" s="50"/>
      <c r="L92" s="51"/>
      <c r="M92" s="50"/>
      <c r="N92" s="50"/>
      <c r="O92" s="145" t="s">
        <v>20</v>
      </c>
      <c r="P92" s="145" t="s">
        <v>21</v>
      </c>
      <c r="Q92" s="146" t="s">
        <v>22</v>
      </c>
      <c r="R92" s="55"/>
      <c r="S92" s="43"/>
      <c r="T92" s="56"/>
      <c r="U92" s="105"/>
      <c r="V92" s="106"/>
      <c r="W92" s="106"/>
      <c r="X92" s="106"/>
      <c r="Y92" s="106"/>
      <c r="Z92" s="106"/>
      <c r="AA92" s="106"/>
      <c r="AB92" s="106"/>
      <c r="AC92" s="106"/>
      <c r="AD92" s="106"/>
      <c r="AE92" s="106"/>
      <c r="AF92" s="106"/>
      <c r="AG92" s="106"/>
      <c r="AH92" s="106"/>
      <c r="AI92" s="106"/>
      <c r="AJ92" s="106"/>
      <c r="AK92" s="106"/>
      <c r="AL92" s="106"/>
      <c r="AM92" s="106"/>
      <c r="AN92" s="106"/>
      <c r="AO92" s="106"/>
      <c r="AP92" s="106"/>
      <c r="AQ92" s="106"/>
      <c r="AR92" s="106"/>
      <c r="AS92" s="106"/>
      <c r="AT92" s="106"/>
      <c r="AU92" s="106"/>
      <c r="AV92" s="106"/>
      <c r="AW92" s="106"/>
      <c r="AX92" s="106"/>
      <c r="AY92" s="106"/>
      <c r="AZ92" s="106"/>
      <c r="BA92" s="106"/>
      <c r="BB92" s="106"/>
      <c r="BC92" s="106"/>
      <c r="BD92" s="106"/>
      <c r="BE92" s="106"/>
    </row>
    <row r="93" spans="1:57" s="57" customFormat="1" ht="229.5" customHeight="1" thickTop="1" thickBot="1" x14ac:dyDescent="0.25">
      <c r="A93" s="63" t="s">
        <v>70</v>
      </c>
      <c r="B93" s="64"/>
      <c r="C93" s="64"/>
      <c r="D93" s="64"/>
      <c r="E93" s="64"/>
      <c r="F93" s="64"/>
      <c r="G93" s="64"/>
      <c r="H93" s="64"/>
      <c r="I93" s="64"/>
      <c r="J93" s="64"/>
      <c r="K93" s="64"/>
      <c r="L93" s="65"/>
      <c r="M93" s="64"/>
      <c r="N93" s="64"/>
      <c r="O93" s="52" t="s">
        <v>24</v>
      </c>
      <c r="P93" s="61" t="s">
        <v>25</v>
      </c>
      <c r="Q93" s="62" t="s">
        <v>22</v>
      </c>
      <c r="R93" s="55"/>
      <c r="S93" s="43"/>
      <c r="T93" s="56"/>
      <c r="U93" s="105"/>
      <c r="V93" s="106"/>
      <c r="W93" s="106"/>
      <c r="X93" s="106"/>
      <c r="Y93" s="98"/>
      <c r="Z93" s="98"/>
      <c r="AA93" s="98"/>
      <c r="AB93" s="98"/>
      <c r="AC93" s="98"/>
      <c r="AD93" s="98"/>
      <c r="AE93" s="98"/>
      <c r="AF93" s="98"/>
      <c r="AG93" s="98"/>
      <c r="AH93" s="98"/>
      <c r="AI93" s="98"/>
      <c r="AJ93" s="98"/>
      <c r="AK93" s="98"/>
      <c r="AL93" s="98"/>
      <c r="AM93" s="98"/>
      <c r="AN93" s="98"/>
      <c r="AO93" s="106"/>
      <c r="AP93" s="106"/>
      <c r="AQ93" s="106"/>
      <c r="AR93" s="106"/>
      <c r="AS93" s="106"/>
      <c r="AT93" s="106"/>
      <c r="AU93" s="106"/>
      <c r="AV93" s="106"/>
      <c r="AW93" s="106"/>
      <c r="AX93" s="106"/>
      <c r="AY93" s="106"/>
      <c r="AZ93" s="106"/>
      <c r="BA93" s="106"/>
      <c r="BB93" s="106"/>
      <c r="BC93" s="106"/>
      <c r="BD93" s="106"/>
      <c r="BE93" s="106"/>
    </row>
    <row r="94" spans="1:57" s="57" customFormat="1" ht="140.1" customHeight="1" thickTop="1" thickBot="1" x14ac:dyDescent="0.25">
      <c r="A94" s="63" t="s">
        <v>71</v>
      </c>
      <c r="B94" s="64"/>
      <c r="C94" s="64"/>
      <c r="D94" s="64"/>
      <c r="E94" s="64"/>
      <c r="F94" s="64"/>
      <c r="G94" s="64"/>
      <c r="H94" s="64"/>
      <c r="I94" s="64"/>
      <c r="J94" s="64"/>
      <c r="K94" s="64"/>
      <c r="L94" s="65"/>
      <c r="M94" s="64"/>
      <c r="N94" s="64"/>
      <c r="O94" s="52" t="s">
        <v>20</v>
      </c>
      <c r="P94" s="52" t="s">
        <v>21</v>
      </c>
      <c r="Q94" s="112" t="s">
        <v>22</v>
      </c>
      <c r="R94" s="55"/>
      <c r="S94" s="43"/>
      <c r="T94" s="56"/>
      <c r="U94" s="105"/>
      <c r="V94" s="106"/>
      <c r="W94" s="106"/>
      <c r="X94" s="106"/>
      <c r="Y94" s="106"/>
      <c r="Z94" s="106"/>
      <c r="AA94" s="106"/>
      <c r="AB94" s="106"/>
      <c r="AC94" s="106"/>
      <c r="AD94" s="106"/>
      <c r="AE94" s="106"/>
      <c r="AF94" s="106"/>
      <c r="AG94" s="106"/>
      <c r="AH94" s="106"/>
      <c r="AI94" s="106"/>
      <c r="AJ94" s="106"/>
      <c r="AK94" s="106"/>
      <c r="AL94" s="106"/>
      <c r="AM94" s="106"/>
      <c r="AN94" s="106"/>
      <c r="AO94" s="106"/>
      <c r="AP94" s="106"/>
      <c r="AQ94" s="106"/>
      <c r="AR94" s="106"/>
      <c r="AS94" s="106"/>
      <c r="AT94" s="106"/>
      <c r="AU94" s="106"/>
      <c r="AV94" s="106"/>
      <c r="AW94" s="106"/>
      <c r="AX94" s="106"/>
      <c r="AY94" s="106"/>
      <c r="AZ94" s="106"/>
      <c r="BA94" s="106"/>
      <c r="BB94" s="106"/>
      <c r="BC94" s="106"/>
      <c r="BD94" s="106"/>
      <c r="BE94" s="106"/>
    </row>
    <row r="95" spans="1:57" s="18" customFormat="1" ht="69.900000000000006" customHeight="1" thickTop="1" x14ac:dyDescent="0.2">
      <c r="A95" s="70" t="s">
        <v>28</v>
      </c>
      <c r="B95" s="71"/>
      <c r="C95" s="71"/>
      <c r="D95" s="71"/>
      <c r="E95" s="71"/>
      <c r="F95" s="71"/>
      <c r="G95" s="71"/>
      <c r="H95" s="71"/>
      <c r="I95" s="71"/>
      <c r="J95" s="71"/>
      <c r="K95" s="71"/>
      <c r="L95" s="72"/>
      <c r="M95" s="71"/>
      <c r="N95" s="71"/>
      <c r="O95" s="71"/>
      <c r="P95" s="71"/>
      <c r="Q95" s="73"/>
      <c r="R95" s="42"/>
      <c r="S95" s="43"/>
      <c r="T95" s="74"/>
      <c r="U95" s="45"/>
    </row>
    <row r="96" spans="1:57" s="57" customFormat="1" ht="75" customHeight="1" x14ac:dyDescent="0.2">
      <c r="A96" s="203"/>
      <c r="B96" s="204"/>
      <c r="C96" s="204"/>
      <c r="D96" s="204"/>
      <c r="E96" s="204"/>
      <c r="F96" s="204"/>
      <c r="G96" s="204"/>
      <c r="H96" s="204"/>
      <c r="I96" s="204"/>
      <c r="J96" s="204"/>
      <c r="K96" s="204"/>
      <c r="L96" s="204"/>
      <c r="M96" s="204"/>
      <c r="N96" s="204"/>
      <c r="O96" s="204"/>
      <c r="P96" s="204"/>
      <c r="Q96" s="205"/>
      <c r="R96" s="55"/>
      <c r="S96" s="43"/>
      <c r="T96" s="79"/>
      <c r="U96" s="45"/>
    </row>
    <row r="97" spans="1:57" s="57" customFormat="1" ht="75" customHeight="1" thickBot="1" x14ac:dyDescent="0.25">
      <c r="A97" s="206"/>
      <c r="B97" s="207"/>
      <c r="C97" s="207"/>
      <c r="D97" s="207"/>
      <c r="E97" s="207"/>
      <c r="F97" s="207"/>
      <c r="G97" s="207"/>
      <c r="H97" s="207"/>
      <c r="I97" s="207"/>
      <c r="J97" s="207"/>
      <c r="K97" s="207"/>
      <c r="L97" s="208"/>
      <c r="M97" s="207"/>
      <c r="N97" s="207"/>
      <c r="O97" s="207"/>
      <c r="P97" s="207"/>
      <c r="Q97" s="209"/>
      <c r="R97" s="55"/>
      <c r="S97" s="43"/>
      <c r="T97" s="79"/>
      <c r="U97" s="45"/>
    </row>
    <row r="98" spans="1:57" s="18" customFormat="1" ht="69.900000000000006" customHeight="1" thickBot="1" x14ac:dyDescent="0.25">
      <c r="A98" s="84" t="s">
        <v>72</v>
      </c>
      <c r="B98" s="86"/>
      <c r="C98" s="86"/>
      <c r="D98" s="86"/>
      <c r="E98" s="86"/>
      <c r="F98" s="86"/>
      <c r="G98" s="86"/>
      <c r="H98" s="86"/>
      <c r="I98" s="86"/>
      <c r="J98" s="86"/>
      <c r="K98" s="86"/>
      <c r="L98" s="86"/>
      <c r="M98" s="86"/>
      <c r="N98" s="86"/>
      <c r="O98" s="86"/>
      <c r="P98" s="86"/>
      <c r="Q98" s="171"/>
      <c r="R98" s="55"/>
      <c r="S98" s="43"/>
      <c r="T98" s="97"/>
      <c r="U98" s="105"/>
      <c r="V98" s="98"/>
      <c r="W98" s="98"/>
      <c r="X98" s="98"/>
      <c r="Y98" s="106"/>
      <c r="Z98" s="106"/>
      <c r="AA98" s="106"/>
      <c r="AB98" s="106"/>
      <c r="AC98" s="106"/>
      <c r="AD98" s="106"/>
      <c r="AE98" s="106"/>
      <c r="AF98" s="106"/>
      <c r="AG98" s="106"/>
      <c r="AH98" s="106"/>
      <c r="AI98" s="106"/>
      <c r="AJ98" s="106"/>
      <c r="AK98" s="106"/>
      <c r="AL98" s="106"/>
      <c r="AM98" s="106"/>
      <c r="AN98" s="106"/>
      <c r="AO98" s="98"/>
      <c r="AP98" s="98"/>
      <c r="AQ98" s="98"/>
      <c r="AR98" s="98"/>
      <c r="AS98" s="98"/>
      <c r="AT98" s="98"/>
      <c r="AU98" s="98"/>
      <c r="AV98" s="98"/>
      <c r="AW98" s="98"/>
      <c r="AX98" s="98"/>
      <c r="AY98" s="98"/>
      <c r="AZ98" s="98"/>
      <c r="BA98" s="98"/>
      <c r="BB98" s="98"/>
      <c r="BC98" s="98"/>
      <c r="BD98" s="98"/>
      <c r="BE98" s="98"/>
    </row>
    <row r="99" spans="1:57" s="57" customFormat="1" ht="183.6" customHeight="1" thickTop="1" thickBot="1" x14ac:dyDescent="0.25">
      <c r="A99" s="172" t="s">
        <v>73</v>
      </c>
      <c r="B99" s="210"/>
      <c r="C99" s="210"/>
      <c r="D99" s="210"/>
      <c r="E99" s="210"/>
      <c r="F99" s="210"/>
      <c r="G99" s="210"/>
      <c r="H99" s="210"/>
      <c r="I99" s="210"/>
      <c r="J99" s="210"/>
      <c r="K99" s="210"/>
      <c r="L99" s="173"/>
      <c r="M99" s="210"/>
      <c r="N99" s="211" t="s">
        <v>27</v>
      </c>
      <c r="O99" s="145" t="s">
        <v>20</v>
      </c>
      <c r="P99" s="145" t="s">
        <v>21</v>
      </c>
      <c r="Q99" s="146" t="s">
        <v>22</v>
      </c>
      <c r="R99" s="55"/>
      <c r="S99" s="43"/>
      <c r="T99" s="56"/>
      <c r="U99" s="105"/>
      <c r="V99" s="106"/>
      <c r="W99" s="106"/>
      <c r="X99" s="106"/>
      <c r="Y99" s="106"/>
      <c r="Z99" s="106"/>
      <c r="AA99" s="106"/>
      <c r="AB99" s="106"/>
      <c r="AC99" s="106"/>
      <c r="AD99" s="106"/>
      <c r="AE99" s="106"/>
      <c r="AF99" s="106"/>
      <c r="AG99" s="106"/>
      <c r="AH99" s="106"/>
      <c r="AI99" s="106"/>
      <c r="AJ99" s="106"/>
      <c r="AK99" s="106"/>
      <c r="AL99" s="106"/>
      <c r="AM99" s="106"/>
      <c r="AN99" s="106"/>
      <c r="AO99" s="106"/>
      <c r="AP99" s="106"/>
      <c r="AQ99" s="106"/>
      <c r="AR99" s="106"/>
      <c r="AS99" s="106"/>
      <c r="AT99" s="106"/>
      <c r="AU99" s="106"/>
      <c r="AV99" s="106"/>
      <c r="AW99" s="106"/>
      <c r="AX99" s="106"/>
      <c r="AY99" s="106"/>
      <c r="AZ99" s="106"/>
      <c r="BA99" s="106"/>
      <c r="BB99" s="106"/>
      <c r="BC99" s="106"/>
      <c r="BD99" s="106"/>
      <c r="BE99" s="106"/>
    </row>
    <row r="100" spans="1:57" s="18" customFormat="1" ht="69.900000000000006" customHeight="1" thickTop="1" x14ac:dyDescent="0.2">
      <c r="A100" s="212" t="s">
        <v>63</v>
      </c>
      <c r="B100" s="213"/>
      <c r="C100" s="213"/>
      <c r="D100" s="213"/>
      <c r="E100" s="213"/>
      <c r="F100" s="213"/>
      <c r="G100" s="213"/>
      <c r="H100" s="213"/>
      <c r="I100" s="213"/>
      <c r="J100" s="213"/>
      <c r="K100" s="213"/>
      <c r="L100" s="214"/>
      <c r="M100" s="213"/>
      <c r="N100" s="213"/>
      <c r="O100" s="213"/>
      <c r="P100" s="213"/>
      <c r="Q100" s="215"/>
      <c r="R100" s="42"/>
      <c r="S100" s="43"/>
      <c r="T100" s="74"/>
      <c r="U100" s="45"/>
    </row>
    <row r="101" spans="1:57" s="18" customFormat="1" ht="69.900000000000006" customHeight="1" x14ac:dyDescent="0.2">
      <c r="A101" s="216" t="s">
        <v>74</v>
      </c>
      <c r="B101" s="217"/>
      <c r="C101" s="217"/>
      <c r="D101" s="217"/>
      <c r="E101" s="217"/>
      <c r="F101" s="217"/>
      <c r="G101" s="217"/>
      <c r="H101" s="217"/>
      <c r="I101" s="217"/>
      <c r="J101" s="217"/>
      <c r="K101" s="217"/>
      <c r="L101" s="217"/>
      <c r="M101" s="217"/>
      <c r="N101" s="217"/>
      <c r="O101" s="217"/>
      <c r="P101" s="217"/>
      <c r="Q101" s="218"/>
      <c r="R101" s="42"/>
      <c r="S101" s="43"/>
      <c r="T101" s="74"/>
      <c r="U101" s="45"/>
    </row>
    <row r="102" spans="1:57" s="57" customFormat="1" ht="69.900000000000006" customHeight="1" x14ac:dyDescent="0.2">
      <c r="A102" s="219" t="s">
        <v>75</v>
      </c>
      <c r="B102" s="220"/>
      <c r="C102" s="220"/>
      <c r="D102" s="220"/>
      <c r="E102" s="220"/>
      <c r="F102" s="220"/>
      <c r="G102" s="220"/>
      <c r="H102" s="220"/>
      <c r="I102" s="220"/>
      <c r="J102" s="221"/>
      <c r="K102" s="222" t="s">
        <v>76</v>
      </c>
      <c r="L102" s="223"/>
      <c r="M102" s="224"/>
      <c r="N102" s="225"/>
      <c r="O102" s="225"/>
      <c r="P102" s="225"/>
      <c r="Q102" s="226"/>
      <c r="R102" s="55"/>
      <c r="S102" s="43"/>
      <c r="T102" s="97"/>
      <c r="U102" s="105"/>
      <c r="V102" s="106"/>
      <c r="W102" s="106"/>
      <c r="X102" s="106"/>
      <c r="Y102" s="106"/>
      <c r="Z102" s="106"/>
      <c r="AA102" s="106"/>
      <c r="AB102" s="106"/>
      <c r="AC102" s="106"/>
      <c r="AD102" s="106"/>
      <c r="AE102" s="106"/>
      <c r="AF102" s="106"/>
      <c r="AG102" s="106"/>
      <c r="AH102" s="106"/>
      <c r="AI102" s="106"/>
      <c r="AJ102" s="106"/>
      <c r="AK102" s="106"/>
      <c r="AL102" s="106"/>
      <c r="AM102" s="106"/>
      <c r="AN102" s="106"/>
      <c r="AO102" s="106"/>
      <c r="AP102" s="106"/>
      <c r="AQ102" s="106"/>
      <c r="AR102" s="106"/>
      <c r="AS102" s="106"/>
      <c r="AT102" s="106"/>
      <c r="AU102" s="106"/>
      <c r="AV102" s="106"/>
      <c r="AW102" s="106"/>
      <c r="AX102" s="106"/>
      <c r="AY102" s="106"/>
      <c r="AZ102" s="106"/>
      <c r="BA102" s="106"/>
      <c r="BB102" s="106"/>
      <c r="BC102" s="106"/>
      <c r="BD102" s="106"/>
      <c r="BE102" s="106"/>
    </row>
    <row r="103" spans="1:57" s="191" customFormat="1" ht="69.900000000000006" customHeight="1" x14ac:dyDescent="0.2">
      <c r="A103" s="227" t="s">
        <v>77</v>
      </c>
      <c r="B103" s="228"/>
      <c r="C103" s="228"/>
      <c r="D103" s="228"/>
      <c r="E103" s="228"/>
      <c r="F103" s="228"/>
      <c r="G103" s="228"/>
      <c r="H103" s="228"/>
      <c r="I103" s="228"/>
      <c r="J103" s="229"/>
      <c r="K103" s="230" t="s">
        <v>78</v>
      </c>
      <c r="L103" s="231"/>
      <c r="M103" s="231"/>
      <c r="N103" s="231"/>
      <c r="O103" s="231"/>
      <c r="P103" s="231"/>
      <c r="Q103" s="232"/>
      <c r="R103" s="186"/>
      <c r="S103" s="187"/>
      <c r="T103" s="188"/>
      <c r="U103" s="189"/>
      <c r="V103" s="190"/>
      <c r="W103" s="190"/>
      <c r="X103" s="190"/>
      <c r="Y103" s="190"/>
      <c r="Z103" s="190"/>
      <c r="AA103" s="190"/>
      <c r="AB103" s="190"/>
      <c r="AC103" s="190"/>
      <c r="AD103" s="190"/>
      <c r="AE103" s="190"/>
      <c r="AF103" s="190"/>
      <c r="AG103" s="190"/>
      <c r="AH103" s="190"/>
      <c r="AI103" s="190"/>
      <c r="AJ103" s="190"/>
      <c r="AK103" s="190"/>
      <c r="AL103" s="190"/>
      <c r="AM103" s="190"/>
      <c r="AN103" s="190"/>
      <c r="AO103" s="190"/>
      <c r="AP103" s="190"/>
      <c r="AQ103" s="190"/>
      <c r="AR103" s="190"/>
      <c r="AS103" s="190"/>
      <c r="AT103" s="190"/>
      <c r="AU103" s="190"/>
      <c r="AV103" s="190"/>
      <c r="AW103" s="190"/>
      <c r="AX103" s="190"/>
      <c r="AY103" s="190"/>
      <c r="AZ103" s="190"/>
      <c r="BA103" s="190"/>
      <c r="BB103" s="190"/>
      <c r="BC103" s="190"/>
      <c r="BD103" s="190"/>
      <c r="BE103" s="190"/>
    </row>
    <row r="104" spans="1:57" s="191" customFormat="1" ht="69.900000000000006" customHeight="1" x14ac:dyDescent="0.2">
      <c r="A104" s="233"/>
      <c r="B104" s="234"/>
      <c r="C104" s="234"/>
      <c r="D104" s="234"/>
      <c r="E104" s="234"/>
      <c r="F104" s="234"/>
      <c r="G104" s="234"/>
      <c r="H104" s="234"/>
      <c r="I104" s="234"/>
      <c r="J104" s="235"/>
      <c r="K104" s="230" t="s">
        <v>79</v>
      </c>
      <c r="L104" s="231"/>
      <c r="M104" s="231"/>
      <c r="N104" s="231"/>
      <c r="O104" s="231"/>
      <c r="P104" s="231"/>
      <c r="Q104" s="232"/>
      <c r="R104" s="186"/>
      <c r="S104" s="187"/>
      <c r="T104" s="188"/>
      <c r="U104" s="189"/>
      <c r="V104" s="190"/>
      <c r="W104" s="190"/>
      <c r="X104" s="190"/>
      <c r="Y104" s="190"/>
      <c r="Z104" s="190"/>
      <c r="AA104" s="190"/>
      <c r="AB104" s="190"/>
      <c r="AC104" s="190"/>
      <c r="AD104" s="190"/>
      <c r="AE104" s="190"/>
      <c r="AF104" s="190"/>
      <c r="AG104" s="190"/>
      <c r="AH104" s="190"/>
      <c r="AI104" s="190"/>
      <c r="AJ104" s="190"/>
      <c r="AK104" s="190"/>
      <c r="AL104" s="190"/>
      <c r="AM104" s="190"/>
      <c r="AN104" s="190"/>
      <c r="AO104" s="190"/>
      <c r="AP104" s="190"/>
      <c r="AQ104" s="190"/>
      <c r="AR104" s="190"/>
      <c r="AS104" s="190"/>
      <c r="AT104" s="190"/>
      <c r="AU104" s="190"/>
      <c r="AV104" s="190"/>
      <c r="AW104" s="190"/>
      <c r="AX104" s="190"/>
      <c r="AY104" s="190"/>
      <c r="AZ104" s="190"/>
      <c r="BA104" s="190"/>
      <c r="BB104" s="190"/>
      <c r="BC104" s="190"/>
      <c r="BD104" s="190"/>
      <c r="BE104" s="190"/>
    </row>
    <row r="105" spans="1:57" s="191" customFormat="1" ht="69.900000000000006" customHeight="1" x14ac:dyDescent="0.2">
      <c r="A105" s="236"/>
      <c r="B105" s="237"/>
      <c r="C105" s="237"/>
      <c r="D105" s="237"/>
      <c r="E105" s="237"/>
      <c r="F105" s="237"/>
      <c r="G105" s="237"/>
      <c r="H105" s="237"/>
      <c r="I105" s="237"/>
      <c r="J105" s="238"/>
      <c r="K105" s="230" t="s">
        <v>80</v>
      </c>
      <c r="L105" s="231"/>
      <c r="M105" s="231"/>
      <c r="N105" s="231"/>
      <c r="O105" s="231"/>
      <c r="P105" s="231"/>
      <c r="Q105" s="232"/>
      <c r="R105" s="186"/>
      <c r="S105" s="187"/>
      <c r="T105" s="188"/>
      <c r="U105" s="189"/>
      <c r="V105" s="190"/>
      <c r="W105" s="190"/>
      <c r="X105" s="190"/>
      <c r="Y105" s="190"/>
      <c r="Z105" s="190"/>
      <c r="AA105" s="190"/>
      <c r="AB105" s="190"/>
      <c r="AC105" s="190"/>
      <c r="AD105" s="190"/>
      <c r="AE105" s="190"/>
      <c r="AF105" s="190"/>
      <c r="AG105" s="190"/>
      <c r="AH105" s="190"/>
      <c r="AI105" s="190"/>
      <c r="AJ105" s="190"/>
      <c r="AK105" s="190"/>
      <c r="AL105" s="190"/>
      <c r="AM105" s="190"/>
      <c r="AN105" s="190"/>
      <c r="AO105" s="190"/>
      <c r="AP105" s="190"/>
      <c r="AQ105" s="190"/>
      <c r="AR105" s="190"/>
      <c r="AS105" s="190"/>
      <c r="AT105" s="190"/>
      <c r="AU105" s="190"/>
      <c r="AV105" s="190"/>
      <c r="AW105" s="190"/>
      <c r="AX105" s="190"/>
      <c r="AY105" s="190"/>
      <c r="AZ105" s="190"/>
      <c r="BA105" s="190"/>
      <c r="BB105" s="190"/>
      <c r="BC105" s="190"/>
      <c r="BD105" s="190"/>
      <c r="BE105" s="190"/>
    </row>
    <row r="106" spans="1:57" s="191" customFormat="1" ht="69.900000000000006" customHeight="1" x14ac:dyDescent="0.2">
      <c r="A106" s="227" t="s">
        <v>81</v>
      </c>
      <c r="B106" s="228"/>
      <c r="C106" s="228"/>
      <c r="D106" s="228"/>
      <c r="E106" s="228"/>
      <c r="F106" s="228"/>
      <c r="G106" s="228"/>
      <c r="H106" s="228"/>
      <c r="I106" s="228"/>
      <c r="J106" s="229"/>
      <c r="K106" s="230" t="s">
        <v>78</v>
      </c>
      <c r="L106" s="231"/>
      <c r="M106" s="231"/>
      <c r="N106" s="231"/>
      <c r="O106" s="231"/>
      <c r="P106" s="231"/>
      <c r="Q106" s="232"/>
      <c r="R106" s="186"/>
      <c r="S106" s="187"/>
      <c r="T106" s="188"/>
      <c r="U106" s="189"/>
      <c r="V106" s="190"/>
      <c r="W106" s="190"/>
      <c r="X106" s="190"/>
      <c r="Y106" s="190"/>
      <c r="Z106" s="190"/>
      <c r="AA106" s="190"/>
      <c r="AB106" s="190"/>
      <c r="AC106" s="190"/>
      <c r="AD106" s="190"/>
      <c r="AE106" s="190"/>
      <c r="AF106" s="190"/>
      <c r="AG106" s="190"/>
      <c r="AH106" s="190"/>
      <c r="AI106" s="190"/>
      <c r="AJ106" s="190"/>
      <c r="AK106" s="190"/>
      <c r="AL106" s="190"/>
      <c r="AM106" s="190"/>
      <c r="AN106" s="190"/>
      <c r="AO106" s="190"/>
      <c r="AP106" s="190"/>
      <c r="AQ106" s="190"/>
      <c r="AR106" s="190"/>
      <c r="AS106" s="190"/>
      <c r="AT106" s="190"/>
      <c r="AU106" s="190"/>
      <c r="AV106" s="190"/>
      <c r="AW106" s="190"/>
      <c r="AX106" s="190"/>
      <c r="AY106" s="190"/>
      <c r="AZ106" s="190"/>
      <c r="BA106" s="190"/>
      <c r="BB106" s="190"/>
      <c r="BC106" s="190"/>
      <c r="BD106" s="190"/>
      <c r="BE106" s="190"/>
    </row>
    <row r="107" spans="1:57" s="191" customFormat="1" ht="69.900000000000006" customHeight="1" x14ac:dyDescent="0.2">
      <c r="A107" s="233"/>
      <c r="B107" s="234"/>
      <c r="C107" s="234"/>
      <c r="D107" s="234"/>
      <c r="E107" s="234"/>
      <c r="F107" s="234"/>
      <c r="G107" s="234"/>
      <c r="H107" s="234"/>
      <c r="I107" s="234"/>
      <c r="J107" s="235"/>
      <c r="K107" s="230" t="s">
        <v>79</v>
      </c>
      <c r="L107" s="231"/>
      <c r="M107" s="231"/>
      <c r="N107" s="231"/>
      <c r="O107" s="231"/>
      <c r="P107" s="231"/>
      <c r="Q107" s="232"/>
      <c r="R107" s="186"/>
      <c r="S107" s="187"/>
      <c r="T107" s="188"/>
      <c r="U107" s="189"/>
      <c r="V107" s="190"/>
      <c r="W107" s="190"/>
      <c r="X107" s="190"/>
      <c r="Y107" s="190"/>
      <c r="Z107" s="190"/>
      <c r="AA107" s="190"/>
      <c r="AB107" s="190"/>
      <c r="AC107" s="190"/>
      <c r="AD107" s="190"/>
      <c r="AE107" s="190"/>
      <c r="AF107" s="190"/>
      <c r="AG107" s="190"/>
      <c r="AH107" s="190"/>
      <c r="AI107" s="190"/>
      <c r="AJ107" s="190"/>
      <c r="AK107" s="190"/>
      <c r="AL107" s="190"/>
      <c r="AM107" s="190"/>
      <c r="AN107" s="190"/>
      <c r="AO107" s="190"/>
      <c r="AP107" s="190"/>
      <c r="AQ107" s="190"/>
      <c r="AR107" s="190"/>
      <c r="AS107" s="190"/>
      <c r="AT107" s="190"/>
      <c r="AU107" s="190"/>
      <c r="AV107" s="190"/>
      <c r="AW107" s="190"/>
      <c r="AX107" s="190"/>
      <c r="AY107" s="190"/>
      <c r="AZ107" s="190"/>
      <c r="BA107" s="190"/>
      <c r="BB107" s="190"/>
      <c r="BC107" s="190"/>
      <c r="BD107" s="190"/>
      <c r="BE107" s="190"/>
    </row>
    <row r="108" spans="1:57" s="191" customFormat="1" ht="69.900000000000006" customHeight="1" x14ac:dyDescent="0.2">
      <c r="A108" s="233"/>
      <c r="B108" s="234"/>
      <c r="C108" s="234"/>
      <c r="D108" s="234"/>
      <c r="E108" s="234"/>
      <c r="F108" s="234"/>
      <c r="G108" s="234"/>
      <c r="H108" s="234"/>
      <c r="I108" s="234"/>
      <c r="J108" s="235"/>
      <c r="K108" s="230" t="s">
        <v>80</v>
      </c>
      <c r="L108" s="231"/>
      <c r="M108" s="231"/>
      <c r="N108" s="231"/>
      <c r="O108" s="231"/>
      <c r="P108" s="231"/>
      <c r="Q108" s="232"/>
      <c r="R108" s="186"/>
      <c r="S108" s="187"/>
      <c r="T108" s="188"/>
      <c r="U108" s="189"/>
      <c r="V108" s="190"/>
      <c r="W108" s="190"/>
      <c r="X108" s="190"/>
      <c r="Y108" s="190"/>
      <c r="Z108" s="190"/>
      <c r="AA108" s="190"/>
      <c r="AB108" s="190"/>
      <c r="AC108" s="190"/>
      <c r="AD108" s="190"/>
      <c r="AE108" s="190"/>
      <c r="AF108" s="190"/>
      <c r="AG108" s="190"/>
      <c r="AH108" s="190"/>
      <c r="AI108" s="190"/>
      <c r="AJ108" s="190"/>
      <c r="AK108" s="190"/>
      <c r="AL108" s="190"/>
      <c r="AM108" s="190"/>
      <c r="AN108" s="190"/>
      <c r="AO108" s="190"/>
      <c r="AP108" s="190"/>
      <c r="AQ108" s="190"/>
      <c r="AR108" s="190"/>
      <c r="AS108" s="190"/>
      <c r="AT108" s="190"/>
      <c r="AU108" s="190"/>
      <c r="AV108" s="190"/>
      <c r="AW108" s="190"/>
      <c r="AX108" s="190"/>
      <c r="AY108" s="190"/>
      <c r="AZ108" s="190"/>
      <c r="BA108" s="190"/>
      <c r="BB108" s="190"/>
      <c r="BC108" s="190"/>
      <c r="BD108" s="190"/>
      <c r="BE108" s="190"/>
    </row>
    <row r="109" spans="1:57" s="191" customFormat="1" ht="69.900000000000006" customHeight="1" x14ac:dyDescent="0.2">
      <c r="A109" s="239"/>
      <c r="B109" s="240"/>
      <c r="C109" s="240"/>
      <c r="D109" s="240"/>
      <c r="E109" s="240"/>
      <c r="F109" s="240"/>
      <c r="G109" s="240"/>
      <c r="H109" s="240"/>
      <c r="I109" s="240"/>
      <c r="J109" s="241"/>
      <c r="K109" s="242" t="s">
        <v>82</v>
      </c>
      <c r="L109" s="243"/>
      <c r="M109" s="244"/>
      <c r="N109" s="245"/>
      <c r="O109" s="245"/>
      <c r="P109" s="245"/>
      <c r="Q109" s="246"/>
      <c r="R109" s="186"/>
      <c r="S109" s="187"/>
      <c r="T109" s="188"/>
      <c r="U109" s="189"/>
      <c r="V109" s="190"/>
      <c r="W109" s="190"/>
      <c r="X109" s="190"/>
      <c r="Y109" s="190"/>
      <c r="Z109" s="190"/>
      <c r="AA109" s="190"/>
      <c r="AB109" s="190"/>
      <c r="AC109" s="190"/>
      <c r="AD109" s="190"/>
      <c r="AE109" s="190"/>
      <c r="AF109" s="190"/>
      <c r="AG109" s="190"/>
      <c r="AH109" s="190"/>
      <c r="AI109" s="190"/>
      <c r="AJ109" s="190"/>
      <c r="AK109" s="190"/>
      <c r="AL109" s="190"/>
      <c r="AM109" s="190"/>
      <c r="AN109" s="190"/>
      <c r="AO109" s="190"/>
      <c r="AP109" s="190"/>
      <c r="AQ109" s="190"/>
      <c r="AR109" s="190"/>
      <c r="AS109" s="190"/>
      <c r="AT109" s="190"/>
      <c r="AU109" s="190"/>
      <c r="AV109" s="190"/>
      <c r="AW109" s="190"/>
      <c r="AX109" s="190"/>
      <c r="AY109" s="190"/>
      <c r="AZ109" s="190"/>
      <c r="BA109" s="190"/>
      <c r="BB109" s="190"/>
      <c r="BC109" s="190"/>
      <c r="BD109" s="190"/>
      <c r="BE109" s="190"/>
    </row>
    <row r="110" spans="1:57" s="18" customFormat="1" ht="69.900000000000006" customHeight="1" x14ac:dyDescent="0.2">
      <c r="A110" s="70" t="s">
        <v>28</v>
      </c>
      <c r="B110" s="71"/>
      <c r="C110" s="71"/>
      <c r="D110" s="71"/>
      <c r="E110" s="71"/>
      <c r="F110" s="71"/>
      <c r="G110" s="71"/>
      <c r="H110" s="71"/>
      <c r="I110" s="71"/>
      <c r="J110" s="71"/>
      <c r="K110" s="71"/>
      <c r="L110" s="72"/>
      <c r="M110" s="71"/>
      <c r="N110" s="71"/>
      <c r="O110" s="71"/>
      <c r="P110" s="71"/>
      <c r="Q110" s="73"/>
      <c r="R110" s="42"/>
      <c r="S110" s="43"/>
      <c r="T110" s="74"/>
      <c r="U110" s="45"/>
    </row>
    <row r="111" spans="1:57" s="57" customFormat="1" ht="75" customHeight="1" x14ac:dyDescent="0.2">
      <c r="A111" s="75"/>
      <c r="B111" s="76"/>
      <c r="C111" s="76"/>
      <c r="D111" s="76"/>
      <c r="E111" s="76"/>
      <c r="F111" s="76"/>
      <c r="G111" s="76"/>
      <c r="H111" s="76"/>
      <c r="I111" s="76"/>
      <c r="J111" s="76"/>
      <c r="K111" s="76"/>
      <c r="L111" s="77"/>
      <c r="M111" s="76"/>
      <c r="N111" s="76"/>
      <c r="O111" s="76"/>
      <c r="P111" s="76"/>
      <c r="Q111" s="78"/>
      <c r="R111" s="55"/>
      <c r="S111" s="43"/>
      <c r="T111" s="79"/>
      <c r="U111" s="45"/>
    </row>
    <row r="112" spans="1:57" s="57" customFormat="1" ht="75" customHeight="1" thickBot="1" x14ac:dyDescent="0.25">
      <c r="A112" s="80"/>
      <c r="B112" s="81"/>
      <c r="C112" s="81"/>
      <c r="D112" s="81"/>
      <c r="E112" s="81"/>
      <c r="F112" s="81"/>
      <c r="G112" s="81"/>
      <c r="H112" s="81"/>
      <c r="I112" s="81"/>
      <c r="J112" s="81"/>
      <c r="K112" s="81"/>
      <c r="L112" s="82"/>
      <c r="M112" s="81"/>
      <c r="N112" s="81"/>
      <c r="O112" s="81"/>
      <c r="P112" s="81"/>
      <c r="Q112" s="83"/>
      <c r="R112" s="55"/>
      <c r="S112" s="43"/>
      <c r="T112" s="113"/>
      <c r="U112" s="45"/>
    </row>
    <row r="113" spans="1:57" s="18" customFormat="1" ht="69.900000000000006" customHeight="1" thickBot="1" x14ac:dyDescent="0.25">
      <c r="A113" s="84" t="s">
        <v>83</v>
      </c>
      <c r="B113" s="85"/>
      <c r="C113" s="85"/>
      <c r="D113" s="85"/>
      <c r="E113" s="85"/>
      <c r="F113" s="85"/>
      <c r="G113" s="85"/>
      <c r="H113" s="85"/>
      <c r="I113" s="85"/>
      <c r="J113" s="85"/>
      <c r="K113" s="85"/>
      <c r="L113" s="86"/>
      <c r="M113" s="85"/>
      <c r="N113" s="85"/>
      <c r="O113" s="85"/>
      <c r="P113" s="85"/>
      <c r="Q113" s="87"/>
      <c r="R113" s="55"/>
      <c r="S113" s="43"/>
      <c r="T113" s="27" t="s">
        <v>84</v>
      </c>
      <c r="U113" s="105"/>
      <c r="V113" s="98"/>
      <c r="W113" s="98"/>
      <c r="X113" s="98"/>
      <c r="Y113" s="98"/>
      <c r="Z113" s="98"/>
      <c r="AA113" s="98"/>
      <c r="AB113" s="98"/>
      <c r="AC113" s="98"/>
      <c r="AD113" s="98"/>
      <c r="AE113" s="98"/>
      <c r="AF113" s="98"/>
      <c r="AG113" s="98"/>
      <c r="AH113" s="98"/>
      <c r="AI113" s="98"/>
      <c r="AJ113" s="98"/>
      <c r="AK113" s="98"/>
      <c r="AL113" s="98"/>
      <c r="AM113" s="98"/>
      <c r="AN113" s="98"/>
      <c r="AO113" s="98"/>
      <c r="AP113" s="98"/>
      <c r="AQ113" s="98"/>
      <c r="AR113" s="98"/>
      <c r="AS113" s="98"/>
      <c r="AT113" s="98"/>
      <c r="AU113" s="98"/>
      <c r="AV113" s="98"/>
      <c r="AW113" s="98"/>
      <c r="AX113" s="98"/>
      <c r="AY113" s="98"/>
      <c r="AZ113" s="98"/>
      <c r="BA113" s="98"/>
      <c r="BB113" s="98"/>
      <c r="BC113" s="98"/>
      <c r="BD113" s="98"/>
      <c r="BE113" s="98"/>
    </row>
    <row r="114" spans="1:57" s="57" customFormat="1" ht="409.6" customHeight="1" thickTop="1" thickBot="1" x14ac:dyDescent="0.25">
      <c r="A114" s="172" t="s">
        <v>85</v>
      </c>
      <c r="B114" s="210"/>
      <c r="C114" s="210"/>
      <c r="D114" s="210"/>
      <c r="E114" s="210"/>
      <c r="F114" s="210"/>
      <c r="G114" s="210"/>
      <c r="H114" s="210"/>
      <c r="I114" s="210"/>
      <c r="J114" s="210"/>
      <c r="K114" s="210"/>
      <c r="L114" s="173"/>
      <c r="M114" s="210"/>
      <c r="N114" s="210"/>
      <c r="O114" s="247" t="s">
        <v>20</v>
      </c>
      <c r="P114" s="247" t="s">
        <v>21</v>
      </c>
      <c r="Q114" s="248" t="s">
        <v>22</v>
      </c>
      <c r="R114" s="55"/>
      <c r="S114" s="43"/>
      <c r="T114" s="56"/>
      <c r="U114" s="105"/>
      <c r="V114" s="106"/>
      <c r="W114" s="106"/>
      <c r="X114" s="106"/>
      <c r="Y114" s="106"/>
      <c r="Z114" s="106"/>
      <c r="AA114" s="106"/>
      <c r="AB114" s="106"/>
      <c r="AC114" s="106"/>
      <c r="AD114" s="106"/>
      <c r="AE114" s="106"/>
      <c r="AF114" s="106"/>
      <c r="AG114" s="106"/>
      <c r="AH114" s="106"/>
      <c r="AI114" s="106"/>
      <c r="AJ114" s="106"/>
      <c r="AK114" s="106"/>
      <c r="AL114" s="106"/>
      <c r="AM114" s="106"/>
      <c r="AN114" s="106"/>
      <c r="AO114" s="106"/>
      <c r="AP114" s="106"/>
      <c r="AQ114" s="106"/>
      <c r="AR114" s="106"/>
      <c r="AS114" s="106"/>
      <c r="AT114" s="106"/>
      <c r="AU114" s="106"/>
      <c r="AV114" s="106"/>
      <c r="AW114" s="106"/>
      <c r="AX114" s="106"/>
      <c r="AY114" s="106"/>
      <c r="AZ114" s="106"/>
      <c r="BA114" s="106"/>
      <c r="BB114" s="106"/>
      <c r="BC114" s="106"/>
      <c r="BD114" s="106"/>
      <c r="BE114" s="106"/>
    </row>
    <row r="115" spans="1:57" s="57" customFormat="1" ht="164.4" customHeight="1" thickTop="1" x14ac:dyDescent="0.2">
      <c r="A115" s="249"/>
      <c r="B115" s="250"/>
      <c r="C115" s="250"/>
      <c r="D115" s="250"/>
      <c r="E115" s="250"/>
      <c r="F115" s="250"/>
      <c r="G115" s="250"/>
      <c r="H115" s="250"/>
      <c r="I115" s="250"/>
      <c r="J115" s="250"/>
      <c r="K115" s="250"/>
      <c r="L115" s="173"/>
      <c r="M115" s="250"/>
      <c r="N115" s="250"/>
      <c r="O115" s="251"/>
      <c r="P115" s="251"/>
      <c r="Q115" s="252"/>
      <c r="R115" s="55"/>
      <c r="S115" s="43"/>
      <c r="T115" s="253"/>
      <c r="U115" s="105"/>
      <c r="V115" s="106"/>
      <c r="W115" s="106"/>
      <c r="X115" s="106"/>
      <c r="Y115" s="106"/>
      <c r="Z115" s="106"/>
      <c r="AA115" s="106"/>
      <c r="AB115" s="106"/>
      <c r="AC115" s="106"/>
      <c r="AD115" s="106"/>
      <c r="AE115" s="106"/>
      <c r="AF115" s="106"/>
      <c r="AG115" s="106"/>
      <c r="AH115" s="106"/>
      <c r="AI115" s="106"/>
      <c r="AJ115" s="106"/>
      <c r="AK115" s="106"/>
      <c r="AL115" s="106"/>
      <c r="AM115" s="106"/>
      <c r="AN115" s="106"/>
      <c r="AO115" s="106"/>
      <c r="AP115" s="106"/>
      <c r="AQ115" s="106"/>
      <c r="AR115" s="106"/>
      <c r="AS115" s="106"/>
      <c r="AT115" s="106"/>
      <c r="AU115" s="106"/>
      <c r="AV115" s="106"/>
      <c r="AW115" s="106"/>
      <c r="AX115" s="106"/>
      <c r="AY115" s="106"/>
      <c r="AZ115" s="106"/>
      <c r="BA115" s="106"/>
      <c r="BB115" s="106"/>
      <c r="BC115" s="106"/>
      <c r="BD115" s="106"/>
      <c r="BE115" s="106"/>
    </row>
    <row r="116" spans="1:57" s="57" customFormat="1" ht="409.6" customHeight="1" x14ac:dyDescent="0.2">
      <c r="A116" s="249"/>
      <c r="B116" s="250"/>
      <c r="C116" s="250"/>
      <c r="D116" s="250"/>
      <c r="E116" s="250"/>
      <c r="F116" s="250"/>
      <c r="G116" s="250"/>
      <c r="H116" s="250"/>
      <c r="I116" s="250"/>
      <c r="J116" s="250"/>
      <c r="K116" s="250"/>
      <c r="L116" s="51"/>
      <c r="M116" s="250"/>
      <c r="N116" s="250"/>
      <c r="O116" s="254"/>
      <c r="P116" s="254"/>
      <c r="Q116" s="255"/>
      <c r="R116" s="55"/>
      <c r="S116" s="43"/>
      <c r="T116" s="253"/>
      <c r="U116" s="45"/>
      <c r="V116" s="106"/>
      <c r="W116" s="106"/>
      <c r="X116" s="106"/>
      <c r="Y116" s="106"/>
      <c r="Z116" s="106"/>
      <c r="AA116" s="106"/>
      <c r="AB116" s="106"/>
      <c r="AC116" s="106"/>
      <c r="AD116" s="106"/>
      <c r="AE116" s="106"/>
      <c r="AF116" s="106"/>
      <c r="AG116" s="106"/>
      <c r="AH116" s="106"/>
      <c r="AI116" s="106"/>
      <c r="AJ116" s="106"/>
      <c r="AK116" s="106"/>
      <c r="AL116" s="106"/>
      <c r="AM116" s="106"/>
      <c r="AN116" s="106"/>
      <c r="AO116" s="106"/>
      <c r="AP116" s="106"/>
      <c r="AQ116" s="106"/>
      <c r="AR116" s="106"/>
      <c r="AS116" s="106"/>
      <c r="AT116" s="106"/>
      <c r="AU116" s="106"/>
      <c r="AV116" s="106"/>
      <c r="AW116" s="106"/>
      <c r="AX116" s="106"/>
      <c r="AY116" s="106"/>
      <c r="AZ116" s="106"/>
      <c r="BA116" s="106"/>
      <c r="BB116" s="106"/>
      <c r="BC116" s="106"/>
      <c r="BD116" s="106"/>
      <c r="BE116" s="106"/>
    </row>
    <row r="117" spans="1:57" s="18" customFormat="1" ht="69.900000000000006" customHeight="1" x14ac:dyDescent="0.2">
      <c r="A117" s="212" t="s">
        <v>63</v>
      </c>
      <c r="B117" s="213"/>
      <c r="C117" s="213"/>
      <c r="D117" s="213"/>
      <c r="E117" s="213"/>
      <c r="F117" s="213"/>
      <c r="G117" s="213"/>
      <c r="H117" s="213"/>
      <c r="I117" s="213"/>
      <c r="J117" s="213"/>
      <c r="K117" s="213"/>
      <c r="L117" s="214"/>
      <c r="M117" s="213"/>
      <c r="N117" s="213"/>
      <c r="O117" s="213"/>
      <c r="P117" s="213"/>
      <c r="Q117" s="215"/>
      <c r="R117" s="42"/>
      <c r="S117" s="43"/>
      <c r="T117" s="74"/>
      <c r="U117" s="45"/>
    </row>
    <row r="118" spans="1:57" s="18" customFormat="1" ht="69.900000000000006" customHeight="1" x14ac:dyDescent="0.2">
      <c r="A118" s="216" t="s">
        <v>74</v>
      </c>
      <c r="B118" s="217"/>
      <c r="C118" s="217"/>
      <c r="D118" s="217"/>
      <c r="E118" s="217"/>
      <c r="F118" s="217"/>
      <c r="G118" s="217"/>
      <c r="H118" s="217"/>
      <c r="I118" s="217"/>
      <c r="J118" s="217"/>
      <c r="K118" s="217"/>
      <c r="L118" s="217"/>
      <c r="M118" s="217"/>
      <c r="N118" s="217"/>
      <c r="O118" s="217"/>
      <c r="P118" s="217"/>
      <c r="Q118" s="218"/>
      <c r="R118" s="42"/>
      <c r="S118" s="43"/>
      <c r="T118" s="74"/>
      <c r="U118" s="45"/>
    </row>
    <row r="119" spans="1:57" s="57" customFormat="1" ht="70.2" customHeight="1" x14ac:dyDescent="0.2">
      <c r="A119" s="256" t="s">
        <v>86</v>
      </c>
      <c r="B119" s="257"/>
      <c r="C119" s="257"/>
      <c r="D119" s="257"/>
      <c r="E119" s="257"/>
      <c r="F119" s="257"/>
      <c r="G119" s="257"/>
      <c r="H119" s="257"/>
      <c r="I119" s="257"/>
      <c r="J119" s="257"/>
      <c r="K119" s="257"/>
      <c r="L119" s="257"/>
      <c r="M119" s="257"/>
      <c r="N119" s="257"/>
      <c r="O119" s="257"/>
      <c r="P119" s="257"/>
      <c r="Q119" s="258"/>
      <c r="R119" s="55"/>
      <c r="S119" s="43"/>
      <c r="T119" s="97"/>
      <c r="U119" s="166"/>
      <c r="V119" s="106"/>
      <c r="W119" s="106"/>
      <c r="X119" s="106"/>
      <c r="Y119" s="106"/>
      <c r="Z119" s="106"/>
      <c r="AA119" s="106"/>
      <c r="AB119" s="106"/>
      <c r="AC119" s="106"/>
      <c r="AD119" s="106"/>
      <c r="AE119" s="106"/>
      <c r="AF119" s="106"/>
      <c r="AG119" s="106"/>
      <c r="AH119" s="106"/>
      <c r="AI119" s="106"/>
      <c r="AJ119" s="106"/>
      <c r="AK119" s="106"/>
      <c r="AL119" s="106"/>
      <c r="AM119" s="106"/>
      <c r="AN119" s="106"/>
      <c r="AO119" s="106"/>
      <c r="AP119" s="106"/>
      <c r="AQ119" s="106"/>
      <c r="AR119" s="106"/>
      <c r="AS119" s="106"/>
      <c r="AT119" s="106"/>
      <c r="AU119" s="106"/>
      <c r="AV119" s="106"/>
      <c r="AW119" s="106"/>
      <c r="AX119" s="106"/>
      <c r="AY119" s="106"/>
      <c r="AZ119" s="106"/>
      <c r="BA119" s="106"/>
      <c r="BB119" s="106"/>
      <c r="BC119" s="106"/>
      <c r="BD119" s="106"/>
      <c r="BE119" s="106"/>
    </row>
    <row r="120" spans="1:57" s="18" customFormat="1" ht="69.900000000000006" customHeight="1" x14ac:dyDescent="0.2">
      <c r="A120" s="70" t="s">
        <v>28</v>
      </c>
      <c r="B120" s="71"/>
      <c r="C120" s="71"/>
      <c r="D120" s="71"/>
      <c r="E120" s="71"/>
      <c r="F120" s="71"/>
      <c r="G120" s="71"/>
      <c r="H120" s="71"/>
      <c r="I120" s="71"/>
      <c r="J120" s="71"/>
      <c r="K120" s="71"/>
      <c r="L120" s="72"/>
      <c r="M120" s="71"/>
      <c r="N120" s="71"/>
      <c r="O120" s="71"/>
      <c r="P120" s="71"/>
      <c r="Q120" s="73"/>
      <c r="R120" s="42"/>
      <c r="S120" s="43"/>
      <c r="T120" s="74"/>
      <c r="U120" s="45"/>
    </row>
    <row r="121" spans="1:57" s="57" customFormat="1" ht="75" customHeight="1" x14ac:dyDescent="0.2">
      <c r="A121" s="75"/>
      <c r="B121" s="76"/>
      <c r="C121" s="76"/>
      <c r="D121" s="76"/>
      <c r="E121" s="76"/>
      <c r="F121" s="76"/>
      <c r="G121" s="76"/>
      <c r="H121" s="76"/>
      <c r="I121" s="76"/>
      <c r="J121" s="76"/>
      <c r="K121" s="76"/>
      <c r="L121" s="77"/>
      <c r="M121" s="76"/>
      <c r="N121" s="76"/>
      <c r="O121" s="76"/>
      <c r="P121" s="76"/>
      <c r="Q121" s="78"/>
      <c r="R121" s="55"/>
      <c r="S121" s="43"/>
      <c r="T121" s="79"/>
      <c r="U121" s="45"/>
    </row>
    <row r="122" spans="1:57" s="57" customFormat="1" ht="75" customHeight="1" thickBot="1" x14ac:dyDescent="0.25">
      <c r="A122" s="80"/>
      <c r="B122" s="81"/>
      <c r="C122" s="81"/>
      <c r="D122" s="81"/>
      <c r="E122" s="81"/>
      <c r="F122" s="81"/>
      <c r="G122" s="81"/>
      <c r="H122" s="81"/>
      <c r="I122" s="81"/>
      <c r="J122" s="81"/>
      <c r="K122" s="81"/>
      <c r="L122" s="82"/>
      <c r="M122" s="81"/>
      <c r="N122" s="81"/>
      <c r="O122" s="81"/>
      <c r="P122" s="81"/>
      <c r="Q122" s="83"/>
      <c r="R122" s="55"/>
      <c r="S122" s="43"/>
      <c r="T122" s="79"/>
      <c r="U122" s="45"/>
    </row>
    <row r="123" spans="1:57" s="18" customFormat="1" ht="69.900000000000006" customHeight="1" thickBot="1" x14ac:dyDescent="0.25">
      <c r="A123" s="84" t="s">
        <v>87</v>
      </c>
      <c r="B123" s="85"/>
      <c r="C123" s="85"/>
      <c r="D123" s="85"/>
      <c r="E123" s="85"/>
      <c r="F123" s="85"/>
      <c r="G123" s="85"/>
      <c r="H123" s="85"/>
      <c r="I123" s="85"/>
      <c r="J123" s="85"/>
      <c r="K123" s="85"/>
      <c r="L123" s="86"/>
      <c r="M123" s="85"/>
      <c r="N123" s="85"/>
      <c r="O123" s="85"/>
      <c r="P123" s="85"/>
      <c r="Q123" s="87"/>
      <c r="R123" s="55"/>
      <c r="S123" s="43"/>
      <c r="T123" s="97"/>
      <c r="U123" s="105"/>
      <c r="V123" s="98"/>
      <c r="W123" s="98"/>
      <c r="X123" s="98"/>
      <c r="Y123" s="106"/>
      <c r="Z123" s="106"/>
      <c r="AA123" s="106"/>
      <c r="AB123" s="106"/>
      <c r="AC123" s="106"/>
      <c r="AD123" s="106"/>
      <c r="AE123" s="106"/>
      <c r="AF123" s="106"/>
      <c r="AG123" s="106"/>
      <c r="AH123" s="106"/>
      <c r="AI123" s="106"/>
      <c r="AJ123" s="106"/>
      <c r="AK123" s="106"/>
      <c r="AL123" s="106"/>
      <c r="AM123" s="106"/>
      <c r="AN123" s="106"/>
      <c r="AO123" s="98"/>
      <c r="AP123" s="98"/>
      <c r="AQ123" s="98"/>
      <c r="AR123" s="98"/>
      <c r="AS123" s="98"/>
      <c r="AT123" s="98"/>
      <c r="AU123" s="98"/>
      <c r="AV123" s="98"/>
      <c r="AW123" s="98"/>
      <c r="AX123" s="98"/>
      <c r="AY123" s="98"/>
      <c r="AZ123" s="98"/>
      <c r="BA123" s="98"/>
      <c r="BB123" s="98"/>
      <c r="BC123" s="98"/>
      <c r="BD123" s="98"/>
      <c r="BE123" s="98"/>
    </row>
    <row r="124" spans="1:57" s="57" customFormat="1" ht="140.1" customHeight="1" thickTop="1" thickBot="1" x14ac:dyDescent="0.25">
      <c r="A124" s="259" t="s">
        <v>88</v>
      </c>
      <c r="B124" s="260"/>
      <c r="C124" s="260"/>
      <c r="D124" s="260"/>
      <c r="E124" s="260"/>
      <c r="F124" s="260"/>
      <c r="G124" s="260"/>
      <c r="H124" s="260"/>
      <c r="I124" s="260"/>
      <c r="J124" s="260"/>
      <c r="K124" s="260"/>
      <c r="L124" s="261"/>
      <c r="M124" s="260"/>
      <c r="N124" s="260"/>
      <c r="O124" s="145" t="s">
        <v>20</v>
      </c>
      <c r="P124" s="145" t="s">
        <v>21</v>
      </c>
      <c r="Q124" s="146" t="s">
        <v>22</v>
      </c>
      <c r="R124" s="55"/>
      <c r="S124" s="43"/>
      <c r="T124" s="56"/>
      <c r="U124" s="105"/>
      <c r="V124" s="106"/>
      <c r="W124" s="106"/>
      <c r="X124" s="106"/>
      <c r="Y124" s="106"/>
      <c r="Z124" s="106"/>
      <c r="AA124" s="106"/>
      <c r="AB124" s="106"/>
      <c r="AC124" s="106"/>
      <c r="AD124" s="106"/>
      <c r="AE124" s="106"/>
      <c r="AF124" s="106"/>
      <c r="AG124" s="106"/>
      <c r="AH124" s="106"/>
      <c r="AI124" s="106"/>
      <c r="AJ124" s="106"/>
      <c r="AK124" s="106"/>
      <c r="AL124" s="106"/>
      <c r="AM124" s="106"/>
      <c r="AN124" s="106"/>
      <c r="AO124" s="106"/>
      <c r="AP124" s="106"/>
      <c r="AQ124" s="106"/>
      <c r="AR124" s="106"/>
      <c r="AS124" s="106"/>
      <c r="AT124" s="106"/>
      <c r="AU124" s="106"/>
      <c r="AV124" s="106"/>
      <c r="AW124" s="106"/>
      <c r="AX124" s="106"/>
      <c r="AY124" s="106"/>
      <c r="AZ124" s="106"/>
      <c r="BA124" s="106"/>
      <c r="BB124" s="106"/>
      <c r="BC124" s="106"/>
      <c r="BD124" s="106"/>
      <c r="BE124" s="106"/>
    </row>
    <row r="125" spans="1:57" s="18" customFormat="1" ht="69.900000000000006" customHeight="1" thickTop="1" x14ac:dyDescent="0.2">
      <c r="A125" s="70" t="s">
        <v>28</v>
      </c>
      <c r="B125" s="71"/>
      <c r="C125" s="71"/>
      <c r="D125" s="71"/>
      <c r="E125" s="71"/>
      <c r="F125" s="71"/>
      <c r="G125" s="71"/>
      <c r="H125" s="71"/>
      <c r="I125" s="71"/>
      <c r="J125" s="71"/>
      <c r="K125" s="71"/>
      <c r="L125" s="72"/>
      <c r="M125" s="71"/>
      <c r="N125" s="71"/>
      <c r="O125" s="71"/>
      <c r="P125" s="71"/>
      <c r="Q125" s="73"/>
      <c r="R125" s="42"/>
      <c r="S125" s="43"/>
      <c r="T125" s="74"/>
      <c r="U125" s="45"/>
    </row>
    <row r="126" spans="1:57" s="57" customFormat="1" ht="75" customHeight="1" x14ac:dyDescent="0.2">
      <c r="A126" s="75"/>
      <c r="B126" s="76"/>
      <c r="C126" s="76"/>
      <c r="D126" s="76"/>
      <c r="E126" s="76"/>
      <c r="F126" s="76"/>
      <c r="G126" s="76"/>
      <c r="H126" s="76"/>
      <c r="I126" s="76"/>
      <c r="J126" s="76"/>
      <c r="K126" s="76"/>
      <c r="L126" s="77"/>
      <c r="M126" s="76"/>
      <c r="N126" s="76"/>
      <c r="O126" s="76"/>
      <c r="P126" s="76"/>
      <c r="Q126" s="78"/>
      <c r="R126" s="55"/>
      <c r="S126" s="43"/>
      <c r="T126" s="79"/>
      <c r="U126" s="45"/>
    </row>
    <row r="127" spans="1:57" s="57" customFormat="1" ht="75" customHeight="1" thickBot="1" x14ac:dyDescent="0.25">
      <c r="A127" s="80"/>
      <c r="B127" s="81"/>
      <c r="C127" s="81"/>
      <c r="D127" s="81"/>
      <c r="E127" s="81"/>
      <c r="F127" s="81"/>
      <c r="G127" s="81"/>
      <c r="H127" s="81"/>
      <c r="I127" s="81"/>
      <c r="J127" s="81"/>
      <c r="K127" s="81"/>
      <c r="L127" s="82"/>
      <c r="M127" s="81"/>
      <c r="N127" s="81"/>
      <c r="O127" s="81"/>
      <c r="P127" s="81"/>
      <c r="Q127" s="83"/>
      <c r="R127" s="55"/>
      <c r="S127" s="43"/>
      <c r="T127" s="136"/>
      <c r="U127" s="45"/>
    </row>
    <row r="128" spans="1:57" s="18" customFormat="1" ht="69.900000000000006" customHeight="1" thickBot="1" x14ac:dyDescent="0.25">
      <c r="A128" s="84" t="s">
        <v>89</v>
      </c>
      <c r="B128" s="85"/>
      <c r="C128" s="85"/>
      <c r="D128" s="85"/>
      <c r="E128" s="85"/>
      <c r="F128" s="85"/>
      <c r="G128" s="85"/>
      <c r="H128" s="85"/>
      <c r="I128" s="85"/>
      <c r="J128" s="85"/>
      <c r="K128" s="85"/>
      <c r="L128" s="86"/>
      <c r="M128" s="85"/>
      <c r="N128" s="85"/>
      <c r="O128" s="85"/>
      <c r="P128" s="85"/>
      <c r="Q128" s="87"/>
      <c r="R128" s="55"/>
      <c r="S128" s="43"/>
      <c r="T128" s="27"/>
      <c r="U128" s="105"/>
      <c r="V128" s="98"/>
      <c r="W128" s="98"/>
      <c r="X128" s="98"/>
      <c r="Y128" s="98"/>
      <c r="Z128" s="98"/>
      <c r="AA128" s="98"/>
      <c r="AB128" s="98"/>
      <c r="AC128" s="98"/>
      <c r="AD128" s="98"/>
      <c r="AE128" s="98"/>
      <c r="AF128" s="98"/>
      <c r="AG128" s="98"/>
      <c r="AH128" s="98"/>
      <c r="AI128" s="98"/>
      <c r="AJ128" s="98"/>
      <c r="AK128" s="98"/>
      <c r="AL128" s="98"/>
      <c r="AM128" s="98"/>
      <c r="AN128" s="98"/>
      <c r="AO128" s="98"/>
      <c r="AP128" s="98"/>
      <c r="AQ128" s="98"/>
      <c r="AR128" s="98"/>
      <c r="AS128" s="98"/>
      <c r="AT128" s="98"/>
      <c r="AU128" s="98"/>
      <c r="AV128" s="98"/>
      <c r="AW128" s="98"/>
      <c r="AX128" s="98"/>
      <c r="AY128" s="98"/>
      <c r="AZ128" s="98"/>
      <c r="BA128" s="98"/>
      <c r="BB128" s="98"/>
      <c r="BC128" s="98"/>
      <c r="BD128" s="98"/>
      <c r="BE128" s="98"/>
    </row>
    <row r="129" spans="1:57" s="57" customFormat="1" ht="253.5" customHeight="1" thickTop="1" thickBot="1" x14ac:dyDescent="0.25">
      <c r="A129" s="262" t="s">
        <v>90</v>
      </c>
      <c r="B129" s="263"/>
      <c r="C129" s="263"/>
      <c r="D129" s="263"/>
      <c r="E129" s="263"/>
      <c r="F129" s="263"/>
      <c r="G129" s="263"/>
      <c r="H129" s="263"/>
      <c r="I129" s="263"/>
      <c r="J129" s="263"/>
      <c r="K129" s="263"/>
      <c r="L129" s="264"/>
      <c r="M129" s="263"/>
      <c r="N129" s="263"/>
      <c r="O129" s="175" t="s">
        <v>20</v>
      </c>
      <c r="P129" s="175" t="s">
        <v>21</v>
      </c>
      <c r="Q129" s="176" t="s">
        <v>22</v>
      </c>
      <c r="R129" s="55"/>
      <c r="S129" s="43"/>
      <c r="T129" s="56"/>
      <c r="U129" s="105"/>
      <c r="V129" s="106"/>
      <c r="W129" s="106"/>
      <c r="X129" s="106"/>
      <c r="Y129" s="98"/>
      <c r="Z129" s="98"/>
      <c r="AA129" s="98"/>
      <c r="AB129" s="98"/>
      <c r="AC129" s="98"/>
      <c r="AD129" s="98"/>
      <c r="AE129" s="98"/>
      <c r="AF129" s="98"/>
      <c r="AG129" s="98"/>
      <c r="AH129" s="98"/>
      <c r="AI129" s="98"/>
      <c r="AJ129" s="98"/>
      <c r="AK129" s="98"/>
      <c r="AL129" s="98"/>
      <c r="AM129" s="98"/>
      <c r="AN129" s="98"/>
      <c r="AO129" s="106"/>
      <c r="AP129" s="106"/>
      <c r="AQ129" s="106"/>
      <c r="AR129" s="106"/>
      <c r="AS129" s="106"/>
      <c r="AT129" s="106"/>
      <c r="AU129" s="106"/>
      <c r="AV129" s="106"/>
      <c r="AW129" s="106"/>
      <c r="AX129" s="106"/>
      <c r="AY129" s="106"/>
      <c r="AZ129" s="106"/>
      <c r="BA129" s="106"/>
      <c r="BB129" s="106"/>
      <c r="BC129" s="106"/>
      <c r="BD129" s="106"/>
      <c r="BE129" s="106"/>
    </row>
    <row r="130" spans="1:57" s="18" customFormat="1" ht="69.900000000000006" customHeight="1" thickTop="1" x14ac:dyDescent="0.2">
      <c r="A130" s="265" t="s">
        <v>28</v>
      </c>
      <c r="B130" s="266"/>
      <c r="C130" s="266"/>
      <c r="D130" s="266"/>
      <c r="E130" s="266"/>
      <c r="F130" s="266"/>
      <c r="G130" s="266"/>
      <c r="H130" s="266"/>
      <c r="I130" s="266"/>
      <c r="J130" s="266"/>
      <c r="K130" s="266"/>
      <c r="L130" s="267"/>
      <c r="M130" s="266"/>
      <c r="N130" s="266"/>
      <c r="O130" s="266"/>
      <c r="P130" s="266"/>
      <c r="Q130" s="268"/>
      <c r="R130" s="42"/>
      <c r="S130" s="43"/>
      <c r="T130" s="74"/>
      <c r="U130" s="45"/>
    </row>
    <row r="131" spans="1:57" s="57" customFormat="1" ht="75" customHeight="1" x14ac:dyDescent="0.2">
      <c r="A131" s="75"/>
      <c r="B131" s="76"/>
      <c r="C131" s="76"/>
      <c r="D131" s="76"/>
      <c r="E131" s="76"/>
      <c r="F131" s="76"/>
      <c r="G131" s="76"/>
      <c r="H131" s="76"/>
      <c r="I131" s="76"/>
      <c r="J131" s="76"/>
      <c r="K131" s="76"/>
      <c r="L131" s="77"/>
      <c r="M131" s="76"/>
      <c r="N131" s="76"/>
      <c r="O131" s="76"/>
      <c r="P131" s="76"/>
      <c r="Q131" s="78"/>
      <c r="R131" s="55"/>
      <c r="S131" s="43"/>
      <c r="T131" s="79"/>
      <c r="U131" s="45"/>
    </row>
    <row r="132" spans="1:57" s="57" customFormat="1" ht="75" customHeight="1" thickBot="1" x14ac:dyDescent="0.25">
      <c r="A132" s="80"/>
      <c r="B132" s="81"/>
      <c r="C132" s="81"/>
      <c r="D132" s="81"/>
      <c r="E132" s="81"/>
      <c r="F132" s="81"/>
      <c r="G132" s="81"/>
      <c r="H132" s="81"/>
      <c r="I132" s="81"/>
      <c r="J132" s="81"/>
      <c r="K132" s="81"/>
      <c r="L132" s="82"/>
      <c r="M132" s="81"/>
      <c r="N132" s="81"/>
      <c r="O132" s="81"/>
      <c r="P132" s="81"/>
      <c r="Q132" s="83"/>
      <c r="R132" s="55"/>
      <c r="S132" s="43"/>
      <c r="T132" s="79"/>
      <c r="U132" s="45"/>
    </row>
    <row r="133" spans="1:57" s="18" customFormat="1" ht="69.900000000000006" customHeight="1" thickBot="1" x14ac:dyDescent="0.25">
      <c r="A133" s="137" t="s">
        <v>91</v>
      </c>
      <c r="B133" s="139"/>
      <c r="C133" s="139"/>
      <c r="D133" s="139"/>
      <c r="E133" s="139"/>
      <c r="F133" s="139"/>
      <c r="G133" s="139"/>
      <c r="H133" s="139"/>
      <c r="I133" s="139"/>
      <c r="J133" s="139"/>
      <c r="K133" s="139"/>
      <c r="L133" s="139"/>
      <c r="M133" s="139"/>
      <c r="N133" s="139"/>
      <c r="O133" s="139"/>
      <c r="P133" s="139"/>
      <c r="Q133" s="269"/>
      <c r="R133" s="55"/>
      <c r="S133" s="43"/>
      <c r="T133" s="97"/>
      <c r="U133" s="105"/>
      <c r="V133" s="98"/>
      <c r="W133" s="98"/>
      <c r="X133" s="98"/>
      <c r="Y133" s="98"/>
      <c r="Z133" s="98"/>
      <c r="AA133" s="98"/>
      <c r="AB133" s="98"/>
      <c r="AC133" s="98"/>
      <c r="AD133" s="98"/>
      <c r="AE133" s="98"/>
      <c r="AF133" s="98"/>
      <c r="AG133" s="98"/>
      <c r="AH133" s="98"/>
      <c r="AI133" s="98"/>
      <c r="AJ133" s="98"/>
      <c r="AK133" s="98"/>
      <c r="AL133" s="98"/>
      <c r="AM133" s="98"/>
      <c r="AN133" s="98"/>
      <c r="AO133" s="98"/>
      <c r="AP133" s="98"/>
      <c r="AQ133" s="98"/>
      <c r="AR133" s="98"/>
      <c r="AS133" s="98"/>
      <c r="AT133" s="98"/>
      <c r="AU133" s="98"/>
      <c r="AV133" s="98"/>
      <c r="AW133" s="98"/>
      <c r="AX133" s="98"/>
      <c r="AY133" s="98"/>
      <c r="AZ133" s="98"/>
      <c r="BA133" s="98"/>
      <c r="BB133" s="98"/>
      <c r="BC133" s="98"/>
      <c r="BD133" s="98"/>
      <c r="BE133" s="98"/>
    </row>
    <row r="134" spans="1:57" s="57" customFormat="1" ht="132" customHeight="1" thickTop="1" thickBot="1" x14ac:dyDescent="0.25">
      <c r="A134" s="270" t="s">
        <v>92</v>
      </c>
      <c r="B134" s="271"/>
      <c r="C134" s="271"/>
      <c r="D134" s="271"/>
      <c r="E134" s="271"/>
      <c r="F134" s="271"/>
      <c r="G134" s="271"/>
      <c r="H134" s="271"/>
      <c r="I134" s="271"/>
      <c r="J134" s="271"/>
      <c r="K134" s="271"/>
      <c r="L134" s="271"/>
      <c r="M134" s="271"/>
      <c r="N134" s="271"/>
      <c r="O134" s="145" t="s">
        <v>20</v>
      </c>
      <c r="P134" s="145" t="s">
        <v>21</v>
      </c>
      <c r="Q134" s="146" t="s">
        <v>22</v>
      </c>
      <c r="R134" s="55"/>
      <c r="S134" s="43"/>
      <c r="T134" s="56"/>
      <c r="U134" s="105"/>
      <c r="V134" s="106"/>
      <c r="W134" s="106"/>
      <c r="X134" s="106"/>
      <c r="Y134" s="106"/>
      <c r="Z134" s="106"/>
      <c r="AA134" s="106"/>
      <c r="AB134" s="106"/>
      <c r="AC134" s="106"/>
      <c r="AD134" s="106"/>
      <c r="AE134" s="106"/>
      <c r="AF134" s="106"/>
      <c r="AG134" s="106"/>
      <c r="AH134" s="106"/>
      <c r="AI134" s="106"/>
      <c r="AJ134" s="106"/>
      <c r="AK134" s="106"/>
      <c r="AL134" s="106"/>
      <c r="AM134" s="106"/>
      <c r="AN134" s="106"/>
      <c r="AO134" s="106"/>
      <c r="AP134" s="106"/>
      <c r="AQ134" s="106"/>
      <c r="AR134" s="106"/>
      <c r="AS134" s="106"/>
      <c r="AT134" s="106"/>
      <c r="AU134" s="106"/>
      <c r="AV134" s="106"/>
      <c r="AW134" s="106"/>
      <c r="AX134" s="106"/>
      <c r="AY134" s="106"/>
      <c r="AZ134" s="106"/>
      <c r="BA134" s="106"/>
      <c r="BB134" s="106"/>
      <c r="BC134" s="106"/>
      <c r="BD134" s="106"/>
      <c r="BE134" s="106"/>
    </row>
    <row r="135" spans="1:57" s="57" customFormat="1" ht="199.95" customHeight="1" thickTop="1" thickBot="1" x14ac:dyDescent="0.25">
      <c r="A135" s="272" t="s">
        <v>93</v>
      </c>
      <c r="B135" s="101"/>
      <c r="C135" s="101"/>
      <c r="D135" s="101"/>
      <c r="E135" s="101"/>
      <c r="F135" s="101"/>
      <c r="G135" s="101"/>
      <c r="H135" s="101"/>
      <c r="I135" s="101"/>
      <c r="J135" s="101"/>
      <c r="K135" s="101"/>
      <c r="L135" s="101"/>
      <c r="M135" s="273"/>
      <c r="N135" s="274" t="s">
        <v>27</v>
      </c>
      <c r="O135" s="145" t="s">
        <v>24</v>
      </c>
      <c r="P135" s="275" t="s">
        <v>25</v>
      </c>
      <c r="Q135" s="276" t="s">
        <v>22</v>
      </c>
      <c r="R135" s="55"/>
      <c r="S135" s="43"/>
      <c r="T135" s="56"/>
      <c r="U135" s="105"/>
      <c r="V135" s="106"/>
      <c r="W135" s="106"/>
      <c r="X135" s="106"/>
      <c r="Y135" s="98"/>
      <c r="Z135" s="98"/>
      <c r="AA135" s="98"/>
      <c r="AB135" s="98"/>
      <c r="AC135" s="98"/>
      <c r="AD135" s="98"/>
      <c r="AE135" s="98"/>
      <c r="AF135" s="98"/>
      <c r="AG135" s="98"/>
      <c r="AH135" s="98"/>
      <c r="AI135" s="98"/>
      <c r="AJ135" s="98"/>
      <c r="AK135" s="98"/>
      <c r="AL135" s="98"/>
      <c r="AM135" s="98"/>
      <c r="AN135" s="98"/>
      <c r="AO135" s="106"/>
      <c r="AP135" s="106"/>
      <c r="AQ135" s="106"/>
      <c r="AR135" s="106"/>
      <c r="AS135" s="106"/>
      <c r="AT135" s="106"/>
      <c r="AU135" s="106"/>
      <c r="AV135" s="106"/>
      <c r="AW135" s="106"/>
      <c r="AX135" s="106"/>
      <c r="AY135" s="106"/>
      <c r="AZ135" s="106"/>
      <c r="BA135" s="106"/>
      <c r="BB135" s="106"/>
      <c r="BC135" s="106"/>
      <c r="BD135" s="106"/>
      <c r="BE135" s="106"/>
    </row>
    <row r="136" spans="1:57" s="57" customFormat="1" ht="241.95" customHeight="1" thickTop="1" thickBot="1" x14ac:dyDescent="0.25">
      <c r="A136" s="277" t="s">
        <v>94</v>
      </c>
      <c r="B136" s="278"/>
      <c r="C136" s="278"/>
      <c r="D136" s="278"/>
      <c r="E136" s="278"/>
      <c r="F136" s="278"/>
      <c r="G136" s="278"/>
      <c r="H136" s="278"/>
      <c r="I136" s="278"/>
      <c r="J136" s="278"/>
      <c r="K136" s="278"/>
      <c r="L136" s="278"/>
      <c r="M136" s="279"/>
      <c r="N136" s="280" t="s">
        <v>27</v>
      </c>
      <c r="O136" s="145" t="s">
        <v>24</v>
      </c>
      <c r="P136" s="275" t="s">
        <v>25</v>
      </c>
      <c r="Q136" s="276" t="s">
        <v>22</v>
      </c>
      <c r="R136" s="55"/>
      <c r="S136" s="43"/>
      <c r="T136" s="56"/>
      <c r="U136" s="105"/>
      <c r="V136" s="106"/>
      <c r="W136" s="106"/>
      <c r="X136" s="106"/>
      <c r="Y136" s="98"/>
      <c r="Z136" s="98"/>
      <c r="AA136" s="98"/>
      <c r="AB136" s="98"/>
      <c r="AC136" s="98"/>
      <c r="AD136" s="98"/>
      <c r="AE136" s="98"/>
      <c r="AF136" s="98"/>
      <c r="AG136" s="98"/>
      <c r="AH136" s="98"/>
      <c r="AI136" s="98"/>
      <c r="AJ136" s="98"/>
      <c r="AK136" s="98"/>
      <c r="AL136" s="98"/>
      <c r="AM136" s="98"/>
      <c r="AN136" s="98"/>
      <c r="AO136" s="106"/>
      <c r="AP136" s="106"/>
      <c r="AQ136" s="106"/>
      <c r="AR136" s="106"/>
      <c r="AS136" s="106"/>
      <c r="AT136" s="106"/>
      <c r="AU136" s="106"/>
      <c r="AV136" s="106"/>
      <c r="AW136" s="106"/>
      <c r="AX136" s="106"/>
      <c r="AY136" s="106"/>
      <c r="AZ136" s="106"/>
      <c r="BA136" s="106"/>
      <c r="BB136" s="106"/>
      <c r="BC136" s="106"/>
      <c r="BD136" s="106"/>
      <c r="BE136" s="106"/>
    </row>
    <row r="137" spans="1:57" s="57" customFormat="1" ht="132" customHeight="1" thickTop="1" thickBot="1" x14ac:dyDescent="0.25">
      <c r="A137" s="281" t="s">
        <v>95</v>
      </c>
      <c r="B137" s="282"/>
      <c r="C137" s="282"/>
      <c r="D137" s="282"/>
      <c r="E137" s="282"/>
      <c r="F137" s="282"/>
      <c r="G137" s="282"/>
      <c r="H137" s="282"/>
      <c r="I137" s="282"/>
      <c r="J137" s="282"/>
      <c r="K137" s="282"/>
      <c r="L137" s="282"/>
      <c r="M137" s="282"/>
      <c r="N137" s="283"/>
      <c r="O137" s="145" t="s">
        <v>20</v>
      </c>
      <c r="P137" s="145" t="s">
        <v>21</v>
      </c>
      <c r="Q137" s="146" t="s">
        <v>22</v>
      </c>
      <c r="R137" s="55"/>
      <c r="S137" s="43"/>
      <c r="T137" s="56"/>
      <c r="U137" s="105"/>
      <c r="V137" s="106"/>
      <c r="W137" s="106"/>
      <c r="X137" s="106"/>
      <c r="Y137" s="98"/>
      <c r="Z137" s="98"/>
      <c r="AA137" s="98"/>
      <c r="AB137" s="98"/>
      <c r="AC137" s="98"/>
      <c r="AD137" s="98"/>
      <c r="AE137" s="98"/>
      <c r="AF137" s="98"/>
      <c r="AG137" s="98"/>
      <c r="AH137" s="98"/>
      <c r="AI137" s="98"/>
      <c r="AJ137" s="98"/>
      <c r="AK137" s="98"/>
      <c r="AL137" s="98"/>
      <c r="AM137" s="98"/>
      <c r="AN137" s="98"/>
      <c r="AO137" s="106"/>
      <c r="AP137" s="106"/>
      <c r="AQ137" s="106"/>
      <c r="AR137" s="106"/>
      <c r="AS137" s="106"/>
      <c r="AT137" s="106"/>
      <c r="AU137" s="106"/>
      <c r="AV137" s="106"/>
      <c r="AW137" s="106"/>
      <c r="AX137" s="106"/>
      <c r="AY137" s="106"/>
      <c r="AZ137" s="106"/>
      <c r="BA137" s="106"/>
      <c r="BB137" s="106"/>
      <c r="BC137" s="106"/>
      <c r="BD137" s="106"/>
      <c r="BE137" s="106"/>
    </row>
    <row r="138" spans="1:57" s="18" customFormat="1" ht="69.900000000000006" customHeight="1" thickTop="1" x14ac:dyDescent="0.2">
      <c r="A138" s="284" t="s">
        <v>28</v>
      </c>
      <c r="B138" s="150"/>
      <c r="C138" s="150"/>
      <c r="D138" s="150"/>
      <c r="E138" s="150"/>
      <c r="F138" s="150"/>
      <c r="G138" s="150"/>
      <c r="H138" s="150"/>
      <c r="I138" s="150"/>
      <c r="J138" s="150"/>
      <c r="K138" s="150"/>
      <c r="L138" s="150"/>
      <c r="M138" s="150"/>
      <c r="N138" s="150"/>
      <c r="O138" s="150"/>
      <c r="P138" s="150"/>
      <c r="Q138" s="177"/>
      <c r="R138" s="42"/>
      <c r="S138" s="43"/>
      <c r="T138" s="74"/>
      <c r="U138" s="45"/>
    </row>
    <row r="139" spans="1:57" s="57" customFormat="1" ht="75" customHeight="1" x14ac:dyDescent="0.2">
      <c r="A139" s="285"/>
      <c r="B139" s="286"/>
      <c r="C139" s="286"/>
      <c r="D139" s="286"/>
      <c r="E139" s="286"/>
      <c r="F139" s="286"/>
      <c r="G139" s="286"/>
      <c r="H139" s="286"/>
      <c r="I139" s="286"/>
      <c r="J139" s="286"/>
      <c r="K139" s="286"/>
      <c r="L139" s="287"/>
      <c r="M139" s="286"/>
      <c r="N139" s="286"/>
      <c r="O139" s="286"/>
      <c r="P139" s="286"/>
      <c r="Q139" s="288"/>
      <c r="R139" s="55"/>
      <c r="S139" s="43"/>
      <c r="T139" s="79"/>
      <c r="U139" s="45"/>
    </row>
    <row r="140" spans="1:57" s="57" customFormat="1" ht="75" customHeight="1" thickBot="1" x14ac:dyDescent="0.25">
      <c r="A140" s="289"/>
      <c r="B140" s="290"/>
      <c r="C140" s="290"/>
      <c r="D140" s="290"/>
      <c r="E140" s="290"/>
      <c r="F140" s="290"/>
      <c r="G140" s="290"/>
      <c r="H140" s="290"/>
      <c r="I140" s="290"/>
      <c r="J140" s="290"/>
      <c r="K140" s="290"/>
      <c r="L140" s="291"/>
      <c r="M140" s="290"/>
      <c r="N140" s="290"/>
      <c r="O140" s="290"/>
      <c r="P140" s="290"/>
      <c r="Q140" s="292"/>
      <c r="R140" s="55"/>
      <c r="S140" s="43"/>
      <c r="T140" s="79"/>
      <c r="U140" s="45"/>
    </row>
    <row r="141" spans="1:57" s="18" customFormat="1" ht="69.900000000000006" customHeight="1" thickBot="1" x14ac:dyDescent="0.25">
      <c r="A141" s="293" t="s">
        <v>96</v>
      </c>
      <c r="B141" s="294"/>
      <c r="C141" s="294"/>
      <c r="D141" s="294"/>
      <c r="E141" s="294"/>
      <c r="F141" s="294"/>
      <c r="G141" s="294"/>
      <c r="H141" s="294"/>
      <c r="I141" s="294"/>
      <c r="J141" s="294"/>
      <c r="K141" s="294"/>
      <c r="L141" s="294"/>
      <c r="M141" s="294"/>
      <c r="N141" s="294"/>
      <c r="O141" s="294"/>
      <c r="P141" s="294"/>
      <c r="Q141" s="295"/>
      <c r="R141" s="42"/>
      <c r="S141" s="43"/>
      <c r="T141" s="97"/>
      <c r="U141" s="105"/>
      <c r="V141" s="98"/>
      <c r="W141" s="98"/>
      <c r="X141" s="98"/>
      <c r="Y141" s="106"/>
      <c r="Z141" s="106"/>
      <c r="AA141" s="106"/>
      <c r="AB141" s="106"/>
      <c r="AC141" s="106"/>
      <c r="AD141" s="106"/>
      <c r="AE141" s="106"/>
      <c r="AF141" s="106"/>
      <c r="AG141" s="106"/>
      <c r="AH141" s="106"/>
      <c r="AI141" s="106"/>
      <c r="AJ141" s="106"/>
      <c r="AK141" s="106"/>
      <c r="AL141" s="106"/>
      <c r="AM141" s="106"/>
      <c r="AN141" s="106"/>
      <c r="AO141" s="98"/>
      <c r="AP141" s="98"/>
      <c r="AQ141" s="98"/>
      <c r="AR141" s="98"/>
      <c r="AS141" s="98"/>
      <c r="AT141" s="98"/>
      <c r="AU141" s="98"/>
      <c r="AV141" s="98"/>
      <c r="AW141" s="98"/>
      <c r="AX141" s="98"/>
      <c r="AY141" s="98"/>
      <c r="AZ141" s="98"/>
      <c r="BA141" s="98"/>
      <c r="BB141" s="98"/>
      <c r="BC141" s="98"/>
      <c r="BD141" s="98"/>
      <c r="BE141" s="98"/>
    </row>
    <row r="142" spans="1:57" s="18" customFormat="1" ht="69.900000000000006" customHeight="1" thickBot="1" x14ac:dyDescent="0.25">
      <c r="A142" s="84" t="s">
        <v>97</v>
      </c>
      <c r="B142" s="85"/>
      <c r="C142" s="85"/>
      <c r="D142" s="85"/>
      <c r="E142" s="85"/>
      <c r="F142" s="85"/>
      <c r="G142" s="85"/>
      <c r="H142" s="85"/>
      <c r="I142" s="85"/>
      <c r="J142" s="85"/>
      <c r="K142" s="85"/>
      <c r="L142" s="86"/>
      <c r="M142" s="85"/>
      <c r="N142" s="85"/>
      <c r="O142" s="85"/>
      <c r="P142" s="85"/>
      <c r="Q142" s="87"/>
      <c r="R142" s="55"/>
      <c r="S142" s="43"/>
      <c r="T142" s="97"/>
      <c r="U142" s="105"/>
      <c r="V142" s="98"/>
      <c r="W142" s="98"/>
      <c r="X142" s="98"/>
      <c r="Y142" s="98"/>
      <c r="Z142" s="98"/>
      <c r="AA142" s="98"/>
      <c r="AB142" s="98"/>
      <c r="AC142" s="98"/>
      <c r="AD142" s="98"/>
      <c r="AE142" s="98"/>
      <c r="AF142" s="98"/>
      <c r="AG142" s="98"/>
      <c r="AH142" s="98"/>
      <c r="AI142" s="98"/>
      <c r="AJ142" s="98"/>
      <c r="AK142" s="98"/>
      <c r="AL142" s="98"/>
      <c r="AM142" s="98"/>
      <c r="AN142" s="98"/>
      <c r="AO142" s="98"/>
      <c r="AP142" s="98"/>
      <c r="AQ142" s="98"/>
      <c r="AR142" s="98"/>
      <c r="AS142" s="98"/>
      <c r="AT142" s="98"/>
      <c r="AU142" s="98"/>
      <c r="AV142" s="98"/>
      <c r="AW142" s="98"/>
      <c r="AX142" s="98"/>
      <c r="AY142" s="98"/>
      <c r="AZ142" s="98"/>
      <c r="BA142" s="98"/>
      <c r="BB142" s="98"/>
      <c r="BC142" s="98"/>
      <c r="BD142" s="98"/>
      <c r="BE142" s="98"/>
    </row>
    <row r="143" spans="1:57" s="57" customFormat="1" ht="389.4" customHeight="1" thickTop="1" thickBot="1" x14ac:dyDescent="0.25">
      <c r="A143" s="172" t="s">
        <v>98</v>
      </c>
      <c r="B143" s="210"/>
      <c r="C143" s="210"/>
      <c r="D143" s="210"/>
      <c r="E143" s="210"/>
      <c r="F143" s="210"/>
      <c r="G143" s="210"/>
      <c r="H143" s="210"/>
      <c r="I143" s="210"/>
      <c r="J143" s="210"/>
      <c r="K143" s="210"/>
      <c r="L143" s="173"/>
      <c r="M143" s="210"/>
      <c r="N143" s="210"/>
      <c r="O143" s="175" t="s">
        <v>20</v>
      </c>
      <c r="P143" s="175" t="s">
        <v>21</v>
      </c>
      <c r="Q143" s="176" t="s">
        <v>22</v>
      </c>
      <c r="R143" s="55"/>
      <c r="S143" s="43"/>
      <c r="T143" s="56"/>
      <c r="U143" s="105"/>
      <c r="V143" s="106"/>
      <c r="W143" s="106"/>
      <c r="X143" s="106"/>
      <c r="Y143" s="98"/>
      <c r="Z143" s="98"/>
      <c r="AA143" s="98"/>
      <c r="AB143" s="98"/>
      <c r="AC143" s="98"/>
      <c r="AD143" s="98"/>
      <c r="AE143" s="98"/>
      <c r="AF143" s="98"/>
      <c r="AG143" s="98"/>
      <c r="AH143" s="98"/>
      <c r="AI143" s="98"/>
      <c r="AJ143" s="98"/>
      <c r="AK143" s="98"/>
      <c r="AL143" s="98"/>
      <c r="AM143" s="98"/>
      <c r="AN143" s="98"/>
      <c r="AO143" s="106"/>
      <c r="AP143" s="106"/>
      <c r="AQ143" s="106"/>
      <c r="AR143" s="106"/>
      <c r="AS143" s="106"/>
      <c r="AT143" s="106"/>
      <c r="AU143" s="106"/>
      <c r="AV143" s="106"/>
      <c r="AW143" s="106"/>
      <c r="AX143" s="106"/>
      <c r="AY143" s="106"/>
      <c r="AZ143" s="106"/>
      <c r="BA143" s="106"/>
      <c r="BB143" s="106"/>
      <c r="BC143" s="106"/>
      <c r="BD143" s="106"/>
      <c r="BE143" s="106"/>
    </row>
    <row r="144" spans="1:57" s="18" customFormat="1" ht="69.900000000000006" customHeight="1" thickTop="1" x14ac:dyDescent="0.2">
      <c r="A144" s="212" t="s">
        <v>63</v>
      </c>
      <c r="B144" s="213"/>
      <c r="C144" s="213"/>
      <c r="D144" s="213"/>
      <c r="E144" s="213"/>
      <c r="F144" s="213"/>
      <c r="G144" s="213"/>
      <c r="H144" s="213"/>
      <c r="I144" s="213"/>
      <c r="J144" s="213"/>
      <c r="K144" s="213"/>
      <c r="L144" s="214"/>
      <c r="M144" s="213"/>
      <c r="N144" s="213"/>
      <c r="O144" s="213"/>
      <c r="P144" s="213"/>
      <c r="Q144" s="215"/>
      <c r="R144" s="42"/>
      <c r="S144" s="43"/>
      <c r="T144" s="74"/>
      <c r="U144" s="45"/>
    </row>
    <row r="145" spans="1:57" s="18" customFormat="1" ht="69.900000000000006" customHeight="1" x14ac:dyDescent="0.2">
      <c r="A145" s="216" t="s">
        <v>74</v>
      </c>
      <c r="B145" s="217"/>
      <c r="C145" s="217"/>
      <c r="D145" s="217"/>
      <c r="E145" s="217"/>
      <c r="F145" s="217"/>
      <c r="G145" s="217"/>
      <c r="H145" s="217"/>
      <c r="I145" s="217"/>
      <c r="J145" s="217"/>
      <c r="K145" s="217"/>
      <c r="L145" s="217"/>
      <c r="M145" s="217"/>
      <c r="N145" s="217"/>
      <c r="O145" s="217"/>
      <c r="P145" s="217"/>
      <c r="Q145" s="218"/>
      <c r="R145" s="42"/>
      <c r="S145" s="43"/>
      <c r="T145" s="74"/>
      <c r="U145" s="45"/>
    </row>
    <row r="146" spans="1:57" s="191" customFormat="1" ht="69.900000000000006" customHeight="1" x14ac:dyDescent="0.2">
      <c r="A146" s="296" t="s">
        <v>99</v>
      </c>
      <c r="B146" s="297"/>
      <c r="C146" s="297"/>
      <c r="D146" s="297"/>
      <c r="E146" s="297"/>
      <c r="F146" s="297"/>
      <c r="G146" s="297"/>
      <c r="H146" s="297"/>
      <c r="I146" s="297"/>
      <c r="J146" s="297"/>
      <c r="K146" s="297"/>
      <c r="L146" s="297"/>
      <c r="M146" s="297"/>
      <c r="N146" s="297"/>
      <c r="O146" s="297"/>
      <c r="P146" s="297"/>
      <c r="Q146" s="298"/>
      <c r="R146" s="186"/>
      <c r="S146" s="187"/>
      <c r="T146" s="188"/>
      <c r="U146" s="189"/>
      <c r="V146" s="190"/>
      <c r="W146" s="190"/>
      <c r="X146" s="190"/>
      <c r="Y146" s="190"/>
      <c r="Z146" s="190"/>
      <c r="AA146" s="190"/>
      <c r="AB146" s="190"/>
      <c r="AC146" s="190"/>
      <c r="AD146" s="190"/>
      <c r="AE146" s="190"/>
      <c r="AF146" s="190"/>
      <c r="AG146" s="190"/>
      <c r="AH146" s="190"/>
      <c r="AI146" s="190"/>
      <c r="AJ146" s="190"/>
      <c r="AK146" s="190"/>
      <c r="AL146" s="190"/>
      <c r="AM146" s="190"/>
      <c r="AN146" s="190"/>
      <c r="AO146" s="190"/>
      <c r="AP146" s="190"/>
      <c r="AQ146" s="190"/>
      <c r="AR146" s="190"/>
      <c r="AS146" s="190"/>
      <c r="AT146" s="190"/>
      <c r="AU146" s="190"/>
      <c r="AV146" s="190"/>
      <c r="AW146" s="190"/>
      <c r="AX146" s="190"/>
      <c r="AY146" s="190"/>
      <c r="AZ146" s="190"/>
      <c r="BA146" s="190"/>
      <c r="BB146" s="190"/>
      <c r="BC146" s="190"/>
      <c r="BD146" s="190"/>
      <c r="BE146" s="190"/>
    </row>
    <row r="147" spans="1:57" s="191" customFormat="1" ht="69.900000000000006" customHeight="1" x14ac:dyDescent="0.2">
      <c r="A147" s="299" t="s">
        <v>100</v>
      </c>
      <c r="B147" s="300"/>
      <c r="C147" s="300"/>
      <c r="D147" s="300"/>
      <c r="E147" s="300"/>
      <c r="F147" s="300"/>
      <c r="G147" s="300"/>
      <c r="H147" s="300"/>
      <c r="I147" s="300"/>
      <c r="J147" s="300"/>
      <c r="K147" s="300"/>
      <c r="L147" s="300"/>
      <c r="M147" s="300"/>
      <c r="N147" s="300"/>
      <c r="O147" s="300"/>
      <c r="P147" s="300"/>
      <c r="Q147" s="301"/>
      <c r="R147" s="186"/>
      <c r="S147" s="187"/>
      <c r="T147" s="188"/>
      <c r="U147" s="189"/>
      <c r="V147" s="190"/>
      <c r="W147" s="190"/>
      <c r="X147" s="190"/>
      <c r="Y147" s="190"/>
      <c r="Z147" s="190"/>
      <c r="AA147" s="190"/>
      <c r="AB147" s="190"/>
      <c r="AC147" s="190"/>
      <c r="AD147" s="190"/>
      <c r="AE147" s="190"/>
      <c r="AF147" s="190"/>
      <c r="AG147" s="190"/>
      <c r="AH147" s="190"/>
      <c r="AI147" s="190"/>
      <c r="AJ147" s="190"/>
      <c r="AK147" s="190"/>
      <c r="AL147" s="190"/>
      <c r="AM147" s="190"/>
      <c r="AN147" s="190"/>
      <c r="AO147" s="190"/>
      <c r="AP147" s="190"/>
      <c r="AQ147" s="190"/>
      <c r="AR147" s="190"/>
      <c r="AS147" s="190"/>
      <c r="AT147" s="190"/>
      <c r="AU147" s="190"/>
      <c r="AV147" s="190"/>
      <c r="AW147" s="190"/>
      <c r="AX147" s="190"/>
      <c r="AY147" s="190"/>
      <c r="AZ147" s="190"/>
      <c r="BA147" s="190"/>
      <c r="BB147" s="190"/>
      <c r="BC147" s="190"/>
      <c r="BD147" s="190"/>
      <c r="BE147" s="190"/>
    </row>
    <row r="148" spans="1:57" s="18" customFormat="1" ht="69.900000000000006" customHeight="1" x14ac:dyDescent="0.2">
      <c r="A148" s="70" t="s">
        <v>28</v>
      </c>
      <c r="B148" s="71"/>
      <c r="C148" s="71"/>
      <c r="D148" s="71"/>
      <c r="E148" s="71"/>
      <c r="F148" s="71"/>
      <c r="G148" s="71"/>
      <c r="H148" s="71"/>
      <c r="I148" s="71"/>
      <c r="J148" s="71"/>
      <c r="K148" s="71"/>
      <c r="L148" s="72"/>
      <c r="M148" s="71"/>
      <c r="N148" s="71"/>
      <c r="O148" s="71"/>
      <c r="P148" s="71"/>
      <c r="Q148" s="73"/>
      <c r="R148" s="42"/>
      <c r="S148" s="43"/>
      <c r="T148" s="74"/>
      <c r="U148" s="45"/>
    </row>
    <row r="149" spans="1:57" s="57" customFormat="1" ht="75" customHeight="1" x14ac:dyDescent="0.2">
      <c r="A149" s="75"/>
      <c r="B149" s="76"/>
      <c r="C149" s="76"/>
      <c r="D149" s="76"/>
      <c r="E149" s="76"/>
      <c r="F149" s="76"/>
      <c r="G149" s="76"/>
      <c r="H149" s="76"/>
      <c r="I149" s="76"/>
      <c r="J149" s="76"/>
      <c r="K149" s="76"/>
      <c r="L149" s="77"/>
      <c r="M149" s="76"/>
      <c r="N149" s="76"/>
      <c r="O149" s="76"/>
      <c r="P149" s="76"/>
      <c r="Q149" s="78"/>
      <c r="R149" s="55"/>
      <c r="S149" s="43"/>
      <c r="T149" s="79"/>
      <c r="U149" s="45"/>
    </row>
    <row r="150" spans="1:57" s="57" customFormat="1" ht="75" customHeight="1" thickBot="1" x14ac:dyDescent="0.25">
      <c r="A150" s="80"/>
      <c r="B150" s="81"/>
      <c r="C150" s="81"/>
      <c r="D150" s="81"/>
      <c r="E150" s="81"/>
      <c r="F150" s="81"/>
      <c r="G150" s="81"/>
      <c r="H150" s="81"/>
      <c r="I150" s="81"/>
      <c r="J150" s="81"/>
      <c r="K150" s="81"/>
      <c r="L150" s="82"/>
      <c r="M150" s="81"/>
      <c r="N150" s="81"/>
      <c r="O150" s="81"/>
      <c r="P150" s="81"/>
      <c r="Q150" s="83"/>
      <c r="R150" s="55"/>
      <c r="S150" s="43"/>
      <c r="T150" s="113"/>
      <c r="U150" s="45"/>
    </row>
    <row r="151" spans="1:57" s="18" customFormat="1" ht="69.900000000000006" customHeight="1" thickBot="1" x14ac:dyDescent="0.25">
      <c r="A151" s="84" t="s">
        <v>101</v>
      </c>
      <c r="B151" s="85"/>
      <c r="C151" s="85"/>
      <c r="D151" s="85"/>
      <c r="E151" s="85"/>
      <c r="F151" s="85"/>
      <c r="G151" s="85"/>
      <c r="H151" s="85"/>
      <c r="I151" s="85"/>
      <c r="J151" s="85"/>
      <c r="K151" s="85"/>
      <c r="L151" s="86"/>
      <c r="M151" s="85"/>
      <c r="N151" s="85"/>
      <c r="O151" s="85"/>
      <c r="P151" s="85"/>
      <c r="Q151" s="87"/>
      <c r="R151" s="55"/>
      <c r="S151" s="43"/>
      <c r="T151" s="114" t="s">
        <v>102</v>
      </c>
      <c r="U151" s="105"/>
      <c r="V151" s="98"/>
      <c r="W151" s="98"/>
      <c r="X151" s="98"/>
      <c r="Y151" s="106"/>
      <c r="Z151" s="106"/>
      <c r="AA151" s="106"/>
      <c r="AB151" s="106"/>
      <c r="AC151" s="106"/>
      <c r="AD151" s="106"/>
      <c r="AE151" s="106"/>
      <c r="AF151" s="106"/>
      <c r="AG151" s="106"/>
      <c r="AH151" s="106"/>
      <c r="AI151" s="106"/>
      <c r="AJ151" s="106"/>
      <c r="AK151" s="106"/>
      <c r="AL151" s="106"/>
      <c r="AM151" s="106"/>
      <c r="AN151" s="106"/>
      <c r="AO151" s="98"/>
      <c r="AP151" s="98"/>
      <c r="AQ151" s="98"/>
      <c r="AR151" s="98"/>
      <c r="AS151" s="98"/>
      <c r="AT151" s="98"/>
      <c r="AU151" s="98"/>
      <c r="AV151" s="98"/>
      <c r="AW151" s="98"/>
      <c r="AX151" s="98"/>
      <c r="AY151" s="98"/>
      <c r="AZ151" s="98"/>
      <c r="BA151" s="98"/>
      <c r="BB151" s="98"/>
      <c r="BC151" s="98"/>
      <c r="BD151" s="98"/>
      <c r="BE151" s="98"/>
    </row>
    <row r="152" spans="1:57" s="57" customFormat="1" ht="199.95" customHeight="1" thickTop="1" thickBot="1" x14ac:dyDescent="0.25">
      <c r="A152" s="99" t="s">
        <v>103</v>
      </c>
      <c r="B152" s="100"/>
      <c r="C152" s="100"/>
      <c r="D152" s="100"/>
      <c r="E152" s="100"/>
      <c r="F152" s="100"/>
      <c r="G152" s="100"/>
      <c r="H152" s="100"/>
      <c r="I152" s="100"/>
      <c r="J152" s="100"/>
      <c r="K152" s="100"/>
      <c r="L152" s="101"/>
      <c r="M152" s="100"/>
      <c r="N152" s="100"/>
      <c r="O152" s="175" t="s">
        <v>20</v>
      </c>
      <c r="P152" s="175" t="s">
        <v>21</v>
      </c>
      <c r="Q152" s="176" t="s">
        <v>22</v>
      </c>
      <c r="R152" s="55"/>
      <c r="S152" s="43"/>
      <c r="T152" s="56"/>
      <c r="U152" s="105"/>
      <c r="V152" s="106"/>
      <c r="W152" s="106"/>
      <c r="X152" s="106"/>
      <c r="Y152" s="106"/>
      <c r="Z152" s="106"/>
      <c r="AA152" s="106"/>
      <c r="AB152" s="106"/>
      <c r="AC152" s="106"/>
      <c r="AD152" s="106"/>
      <c r="AE152" s="106"/>
      <c r="AF152" s="106"/>
      <c r="AG152" s="106"/>
      <c r="AH152" s="106"/>
      <c r="AI152" s="106"/>
      <c r="AJ152" s="106"/>
      <c r="AK152" s="106"/>
      <c r="AL152" s="106"/>
      <c r="AM152" s="106"/>
      <c r="AN152" s="106"/>
      <c r="AO152" s="106"/>
      <c r="AP152" s="106"/>
      <c r="AQ152" s="106"/>
      <c r="AR152" s="106"/>
      <c r="AS152" s="106"/>
      <c r="AT152" s="106"/>
      <c r="AU152" s="106"/>
      <c r="AV152" s="106"/>
      <c r="AW152" s="106"/>
      <c r="AX152" s="106"/>
      <c r="AY152" s="106"/>
      <c r="AZ152" s="106"/>
      <c r="BA152" s="106"/>
      <c r="BB152" s="106"/>
      <c r="BC152" s="106"/>
      <c r="BD152" s="106"/>
      <c r="BE152" s="106"/>
    </row>
    <row r="153" spans="1:57" s="18" customFormat="1" ht="69.900000000000006" customHeight="1" thickTop="1" x14ac:dyDescent="0.2">
      <c r="A153" s="70" t="s">
        <v>28</v>
      </c>
      <c r="B153" s="71"/>
      <c r="C153" s="71"/>
      <c r="D153" s="71"/>
      <c r="E153" s="71"/>
      <c r="F153" s="71"/>
      <c r="G153" s="71"/>
      <c r="H153" s="71"/>
      <c r="I153" s="71"/>
      <c r="J153" s="71"/>
      <c r="K153" s="71"/>
      <c r="L153" s="72"/>
      <c r="M153" s="71"/>
      <c r="N153" s="71"/>
      <c r="O153" s="71"/>
      <c r="P153" s="71"/>
      <c r="Q153" s="73"/>
      <c r="R153" s="42"/>
      <c r="S153" s="43"/>
      <c r="T153" s="74"/>
      <c r="U153" s="45"/>
    </row>
    <row r="154" spans="1:57" s="57" customFormat="1" ht="75" customHeight="1" x14ac:dyDescent="0.2">
      <c r="A154" s="75"/>
      <c r="B154" s="76"/>
      <c r="C154" s="76"/>
      <c r="D154" s="76"/>
      <c r="E154" s="76"/>
      <c r="F154" s="76"/>
      <c r="G154" s="76"/>
      <c r="H154" s="76"/>
      <c r="I154" s="76"/>
      <c r="J154" s="76"/>
      <c r="K154" s="76"/>
      <c r="L154" s="77"/>
      <c r="M154" s="76"/>
      <c r="N154" s="76"/>
      <c r="O154" s="76"/>
      <c r="P154" s="76"/>
      <c r="Q154" s="78"/>
      <c r="R154" s="55"/>
      <c r="S154" s="43"/>
      <c r="T154" s="79"/>
      <c r="U154" s="45"/>
    </row>
    <row r="155" spans="1:57" s="57" customFormat="1" ht="75" customHeight="1" thickBot="1" x14ac:dyDescent="0.25">
      <c r="A155" s="80"/>
      <c r="B155" s="81"/>
      <c r="C155" s="81"/>
      <c r="D155" s="81"/>
      <c r="E155" s="81"/>
      <c r="F155" s="81"/>
      <c r="G155" s="81"/>
      <c r="H155" s="81"/>
      <c r="I155" s="81"/>
      <c r="J155" s="81"/>
      <c r="K155" s="81"/>
      <c r="L155" s="82"/>
      <c r="M155" s="81"/>
      <c r="N155" s="81"/>
      <c r="O155" s="81"/>
      <c r="P155" s="81"/>
      <c r="Q155" s="83"/>
      <c r="R155" s="55"/>
      <c r="S155" s="43"/>
      <c r="T155" s="79"/>
      <c r="U155" s="45"/>
    </row>
    <row r="156" spans="1:57" s="18" customFormat="1" ht="69.900000000000006" customHeight="1" thickBot="1" x14ac:dyDescent="0.25">
      <c r="A156" s="137" t="s">
        <v>104</v>
      </c>
      <c r="B156" s="138"/>
      <c r="C156" s="138"/>
      <c r="D156" s="138"/>
      <c r="E156" s="138"/>
      <c r="F156" s="138"/>
      <c r="G156" s="138"/>
      <c r="H156" s="138"/>
      <c r="I156" s="138"/>
      <c r="J156" s="138"/>
      <c r="K156" s="138"/>
      <c r="L156" s="139"/>
      <c r="M156" s="138"/>
      <c r="N156" s="138"/>
      <c r="O156" s="138"/>
      <c r="P156" s="138"/>
      <c r="Q156" s="140"/>
      <c r="R156" s="55"/>
      <c r="S156" s="43"/>
      <c r="T156" s="27"/>
      <c r="U156" s="105"/>
      <c r="V156" s="98"/>
      <c r="W156" s="98"/>
      <c r="X156" s="98"/>
      <c r="Y156" s="98"/>
      <c r="Z156" s="98"/>
      <c r="AA156" s="98"/>
      <c r="AB156" s="98"/>
      <c r="AC156" s="98"/>
      <c r="AD156" s="98"/>
      <c r="AE156" s="98"/>
      <c r="AF156" s="98"/>
      <c r="AG156" s="98"/>
      <c r="AH156" s="98"/>
      <c r="AI156" s="98"/>
      <c r="AJ156" s="98"/>
      <c r="AK156" s="98"/>
      <c r="AL156" s="98"/>
      <c r="AM156" s="98"/>
      <c r="AN156" s="98"/>
      <c r="AO156" s="98"/>
      <c r="AP156" s="98"/>
      <c r="AQ156" s="98"/>
      <c r="AR156" s="98"/>
      <c r="AS156" s="98"/>
      <c r="AT156" s="98"/>
      <c r="AU156" s="98"/>
      <c r="AV156" s="98"/>
      <c r="AW156" s="98"/>
      <c r="AX156" s="98"/>
      <c r="AY156" s="98"/>
      <c r="AZ156" s="98"/>
      <c r="BA156" s="98"/>
      <c r="BB156" s="98"/>
      <c r="BC156" s="98"/>
      <c r="BD156" s="98"/>
      <c r="BE156" s="98"/>
    </row>
    <row r="157" spans="1:57" s="57" customFormat="1" ht="201" customHeight="1" thickTop="1" thickBot="1" x14ac:dyDescent="0.25">
      <c r="A157" s="272" t="s">
        <v>105</v>
      </c>
      <c r="B157" s="100"/>
      <c r="C157" s="100"/>
      <c r="D157" s="100"/>
      <c r="E157" s="100"/>
      <c r="F157" s="100"/>
      <c r="G157" s="100"/>
      <c r="H157" s="100"/>
      <c r="I157" s="100"/>
      <c r="J157" s="100"/>
      <c r="K157" s="100"/>
      <c r="L157" s="101"/>
      <c r="M157" s="100"/>
      <c r="N157" s="100"/>
      <c r="O157" s="175" t="s">
        <v>20</v>
      </c>
      <c r="P157" s="175" t="s">
        <v>21</v>
      </c>
      <c r="Q157" s="176" t="s">
        <v>22</v>
      </c>
      <c r="R157" s="55"/>
      <c r="S157" s="43"/>
      <c r="T157" s="56"/>
      <c r="U157" s="105"/>
      <c r="V157" s="106"/>
      <c r="W157" s="106"/>
      <c r="X157" s="106"/>
      <c r="Y157" s="98"/>
      <c r="Z157" s="98"/>
      <c r="AA157" s="98"/>
      <c r="AB157" s="98"/>
      <c r="AC157" s="98"/>
      <c r="AD157" s="98"/>
      <c r="AE157" s="98"/>
      <c r="AF157" s="98"/>
      <c r="AG157" s="98"/>
      <c r="AH157" s="98"/>
      <c r="AI157" s="98"/>
      <c r="AJ157" s="98"/>
      <c r="AK157" s="98"/>
      <c r="AL157" s="98"/>
      <c r="AM157" s="98"/>
      <c r="AN157" s="98"/>
      <c r="AO157" s="106"/>
      <c r="AP157" s="106"/>
      <c r="AQ157" s="106"/>
      <c r="AR157" s="106"/>
      <c r="AS157" s="106"/>
      <c r="AT157" s="106"/>
      <c r="AU157" s="106"/>
      <c r="AV157" s="106"/>
      <c r="AW157" s="106"/>
      <c r="AX157" s="106"/>
      <c r="AY157" s="106"/>
      <c r="AZ157" s="106"/>
      <c r="BA157" s="106"/>
      <c r="BB157" s="106"/>
      <c r="BC157" s="106"/>
      <c r="BD157" s="106"/>
      <c r="BE157" s="106"/>
    </row>
    <row r="158" spans="1:57" s="18" customFormat="1" ht="69.900000000000006" customHeight="1" thickTop="1" x14ac:dyDescent="0.2">
      <c r="A158" s="212" t="s">
        <v>55</v>
      </c>
      <c r="B158" s="213"/>
      <c r="C158" s="213"/>
      <c r="D158" s="213"/>
      <c r="E158" s="213"/>
      <c r="F158" s="213"/>
      <c r="G158" s="213"/>
      <c r="H158" s="213"/>
      <c r="I158" s="213"/>
      <c r="J158" s="213"/>
      <c r="K158" s="213"/>
      <c r="L158" s="214"/>
      <c r="M158" s="213"/>
      <c r="N158" s="213"/>
      <c r="O158" s="213"/>
      <c r="P158" s="213"/>
      <c r="Q158" s="215"/>
      <c r="R158" s="42"/>
      <c r="S158" s="43"/>
      <c r="T158" s="74"/>
      <c r="U158" s="45"/>
    </row>
    <row r="159" spans="1:57" s="18" customFormat="1" ht="69.900000000000006" customHeight="1" x14ac:dyDescent="0.2">
      <c r="A159" s="216" t="s">
        <v>106</v>
      </c>
      <c r="B159" s="217"/>
      <c r="C159" s="217"/>
      <c r="D159" s="217"/>
      <c r="E159" s="217"/>
      <c r="F159" s="217"/>
      <c r="G159" s="217"/>
      <c r="H159" s="217"/>
      <c r="I159" s="217"/>
      <c r="J159" s="217"/>
      <c r="K159" s="217"/>
      <c r="L159" s="217"/>
      <c r="M159" s="217"/>
      <c r="N159" s="217"/>
      <c r="O159" s="217"/>
      <c r="P159" s="217"/>
      <c r="Q159" s="218"/>
      <c r="R159" s="42"/>
      <c r="S159" s="43"/>
      <c r="T159" s="74"/>
      <c r="U159" s="45"/>
    </row>
    <row r="160" spans="1:57" s="191" customFormat="1" ht="69.900000000000006" customHeight="1" x14ac:dyDescent="0.2">
      <c r="A160" s="302" t="s">
        <v>107</v>
      </c>
      <c r="B160" s="303"/>
      <c r="C160" s="303"/>
      <c r="D160" s="303"/>
      <c r="E160" s="303"/>
      <c r="F160" s="303"/>
      <c r="G160" s="303"/>
      <c r="H160" s="303"/>
      <c r="I160" s="303"/>
      <c r="J160" s="303"/>
      <c r="K160" s="303"/>
      <c r="L160" s="303"/>
      <c r="M160" s="303"/>
      <c r="N160" s="303"/>
      <c r="O160" s="303"/>
      <c r="P160" s="303"/>
      <c r="Q160" s="304"/>
      <c r="R160" s="186"/>
      <c r="S160" s="187"/>
      <c r="T160" s="188"/>
      <c r="U160" s="189"/>
      <c r="V160" s="190"/>
      <c r="W160" s="190"/>
      <c r="X160" s="190"/>
      <c r="Y160" s="190"/>
      <c r="Z160" s="190"/>
      <c r="AA160" s="190"/>
      <c r="AB160" s="190"/>
      <c r="AC160" s="190"/>
      <c r="AD160" s="190"/>
      <c r="AE160" s="190"/>
      <c r="AF160" s="190"/>
      <c r="AG160" s="190"/>
      <c r="AH160" s="190"/>
      <c r="AI160" s="190"/>
      <c r="AJ160" s="190"/>
      <c r="AK160" s="190"/>
      <c r="AL160" s="190"/>
      <c r="AM160" s="190"/>
      <c r="AN160" s="190"/>
      <c r="AO160" s="190"/>
      <c r="AP160" s="190"/>
      <c r="AQ160" s="190"/>
      <c r="AR160" s="190"/>
      <c r="AS160" s="190"/>
      <c r="AT160" s="190"/>
      <c r="AU160" s="190"/>
      <c r="AV160" s="190"/>
      <c r="AW160" s="190"/>
      <c r="AX160" s="190"/>
      <c r="AY160" s="190"/>
      <c r="AZ160" s="190"/>
      <c r="BA160" s="190"/>
      <c r="BB160" s="190"/>
      <c r="BC160" s="190"/>
      <c r="BD160" s="190"/>
      <c r="BE160" s="190"/>
    </row>
    <row r="161" spans="1:57" s="191" customFormat="1" ht="69.900000000000006" customHeight="1" x14ac:dyDescent="0.2">
      <c r="A161" s="299" t="s">
        <v>100</v>
      </c>
      <c r="B161" s="300"/>
      <c r="C161" s="300"/>
      <c r="D161" s="300"/>
      <c r="E161" s="300"/>
      <c r="F161" s="300"/>
      <c r="G161" s="300"/>
      <c r="H161" s="300"/>
      <c r="I161" s="300"/>
      <c r="J161" s="300"/>
      <c r="K161" s="300"/>
      <c r="L161" s="300"/>
      <c r="M161" s="300"/>
      <c r="N161" s="300"/>
      <c r="O161" s="300"/>
      <c r="P161" s="300"/>
      <c r="Q161" s="301"/>
      <c r="R161" s="186"/>
      <c r="S161" s="187"/>
      <c r="T161" s="188"/>
      <c r="U161" s="189"/>
      <c r="V161" s="190"/>
      <c r="W161" s="190"/>
      <c r="X161" s="190"/>
      <c r="Y161" s="190"/>
      <c r="Z161" s="190"/>
      <c r="AA161" s="190"/>
      <c r="AB161" s="190"/>
      <c r="AC161" s="190"/>
      <c r="AD161" s="190"/>
      <c r="AE161" s="190"/>
      <c r="AF161" s="190"/>
      <c r="AG161" s="190"/>
      <c r="AH161" s="190"/>
      <c r="AI161" s="190"/>
      <c r="AJ161" s="190"/>
      <c r="AK161" s="190"/>
      <c r="AL161" s="190"/>
      <c r="AM161" s="190"/>
      <c r="AN161" s="190"/>
      <c r="AO161" s="190"/>
      <c r="AP161" s="190"/>
      <c r="AQ161" s="190"/>
      <c r="AR161" s="190"/>
      <c r="AS161" s="190"/>
      <c r="AT161" s="190"/>
      <c r="AU161" s="190"/>
      <c r="AV161" s="190"/>
      <c r="AW161" s="190"/>
      <c r="AX161" s="190"/>
      <c r="AY161" s="190"/>
      <c r="AZ161" s="190"/>
      <c r="BA161" s="190"/>
      <c r="BB161" s="190"/>
      <c r="BC161" s="190"/>
      <c r="BD161" s="190"/>
      <c r="BE161" s="190"/>
    </row>
    <row r="162" spans="1:57" s="18" customFormat="1" ht="69.900000000000006" customHeight="1" x14ac:dyDescent="0.2">
      <c r="A162" s="70" t="s">
        <v>28</v>
      </c>
      <c r="B162" s="71"/>
      <c r="C162" s="71"/>
      <c r="D162" s="71"/>
      <c r="E162" s="71"/>
      <c r="F162" s="71"/>
      <c r="G162" s="71"/>
      <c r="H162" s="71"/>
      <c r="I162" s="71"/>
      <c r="J162" s="71"/>
      <c r="K162" s="71"/>
      <c r="L162" s="72"/>
      <c r="M162" s="71"/>
      <c r="N162" s="71"/>
      <c r="O162" s="71"/>
      <c r="P162" s="71"/>
      <c r="Q162" s="73"/>
      <c r="R162" s="42"/>
      <c r="S162" s="43"/>
      <c r="T162" s="74"/>
      <c r="U162" s="45"/>
    </row>
    <row r="163" spans="1:57" s="57" customFormat="1" ht="75" customHeight="1" x14ac:dyDescent="0.2">
      <c r="A163" s="75"/>
      <c r="B163" s="76"/>
      <c r="C163" s="76"/>
      <c r="D163" s="76"/>
      <c r="E163" s="76"/>
      <c r="F163" s="76"/>
      <c r="G163" s="76"/>
      <c r="H163" s="76"/>
      <c r="I163" s="76"/>
      <c r="J163" s="76"/>
      <c r="K163" s="76"/>
      <c r="L163" s="77"/>
      <c r="M163" s="76"/>
      <c r="N163" s="76"/>
      <c r="O163" s="76"/>
      <c r="P163" s="76"/>
      <c r="Q163" s="78"/>
      <c r="R163" s="55"/>
      <c r="S163" s="43"/>
      <c r="T163" s="79"/>
      <c r="U163" s="45"/>
    </row>
    <row r="164" spans="1:57" s="57" customFormat="1" ht="75" customHeight="1" thickBot="1" x14ac:dyDescent="0.25">
      <c r="A164" s="80"/>
      <c r="B164" s="81"/>
      <c r="C164" s="81"/>
      <c r="D164" s="81"/>
      <c r="E164" s="81"/>
      <c r="F164" s="81"/>
      <c r="G164" s="81"/>
      <c r="H164" s="81"/>
      <c r="I164" s="81"/>
      <c r="J164" s="81"/>
      <c r="K164" s="81"/>
      <c r="L164" s="82"/>
      <c r="M164" s="81"/>
      <c r="N164" s="81"/>
      <c r="O164" s="81"/>
      <c r="P164" s="81"/>
      <c r="Q164" s="83"/>
      <c r="R164" s="55"/>
      <c r="S164" s="43"/>
      <c r="T164" s="79"/>
      <c r="U164" s="45"/>
    </row>
    <row r="165" spans="1:57" s="311" customFormat="1" ht="69.900000000000006" customHeight="1" thickBot="1" x14ac:dyDescent="0.25">
      <c r="A165" s="305" t="s">
        <v>108</v>
      </c>
      <c r="B165" s="139"/>
      <c r="C165" s="139"/>
      <c r="D165" s="139"/>
      <c r="E165" s="139"/>
      <c r="F165" s="139"/>
      <c r="G165" s="139"/>
      <c r="H165" s="139"/>
      <c r="I165" s="139"/>
      <c r="J165" s="139"/>
      <c r="K165" s="139"/>
      <c r="L165" s="139"/>
      <c r="M165" s="139"/>
      <c r="N165" s="139"/>
      <c r="O165" s="139"/>
      <c r="P165" s="139"/>
      <c r="Q165" s="269"/>
      <c r="R165" s="306"/>
      <c r="S165" s="307"/>
      <c r="T165" s="308"/>
      <c r="U165" s="309"/>
      <c r="V165" s="310"/>
      <c r="W165" s="310"/>
      <c r="X165" s="310"/>
      <c r="Y165" s="310"/>
      <c r="Z165" s="310"/>
      <c r="AA165" s="310"/>
      <c r="AB165" s="310"/>
      <c r="AC165" s="310"/>
      <c r="AD165" s="310"/>
      <c r="AE165" s="310"/>
      <c r="AF165" s="310"/>
      <c r="AG165" s="310"/>
      <c r="AH165" s="310"/>
      <c r="AI165" s="310"/>
      <c r="AJ165" s="310"/>
      <c r="AK165" s="310"/>
      <c r="AL165" s="310"/>
      <c r="AM165" s="310"/>
      <c r="AN165" s="310"/>
      <c r="AO165" s="310"/>
      <c r="AP165" s="310"/>
      <c r="AQ165" s="310"/>
      <c r="AR165" s="310"/>
      <c r="AS165" s="310"/>
      <c r="AT165" s="310"/>
      <c r="AU165" s="310"/>
      <c r="AV165" s="310"/>
      <c r="AW165" s="310"/>
      <c r="AX165" s="310"/>
      <c r="AY165" s="310"/>
      <c r="AZ165" s="310"/>
      <c r="BA165" s="310"/>
      <c r="BB165" s="310"/>
      <c r="BC165" s="310"/>
      <c r="BD165" s="310"/>
      <c r="BE165" s="310"/>
    </row>
    <row r="166" spans="1:57" s="311" customFormat="1" ht="199.95" customHeight="1" thickTop="1" thickBot="1" x14ac:dyDescent="0.25">
      <c r="A166" s="312" t="s">
        <v>109</v>
      </c>
      <c r="B166" s="313"/>
      <c r="C166" s="313"/>
      <c r="D166" s="313"/>
      <c r="E166" s="313"/>
      <c r="F166" s="313"/>
      <c r="G166" s="313"/>
      <c r="H166" s="313"/>
      <c r="I166" s="313"/>
      <c r="J166" s="313"/>
      <c r="K166" s="313"/>
      <c r="L166" s="313"/>
      <c r="M166" s="313"/>
      <c r="N166" s="314"/>
      <c r="O166" s="315" t="s">
        <v>20</v>
      </c>
      <c r="P166" s="315" t="s">
        <v>21</v>
      </c>
      <c r="Q166" s="316" t="s">
        <v>22</v>
      </c>
      <c r="R166" s="306"/>
      <c r="S166" s="307"/>
      <c r="T166" s="317"/>
      <c r="U166" s="309"/>
      <c r="V166" s="310"/>
      <c r="W166" s="310"/>
      <c r="X166" s="310"/>
      <c r="Y166" s="310"/>
      <c r="Z166" s="310"/>
      <c r="AA166" s="310"/>
      <c r="AB166" s="310"/>
      <c r="AC166" s="310"/>
      <c r="AD166" s="310"/>
      <c r="AE166" s="310"/>
      <c r="AF166" s="310"/>
      <c r="AG166" s="310"/>
      <c r="AH166" s="310"/>
      <c r="AI166" s="310"/>
      <c r="AJ166" s="310"/>
      <c r="AK166" s="310"/>
      <c r="AL166" s="310"/>
      <c r="AM166" s="310"/>
      <c r="AN166" s="310"/>
      <c r="AO166" s="310"/>
      <c r="AP166" s="310"/>
      <c r="AQ166" s="310"/>
      <c r="AR166" s="310"/>
      <c r="AS166" s="310"/>
      <c r="AT166" s="310"/>
      <c r="AU166" s="310"/>
      <c r="AV166" s="310"/>
      <c r="AW166" s="310"/>
      <c r="AX166" s="310"/>
      <c r="AY166" s="310"/>
      <c r="AZ166" s="310"/>
      <c r="BA166" s="310"/>
      <c r="BB166" s="310"/>
      <c r="BC166" s="310"/>
      <c r="BD166" s="310"/>
      <c r="BE166" s="310"/>
    </row>
    <row r="167" spans="1:57" s="311" customFormat="1" ht="69.900000000000006" customHeight="1" thickTop="1" x14ac:dyDescent="0.2">
      <c r="A167" s="318" t="s">
        <v>110</v>
      </c>
      <c r="B167" s="214"/>
      <c r="C167" s="214"/>
      <c r="D167" s="214"/>
      <c r="E167" s="214"/>
      <c r="F167" s="214"/>
      <c r="G167" s="214"/>
      <c r="H167" s="214"/>
      <c r="I167" s="214"/>
      <c r="J167" s="214"/>
      <c r="K167" s="214"/>
      <c r="L167" s="214"/>
      <c r="M167" s="214"/>
      <c r="N167" s="214"/>
      <c r="O167" s="214"/>
      <c r="P167" s="214"/>
      <c r="Q167" s="319"/>
      <c r="R167" s="320"/>
      <c r="S167" s="307"/>
      <c r="T167" s="321"/>
      <c r="U167" s="322"/>
    </row>
    <row r="168" spans="1:57" s="311" customFormat="1" ht="69.900000000000006" customHeight="1" x14ac:dyDescent="0.2">
      <c r="A168" s="323" t="s">
        <v>106</v>
      </c>
      <c r="B168" s="324"/>
      <c r="C168" s="324"/>
      <c r="D168" s="324"/>
      <c r="E168" s="324"/>
      <c r="F168" s="324"/>
      <c r="G168" s="324"/>
      <c r="H168" s="324"/>
      <c r="I168" s="324"/>
      <c r="J168" s="324"/>
      <c r="K168" s="324"/>
      <c r="L168" s="324"/>
      <c r="M168" s="324"/>
      <c r="N168" s="324"/>
      <c r="O168" s="324"/>
      <c r="P168" s="324"/>
      <c r="Q168" s="325"/>
      <c r="R168" s="320"/>
      <c r="S168" s="307"/>
      <c r="T168" s="321"/>
      <c r="U168" s="322"/>
    </row>
    <row r="169" spans="1:57" s="334" customFormat="1" ht="69.900000000000006" customHeight="1" x14ac:dyDescent="0.2">
      <c r="A169" s="326" t="s">
        <v>111</v>
      </c>
      <c r="B169" s="327"/>
      <c r="C169" s="327"/>
      <c r="D169" s="327"/>
      <c r="E169" s="327"/>
      <c r="F169" s="327"/>
      <c r="G169" s="327"/>
      <c r="H169" s="327"/>
      <c r="I169" s="327"/>
      <c r="J169" s="327"/>
      <c r="K169" s="327"/>
      <c r="L169" s="327"/>
      <c r="M169" s="327"/>
      <c r="N169" s="327"/>
      <c r="O169" s="327"/>
      <c r="P169" s="327"/>
      <c r="Q169" s="328"/>
      <c r="R169" s="329"/>
      <c r="S169" s="330"/>
      <c r="T169" s="331"/>
      <c r="U169" s="332"/>
      <c r="V169" s="333"/>
      <c r="W169" s="333"/>
      <c r="X169" s="333"/>
      <c r="Y169" s="333"/>
      <c r="Z169" s="333"/>
      <c r="AA169" s="333"/>
      <c r="AB169" s="333"/>
      <c r="AC169" s="333"/>
      <c r="AD169" s="333"/>
      <c r="AE169" s="333"/>
      <c r="AF169" s="333"/>
      <c r="AG169" s="333"/>
      <c r="AH169" s="333"/>
      <c r="AI169" s="333"/>
      <c r="AJ169" s="333"/>
      <c r="AK169" s="333"/>
      <c r="AL169" s="333"/>
      <c r="AM169" s="333"/>
      <c r="AN169" s="333"/>
      <c r="AO169" s="333"/>
      <c r="AP169" s="333"/>
      <c r="AQ169" s="333"/>
      <c r="AR169" s="333"/>
      <c r="AS169" s="333"/>
      <c r="AT169" s="333"/>
      <c r="AU169" s="333"/>
      <c r="AV169" s="333"/>
      <c r="AW169" s="333"/>
      <c r="AX169" s="333"/>
      <c r="AY169" s="333"/>
      <c r="AZ169" s="333"/>
      <c r="BA169" s="333"/>
      <c r="BB169" s="333"/>
      <c r="BC169" s="333"/>
      <c r="BD169" s="333"/>
      <c r="BE169" s="333"/>
    </row>
    <row r="170" spans="1:57" s="334" customFormat="1" ht="69.900000000000006" customHeight="1" x14ac:dyDescent="0.2">
      <c r="A170" s="335" t="s">
        <v>100</v>
      </c>
      <c r="B170" s="336"/>
      <c r="C170" s="336"/>
      <c r="D170" s="336"/>
      <c r="E170" s="336"/>
      <c r="F170" s="336"/>
      <c r="G170" s="336"/>
      <c r="H170" s="336"/>
      <c r="I170" s="336"/>
      <c r="J170" s="336"/>
      <c r="K170" s="336"/>
      <c r="L170" s="336"/>
      <c r="M170" s="336"/>
      <c r="N170" s="336"/>
      <c r="O170" s="336"/>
      <c r="P170" s="336"/>
      <c r="Q170" s="337"/>
      <c r="R170" s="329"/>
      <c r="S170" s="330"/>
      <c r="T170" s="331"/>
      <c r="U170" s="332"/>
      <c r="V170" s="333"/>
      <c r="W170" s="333"/>
      <c r="X170" s="333"/>
      <c r="Y170" s="333"/>
      <c r="Z170" s="333"/>
      <c r="AA170" s="333"/>
      <c r="AB170" s="333"/>
      <c r="AC170" s="333"/>
      <c r="AD170" s="333"/>
      <c r="AE170" s="333"/>
      <c r="AF170" s="333"/>
      <c r="AG170" s="333"/>
      <c r="AH170" s="333"/>
      <c r="AI170" s="333"/>
      <c r="AJ170" s="333"/>
      <c r="AK170" s="333"/>
      <c r="AL170" s="333"/>
      <c r="AM170" s="333"/>
      <c r="AN170" s="333"/>
      <c r="AO170" s="333"/>
      <c r="AP170" s="333"/>
      <c r="AQ170" s="333"/>
      <c r="AR170" s="333"/>
      <c r="AS170" s="333"/>
      <c r="AT170" s="333"/>
      <c r="AU170" s="333"/>
      <c r="AV170" s="333"/>
      <c r="AW170" s="333"/>
      <c r="AX170" s="333"/>
      <c r="AY170" s="333"/>
      <c r="AZ170" s="333"/>
      <c r="BA170" s="333"/>
      <c r="BB170" s="333"/>
      <c r="BC170" s="333"/>
      <c r="BD170" s="333"/>
      <c r="BE170" s="333"/>
    </row>
    <row r="171" spans="1:57" s="311" customFormat="1" ht="69.900000000000006" customHeight="1" x14ac:dyDescent="0.2">
      <c r="A171" s="284" t="s">
        <v>28</v>
      </c>
      <c r="B171" s="150"/>
      <c r="C171" s="150"/>
      <c r="D171" s="150"/>
      <c r="E171" s="150"/>
      <c r="F171" s="150"/>
      <c r="G171" s="150"/>
      <c r="H171" s="150"/>
      <c r="I171" s="150"/>
      <c r="J171" s="150"/>
      <c r="K171" s="150"/>
      <c r="L171" s="150"/>
      <c r="M171" s="150"/>
      <c r="N171" s="150"/>
      <c r="O171" s="150"/>
      <c r="P171" s="150"/>
      <c r="Q171" s="177"/>
      <c r="R171" s="320"/>
      <c r="S171" s="307"/>
      <c r="T171" s="321"/>
      <c r="U171" s="322"/>
    </row>
    <row r="172" spans="1:57" s="311" customFormat="1" ht="75" customHeight="1" x14ac:dyDescent="0.2">
      <c r="A172" s="338"/>
      <c r="B172" s="339"/>
      <c r="C172" s="339"/>
      <c r="D172" s="339"/>
      <c r="E172" s="339"/>
      <c r="F172" s="339"/>
      <c r="G172" s="339"/>
      <c r="H172" s="339"/>
      <c r="I172" s="339"/>
      <c r="J172" s="339"/>
      <c r="K172" s="339"/>
      <c r="L172" s="340"/>
      <c r="M172" s="339"/>
      <c r="N172" s="339"/>
      <c r="O172" s="339"/>
      <c r="P172" s="339"/>
      <c r="Q172" s="341"/>
      <c r="R172" s="306"/>
      <c r="S172" s="307"/>
      <c r="T172" s="342"/>
      <c r="U172" s="322"/>
    </row>
    <row r="173" spans="1:57" s="311" customFormat="1" ht="75" customHeight="1" thickBot="1" x14ac:dyDescent="0.25">
      <c r="A173" s="343"/>
      <c r="B173" s="344"/>
      <c r="C173" s="344"/>
      <c r="D173" s="344"/>
      <c r="E173" s="344"/>
      <c r="F173" s="344"/>
      <c r="G173" s="344"/>
      <c r="H173" s="344"/>
      <c r="I173" s="344"/>
      <c r="J173" s="344"/>
      <c r="K173" s="344"/>
      <c r="L173" s="345"/>
      <c r="M173" s="344"/>
      <c r="N173" s="344"/>
      <c r="O173" s="344"/>
      <c r="P173" s="344"/>
      <c r="Q173" s="346"/>
      <c r="R173" s="306"/>
      <c r="S173" s="307"/>
      <c r="T173" s="79"/>
      <c r="U173" s="322"/>
    </row>
    <row r="174" spans="1:57" s="18" customFormat="1" ht="69.900000000000006" customHeight="1" thickBot="1" x14ac:dyDescent="0.25">
      <c r="A174" s="84" t="s">
        <v>112</v>
      </c>
      <c r="B174" s="85"/>
      <c r="C174" s="85"/>
      <c r="D174" s="85"/>
      <c r="E174" s="85"/>
      <c r="F174" s="85"/>
      <c r="G174" s="85"/>
      <c r="H174" s="85"/>
      <c r="I174" s="85"/>
      <c r="J174" s="85"/>
      <c r="K174" s="85"/>
      <c r="L174" s="86"/>
      <c r="M174" s="85"/>
      <c r="N174" s="85"/>
      <c r="O174" s="85"/>
      <c r="P174" s="85"/>
      <c r="Q174" s="87"/>
      <c r="R174" s="55"/>
      <c r="S174" s="43"/>
      <c r="T174" s="97"/>
      <c r="U174" s="105"/>
      <c r="V174" s="98"/>
      <c r="W174" s="98"/>
      <c r="X174" s="98"/>
      <c r="Y174" s="106"/>
      <c r="Z174" s="106"/>
      <c r="AA174" s="106"/>
      <c r="AB174" s="106"/>
      <c r="AC174" s="106"/>
      <c r="AD174" s="106"/>
      <c r="AE174" s="106"/>
      <c r="AF174" s="106"/>
      <c r="AG174" s="106"/>
      <c r="AH174" s="106"/>
      <c r="AI174" s="106"/>
      <c r="AJ174" s="106"/>
      <c r="AK174" s="106"/>
      <c r="AL174" s="106"/>
      <c r="AM174" s="106"/>
      <c r="AN174" s="106"/>
      <c r="AO174" s="98"/>
      <c r="AP174" s="98"/>
      <c r="AQ174" s="98"/>
      <c r="AR174" s="98"/>
      <c r="AS174" s="98"/>
      <c r="AT174" s="98"/>
      <c r="AU174" s="98"/>
      <c r="AV174" s="98"/>
      <c r="AW174" s="98"/>
      <c r="AX174" s="98"/>
      <c r="AY174" s="98"/>
      <c r="AZ174" s="98"/>
      <c r="BA174" s="98"/>
      <c r="BB174" s="98"/>
      <c r="BC174" s="98"/>
      <c r="BD174" s="98"/>
      <c r="BE174" s="98"/>
    </row>
    <row r="175" spans="1:57" s="57" customFormat="1" ht="307.95" customHeight="1" thickTop="1" thickBot="1" x14ac:dyDescent="0.25">
      <c r="A175" s="88" t="s">
        <v>113</v>
      </c>
      <c r="B175" s="89"/>
      <c r="C175" s="89"/>
      <c r="D175" s="89"/>
      <c r="E175" s="89"/>
      <c r="F175" s="89"/>
      <c r="G175" s="89"/>
      <c r="H175" s="89"/>
      <c r="I175" s="89"/>
      <c r="J175" s="89"/>
      <c r="K175" s="89"/>
      <c r="L175" s="90"/>
      <c r="M175" s="89"/>
      <c r="N175" s="89"/>
      <c r="O175" s="347" t="s">
        <v>20</v>
      </c>
      <c r="P175" s="348" t="s">
        <v>21</v>
      </c>
      <c r="Q175" s="349" t="s">
        <v>22</v>
      </c>
      <c r="R175" s="55"/>
      <c r="S175" s="43"/>
      <c r="T175" s="56"/>
      <c r="U175" s="105"/>
      <c r="V175" s="106"/>
      <c r="W175" s="106"/>
      <c r="X175" s="106"/>
      <c r="Y175" s="350"/>
      <c r="Z175" s="350"/>
      <c r="AA175" s="350"/>
      <c r="AB175" s="350"/>
      <c r="AC175" s="350"/>
      <c r="AD175" s="350"/>
      <c r="AE175" s="350"/>
      <c r="AF175" s="350"/>
      <c r="AG175" s="350"/>
      <c r="AH175" s="350"/>
      <c r="AI175" s="350"/>
      <c r="AJ175" s="350"/>
      <c r="AK175" s="350"/>
      <c r="AL175" s="350"/>
      <c r="AM175" s="350"/>
      <c r="AN175" s="350"/>
      <c r="AO175" s="106"/>
      <c r="AP175" s="106"/>
      <c r="AQ175" s="106"/>
      <c r="AR175" s="106"/>
      <c r="AS175" s="106"/>
      <c r="AT175" s="106"/>
      <c r="AU175" s="106"/>
      <c r="AV175" s="106"/>
      <c r="AW175" s="106"/>
      <c r="AX175" s="106"/>
      <c r="AY175" s="106"/>
      <c r="AZ175" s="106"/>
      <c r="BA175" s="106"/>
      <c r="BB175" s="106"/>
      <c r="BC175" s="106"/>
      <c r="BD175" s="106"/>
      <c r="BE175" s="106"/>
    </row>
    <row r="176" spans="1:57" s="57" customFormat="1" ht="201" customHeight="1" thickTop="1" thickBot="1" x14ac:dyDescent="0.25">
      <c r="A176" s="58" t="s">
        <v>114</v>
      </c>
      <c r="B176" s="59"/>
      <c r="C176" s="59"/>
      <c r="D176" s="59"/>
      <c r="E176" s="59"/>
      <c r="F176" s="59"/>
      <c r="G176" s="59"/>
      <c r="H176" s="59"/>
      <c r="I176" s="59"/>
      <c r="J176" s="59"/>
      <c r="K176" s="59"/>
      <c r="L176" s="60"/>
      <c r="M176" s="59"/>
      <c r="N176" s="59"/>
      <c r="O176" s="52" t="s">
        <v>24</v>
      </c>
      <c r="P176" s="351" t="s">
        <v>25</v>
      </c>
      <c r="Q176" s="62" t="s">
        <v>22</v>
      </c>
      <c r="R176" s="55"/>
      <c r="S176" s="43"/>
      <c r="T176" s="56"/>
      <c r="U176" s="105"/>
      <c r="V176" s="106"/>
      <c r="W176" s="106"/>
      <c r="X176" s="106"/>
      <c r="Y176" s="98"/>
      <c r="Z176" s="98"/>
      <c r="AA176" s="98"/>
      <c r="AB176" s="98"/>
      <c r="AC176" s="98"/>
      <c r="AD176" s="98"/>
      <c r="AE176" s="98"/>
      <c r="AF176" s="98"/>
      <c r="AG176" s="98"/>
      <c r="AH176" s="98"/>
      <c r="AI176" s="98"/>
      <c r="AJ176" s="98"/>
      <c r="AK176" s="98"/>
      <c r="AL176" s="98"/>
      <c r="AM176" s="98"/>
      <c r="AN176" s="98"/>
      <c r="AO176" s="106"/>
      <c r="AP176" s="106"/>
      <c r="AQ176" s="106"/>
      <c r="AR176" s="106"/>
      <c r="AS176" s="106"/>
      <c r="AT176" s="106"/>
      <c r="AU176" s="106"/>
      <c r="AV176" s="106"/>
      <c r="AW176" s="106"/>
      <c r="AX176" s="106"/>
      <c r="AY176" s="106"/>
      <c r="AZ176" s="106"/>
      <c r="BA176" s="106"/>
      <c r="BB176" s="106"/>
      <c r="BC176" s="106"/>
      <c r="BD176" s="106"/>
      <c r="BE176" s="106"/>
    </row>
    <row r="177" spans="1:57" s="353" customFormat="1" ht="140.1" customHeight="1" thickTop="1" thickBot="1" x14ac:dyDescent="0.25">
      <c r="A177" s="63" t="s">
        <v>115</v>
      </c>
      <c r="B177" s="64"/>
      <c r="C177" s="64"/>
      <c r="D177" s="64"/>
      <c r="E177" s="64"/>
      <c r="F177" s="64"/>
      <c r="G177" s="64"/>
      <c r="H177" s="64"/>
      <c r="I177" s="64"/>
      <c r="J177" s="64"/>
      <c r="K177" s="64"/>
      <c r="L177" s="65"/>
      <c r="M177" s="64"/>
      <c r="N177" s="64"/>
      <c r="O177" s="52" t="s">
        <v>20</v>
      </c>
      <c r="P177" s="52" t="s">
        <v>21</v>
      </c>
      <c r="Q177" s="112" t="s">
        <v>22</v>
      </c>
      <c r="R177" s="55"/>
      <c r="S177" s="352"/>
      <c r="T177" s="56"/>
      <c r="U177" s="105"/>
      <c r="V177" s="350"/>
      <c r="W177" s="350"/>
      <c r="X177" s="350"/>
      <c r="Y177" s="106"/>
      <c r="Z177" s="106"/>
      <c r="AA177" s="106"/>
      <c r="AB177" s="106"/>
      <c r="AC177" s="106"/>
      <c r="AD177" s="106"/>
      <c r="AE177" s="106"/>
      <c r="AF177" s="106"/>
      <c r="AG177" s="106"/>
      <c r="AH177" s="106"/>
      <c r="AI177" s="106"/>
      <c r="AJ177" s="106"/>
      <c r="AK177" s="106"/>
      <c r="AL177" s="106"/>
      <c r="AM177" s="106"/>
      <c r="AN177" s="106"/>
      <c r="AO177" s="350"/>
      <c r="AP177" s="350"/>
      <c r="AQ177" s="350"/>
      <c r="AR177" s="350"/>
      <c r="AS177" s="350"/>
      <c r="AT177" s="350"/>
      <c r="AU177" s="350"/>
      <c r="AV177" s="350"/>
      <c r="AW177" s="350"/>
      <c r="AX177" s="350"/>
      <c r="AY177" s="350"/>
      <c r="AZ177" s="350"/>
      <c r="BA177" s="350"/>
      <c r="BB177" s="350"/>
      <c r="BC177" s="350"/>
      <c r="BD177" s="350"/>
      <c r="BE177" s="350"/>
    </row>
    <row r="178" spans="1:57" s="18" customFormat="1" ht="69.900000000000006" customHeight="1" thickTop="1" x14ac:dyDescent="0.2">
      <c r="A178" s="70" t="s">
        <v>28</v>
      </c>
      <c r="B178" s="71"/>
      <c r="C178" s="71"/>
      <c r="D178" s="71"/>
      <c r="E178" s="71"/>
      <c r="F178" s="71"/>
      <c r="G178" s="71"/>
      <c r="H178" s="71"/>
      <c r="I178" s="71"/>
      <c r="J178" s="71"/>
      <c r="K178" s="71"/>
      <c r="L178" s="72"/>
      <c r="M178" s="71"/>
      <c r="N178" s="71"/>
      <c r="O178" s="71"/>
      <c r="P178" s="71"/>
      <c r="Q178" s="73"/>
      <c r="R178" s="42"/>
      <c r="S178" s="43"/>
      <c r="T178" s="74"/>
      <c r="U178" s="45"/>
    </row>
    <row r="179" spans="1:57" s="57" customFormat="1" ht="75" customHeight="1" x14ac:dyDescent="0.2">
      <c r="A179" s="75"/>
      <c r="B179" s="76"/>
      <c r="C179" s="76"/>
      <c r="D179" s="76"/>
      <c r="E179" s="76"/>
      <c r="F179" s="76"/>
      <c r="G179" s="76"/>
      <c r="H179" s="76"/>
      <c r="I179" s="76"/>
      <c r="J179" s="76"/>
      <c r="K179" s="76"/>
      <c r="L179" s="77"/>
      <c r="M179" s="76"/>
      <c r="N179" s="76"/>
      <c r="O179" s="76"/>
      <c r="P179" s="76"/>
      <c r="Q179" s="78"/>
      <c r="R179" s="55"/>
      <c r="S179" s="43"/>
      <c r="T179" s="79"/>
      <c r="U179" s="45"/>
    </row>
    <row r="180" spans="1:57" s="57" customFormat="1" ht="75" customHeight="1" thickBot="1" x14ac:dyDescent="0.25">
      <c r="A180" s="80"/>
      <c r="B180" s="81"/>
      <c r="C180" s="81"/>
      <c r="D180" s="81"/>
      <c r="E180" s="81"/>
      <c r="F180" s="81"/>
      <c r="G180" s="81"/>
      <c r="H180" s="81"/>
      <c r="I180" s="81"/>
      <c r="J180" s="81"/>
      <c r="K180" s="81"/>
      <c r="L180" s="82"/>
      <c r="M180" s="81"/>
      <c r="N180" s="81"/>
      <c r="O180" s="81"/>
      <c r="P180" s="81"/>
      <c r="Q180" s="83"/>
      <c r="R180" s="55"/>
      <c r="S180" s="43"/>
      <c r="T180" s="136"/>
      <c r="U180" s="45"/>
    </row>
    <row r="181" spans="1:57" s="18" customFormat="1" ht="69.900000000000006" customHeight="1" thickBot="1" x14ac:dyDescent="0.25">
      <c r="A181" s="354" t="s">
        <v>116</v>
      </c>
      <c r="B181" s="355"/>
      <c r="C181" s="355"/>
      <c r="D181" s="355"/>
      <c r="E181" s="355"/>
      <c r="F181" s="355"/>
      <c r="G181" s="355"/>
      <c r="H181" s="355"/>
      <c r="I181" s="355"/>
      <c r="J181" s="355"/>
      <c r="K181" s="355"/>
      <c r="L181" s="356"/>
      <c r="M181" s="355"/>
      <c r="N181" s="355"/>
      <c r="O181" s="355"/>
      <c r="P181" s="355"/>
      <c r="Q181" s="357"/>
      <c r="R181" s="55"/>
      <c r="S181" s="43"/>
      <c r="T181" s="27"/>
      <c r="U181" s="105"/>
      <c r="V181" s="98"/>
      <c r="W181" s="98"/>
      <c r="X181" s="98"/>
      <c r="Y181" s="106"/>
      <c r="Z181" s="106"/>
      <c r="AA181" s="106"/>
      <c r="AB181" s="106"/>
      <c r="AC181" s="106"/>
      <c r="AD181" s="106"/>
      <c r="AE181" s="106"/>
      <c r="AF181" s="106"/>
      <c r="AG181" s="106"/>
      <c r="AH181" s="106"/>
      <c r="AI181" s="106"/>
      <c r="AJ181" s="106"/>
      <c r="AK181" s="106"/>
      <c r="AL181" s="106"/>
      <c r="AM181" s="106"/>
      <c r="AN181" s="106"/>
      <c r="AO181" s="98"/>
      <c r="AP181" s="98"/>
      <c r="AQ181" s="98"/>
      <c r="AR181" s="98"/>
      <c r="AS181" s="98"/>
      <c r="AT181" s="98"/>
      <c r="AU181" s="98"/>
      <c r="AV181" s="98"/>
      <c r="AW181" s="98"/>
      <c r="AX181" s="98"/>
      <c r="AY181" s="98"/>
      <c r="AZ181" s="98"/>
      <c r="BA181" s="98"/>
      <c r="BB181" s="98"/>
      <c r="BC181" s="98"/>
      <c r="BD181" s="98"/>
      <c r="BE181" s="98"/>
    </row>
    <row r="182" spans="1:57" s="57" customFormat="1" ht="132" customHeight="1" thickTop="1" thickBot="1" x14ac:dyDescent="0.25">
      <c r="A182" s="272" t="s">
        <v>117</v>
      </c>
      <c r="B182" s="101"/>
      <c r="C182" s="101"/>
      <c r="D182" s="101"/>
      <c r="E182" s="101"/>
      <c r="F182" s="101"/>
      <c r="G182" s="101"/>
      <c r="H182" s="101"/>
      <c r="I182" s="101"/>
      <c r="J182" s="101"/>
      <c r="K182" s="101"/>
      <c r="L182" s="101"/>
      <c r="M182" s="273"/>
      <c r="N182" s="144" t="s">
        <v>27</v>
      </c>
      <c r="O182" s="175" t="s">
        <v>20</v>
      </c>
      <c r="P182" s="175" t="s">
        <v>21</v>
      </c>
      <c r="Q182" s="176" t="s">
        <v>22</v>
      </c>
      <c r="R182" s="55"/>
      <c r="S182" s="43"/>
      <c r="T182" s="56"/>
      <c r="U182" s="105"/>
      <c r="V182" s="106"/>
      <c r="W182" s="106"/>
      <c r="X182" s="106"/>
      <c r="Y182" s="106"/>
      <c r="Z182" s="106"/>
      <c r="AA182" s="106"/>
      <c r="AB182" s="106"/>
      <c r="AC182" s="106"/>
      <c r="AD182" s="106"/>
      <c r="AE182" s="106"/>
      <c r="AF182" s="106"/>
      <c r="AG182" s="106"/>
      <c r="AH182" s="106"/>
      <c r="AI182" s="106"/>
      <c r="AJ182" s="106"/>
      <c r="AK182" s="106"/>
      <c r="AL182" s="106"/>
      <c r="AM182" s="106"/>
      <c r="AN182" s="106"/>
      <c r="AO182" s="106"/>
      <c r="AP182" s="106"/>
      <c r="AQ182" s="106"/>
      <c r="AR182" s="106"/>
      <c r="AS182" s="106"/>
      <c r="AT182" s="106"/>
      <c r="AU182" s="106"/>
      <c r="AV182" s="106"/>
      <c r="AW182" s="106"/>
      <c r="AX182" s="106"/>
      <c r="AY182" s="106"/>
      <c r="AZ182" s="106"/>
      <c r="BA182" s="106"/>
      <c r="BB182" s="106"/>
      <c r="BC182" s="106"/>
      <c r="BD182" s="106"/>
      <c r="BE182" s="106"/>
    </row>
    <row r="183" spans="1:57" s="18" customFormat="1" ht="69.599999999999994" customHeight="1" thickTop="1" x14ac:dyDescent="0.2">
      <c r="A183" s="212" t="s">
        <v>55</v>
      </c>
      <c r="B183" s="213"/>
      <c r="C183" s="213"/>
      <c r="D183" s="213"/>
      <c r="E183" s="213"/>
      <c r="F183" s="213"/>
      <c r="G183" s="213"/>
      <c r="H183" s="213"/>
      <c r="I183" s="213"/>
      <c r="J183" s="213"/>
      <c r="K183" s="213"/>
      <c r="L183" s="214"/>
      <c r="M183" s="213"/>
      <c r="N183" s="213"/>
      <c r="O183" s="213"/>
      <c r="P183" s="213"/>
      <c r="Q183" s="215"/>
      <c r="R183" s="42"/>
      <c r="S183" s="43"/>
      <c r="T183" s="74"/>
      <c r="U183" s="45"/>
    </row>
    <row r="184" spans="1:57" s="18" customFormat="1" ht="69.599999999999994" customHeight="1" x14ac:dyDescent="0.2">
      <c r="A184" s="216" t="s">
        <v>106</v>
      </c>
      <c r="B184" s="217"/>
      <c r="C184" s="217"/>
      <c r="D184" s="217"/>
      <c r="E184" s="217"/>
      <c r="F184" s="217"/>
      <c r="G184" s="217"/>
      <c r="H184" s="217"/>
      <c r="I184" s="217"/>
      <c r="J184" s="217"/>
      <c r="K184" s="217"/>
      <c r="L184" s="217"/>
      <c r="M184" s="217"/>
      <c r="N184" s="217"/>
      <c r="O184" s="217"/>
      <c r="P184" s="217"/>
      <c r="Q184" s="218"/>
      <c r="R184" s="42"/>
      <c r="S184" s="43"/>
      <c r="T184" s="74"/>
      <c r="U184" s="45"/>
    </row>
    <row r="185" spans="1:57" s="191" customFormat="1" ht="69.599999999999994" customHeight="1" x14ac:dyDescent="0.2">
      <c r="A185" s="302" t="s">
        <v>118</v>
      </c>
      <c r="B185" s="303"/>
      <c r="C185" s="303"/>
      <c r="D185" s="303"/>
      <c r="E185" s="303"/>
      <c r="F185" s="303"/>
      <c r="G185" s="303"/>
      <c r="H185" s="303"/>
      <c r="I185" s="303"/>
      <c r="J185" s="303"/>
      <c r="K185" s="303"/>
      <c r="L185" s="303"/>
      <c r="M185" s="303"/>
      <c r="N185" s="303"/>
      <c r="O185" s="303"/>
      <c r="P185" s="303"/>
      <c r="Q185" s="304"/>
      <c r="R185" s="186"/>
      <c r="S185" s="187"/>
      <c r="T185" s="188"/>
      <c r="U185" s="189"/>
      <c r="V185" s="190"/>
      <c r="W185" s="190"/>
      <c r="X185" s="190"/>
      <c r="Y185" s="190"/>
      <c r="Z185" s="190"/>
      <c r="AA185" s="190"/>
      <c r="AB185" s="190"/>
      <c r="AC185" s="190"/>
      <c r="AD185" s="190"/>
      <c r="AE185" s="190"/>
      <c r="AF185" s="190"/>
      <c r="AG185" s="190"/>
      <c r="AH185" s="190"/>
      <c r="AI185" s="190"/>
      <c r="AJ185" s="190"/>
      <c r="AK185" s="190"/>
      <c r="AL185" s="190"/>
      <c r="AM185" s="190"/>
      <c r="AN185" s="190"/>
      <c r="AO185" s="190"/>
      <c r="AP185" s="190"/>
      <c r="AQ185" s="190"/>
      <c r="AR185" s="190"/>
      <c r="AS185" s="190"/>
      <c r="AT185" s="190"/>
      <c r="AU185" s="190"/>
      <c r="AV185" s="190"/>
      <c r="AW185" s="190"/>
      <c r="AX185" s="190"/>
      <c r="AY185" s="190"/>
      <c r="AZ185" s="190"/>
      <c r="BA185" s="190"/>
      <c r="BB185" s="190"/>
      <c r="BC185" s="190"/>
      <c r="BD185" s="190"/>
      <c r="BE185" s="190"/>
    </row>
    <row r="186" spans="1:57" s="191" customFormat="1" ht="69.599999999999994" customHeight="1" x14ac:dyDescent="0.2">
      <c r="A186" s="358" t="s">
        <v>119</v>
      </c>
      <c r="B186" s="359"/>
      <c r="C186" s="359"/>
      <c r="D186" s="359"/>
      <c r="E186" s="359"/>
      <c r="F186" s="359"/>
      <c r="G186" s="359"/>
      <c r="H186" s="359"/>
      <c r="I186" s="359"/>
      <c r="J186" s="359"/>
      <c r="K186" s="359"/>
      <c r="L186" s="359"/>
      <c r="M186" s="359"/>
      <c r="N186" s="359"/>
      <c r="O186" s="359"/>
      <c r="P186" s="359"/>
      <c r="Q186" s="360"/>
      <c r="R186" s="186"/>
      <c r="S186" s="187"/>
      <c r="T186" s="188"/>
      <c r="U186" s="189"/>
      <c r="V186" s="190"/>
      <c r="W186" s="190"/>
      <c r="X186" s="190"/>
      <c r="Y186" s="190"/>
      <c r="Z186" s="190"/>
      <c r="AA186" s="190"/>
      <c r="AB186" s="190"/>
      <c r="AC186" s="190"/>
      <c r="AD186" s="190"/>
      <c r="AE186" s="190"/>
      <c r="AF186" s="190"/>
      <c r="AG186" s="190"/>
      <c r="AH186" s="190"/>
      <c r="AI186" s="190"/>
      <c r="AJ186" s="190"/>
      <c r="AK186" s="190"/>
      <c r="AL186" s="190"/>
      <c r="AM186" s="190"/>
      <c r="AN186" s="190"/>
      <c r="AO186" s="190"/>
      <c r="AP186" s="190"/>
      <c r="AQ186" s="190"/>
      <c r="AR186" s="190"/>
      <c r="AS186" s="190"/>
      <c r="AT186" s="190"/>
      <c r="AU186" s="190"/>
      <c r="AV186" s="190"/>
      <c r="AW186" s="190"/>
      <c r="AX186" s="190"/>
      <c r="AY186" s="190"/>
      <c r="AZ186" s="190"/>
      <c r="BA186" s="190"/>
      <c r="BB186" s="190"/>
      <c r="BC186" s="190"/>
      <c r="BD186" s="190"/>
      <c r="BE186" s="190"/>
    </row>
    <row r="187" spans="1:57" s="191" customFormat="1" ht="69.599999999999994" customHeight="1" thickBot="1" x14ac:dyDescent="0.25">
      <c r="A187" s="236" t="s">
        <v>100</v>
      </c>
      <c r="B187" s="237"/>
      <c r="C187" s="237"/>
      <c r="D187" s="237"/>
      <c r="E187" s="237"/>
      <c r="F187" s="237"/>
      <c r="G187" s="237"/>
      <c r="H187" s="237"/>
      <c r="I187" s="237"/>
      <c r="J187" s="237"/>
      <c r="K187" s="237"/>
      <c r="L187" s="237"/>
      <c r="M187" s="237"/>
      <c r="N187" s="237"/>
      <c r="O187" s="237"/>
      <c r="P187" s="237"/>
      <c r="Q187" s="361"/>
      <c r="R187" s="186"/>
      <c r="S187" s="187"/>
      <c r="T187" s="188"/>
      <c r="U187" s="189"/>
      <c r="V187" s="190"/>
      <c r="W187" s="190"/>
      <c r="X187" s="190"/>
      <c r="Y187" s="190"/>
      <c r="Z187" s="190"/>
      <c r="AA187" s="190"/>
      <c r="AB187" s="190"/>
      <c r="AC187" s="190"/>
      <c r="AD187" s="190"/>
      <c r="AE187" s="190"/>
      <c r="AF187" s="190"/>
      <c r="AG187" s="190"/>
      <c r="AH187" s="190"/>
      <c r="AI187" s="190"/>
      <c r="AJ187" s="190"/>
      <c r="AK187" s="190"/>
      <c r="AL187" s="190"/>
      <c r="AM187" s="190"/>
      <c r="AN187" s="190"/>
      <c r="AO187" s="190"/>
      <c r="AP187" s="190"/>
      <c r="AQ187" s="190"/>
      <c r="AR187" s="190"/>
      <c r="AS187" s="190"/>
      <c r="AT187" s="190"/>
      <c r="AU187" s="190"/>
      <c r="AV187" s="190"/>
      <c r="AW187" s="190"/>
      <c r="AX187" s="190"/>
      <c r="AY187" s="190"/>
      <c r="AZ187" s="190"/>
      <c r="BA187" s="190"/>
      <c r="BB187" s="190"/>
      <c r="BC187" s="190"/>
      <c r="BD187" s="190"/>
      <c r="BE187" s="190"/>
    </row>
    <row r="188" spans="1:57" s="57" customFormat="1" ht="216" customHeight="1" thickTop="1" thickBot="1" x14ac:dyDescent="0.25">
      <c r="A188" s="99" t="s">
        <v>120</v>
      </c>
      <c r="B188" s="101"/>
      <c r="C188" s="101"/>
      <c r="D188" s="101"/>
      <c r="E188" s="101"/>
      <c r="F188" s="101"/>
      <c r="G188" s="101"/>
      <c r="H188" s="101"/>
      <c r="I188" s="101"/>
      <c r="J188" s="101"/>
      <c r="K188" s="101"/>
      <c r="L188" s="101"/>
      <c r="M188" s="273"/>
      <c r="N188" s="362" t="s">
        <v>27</v>
      </c>
      <c r="O188" s="52" t="s">
        <v>20</v>
      </c>
      <c r="P188" s="52" t="s">
        <v>21</v>
      </c>
      <c r="Q188" s="112" t="s">
        <v>22</v>
      </c>
      <c r="R188" s="55"/>
      <c r="S188" s="43"/>
      <c r="T188" s="56"/>
      <c r="U188" s="105"/>
      <c r="V188" s="106"/>
      <c r="W188" s="106"/>
      <c r="X188" s="106"/>
      <c r="Y188" s="98"/>
      <c r="Z188" s="98"/>
      <c r="AA188" s="98"/>
      <c r="AB188" s="98"/>
      <c r="AC188" s="98"/>
      <c r="AD188" s="98"/>
      <c r="AE188" s="98"/>
      <c r="AF188" s="98"/>
      <c r="AG188" s="98"/>
      <c r="AH188" s="98"/>
      <c r="AI188" s="98"/>
      <c r="AJ188" s="98"/>
      <c r="AK188" s="98"/>
      <c r="AL188" s="98"/>
      <c r="AM188" s="98"/>
      <c r="AN188" s="98"/>
      <c r="AO188" s="106"/>
      <c r="AP188" s="106"/>
      <c r="AQ188" s="106"/>
      <c r="AR188" s="106"/>
      <c r="AS188" s="106"/>
      <c r="AT188" s="106"/>
      <c r="AU188" s="106"/>
      <c r="AV188" s="106"/>
      <c r="AW188" s="106"/>
      <c r="AX188" s="106"/>
      <c r="AY188" s="106"/>
      <c r="AZ188" s="106"/>
      <c r="BA188" s="106"/>
      <c r="BB188" s="106"/>
      <c r="BC188" s="106"/>
      <c r="BD188" s="106"/>
      <c r="BE188" s="106"/>
    </row>
    <row r="189" spans="1:57" s="18" customFormat="1" ht="69.599999999999994" customHeight="1" thickTop="1" x14ac:dyDescent="0.2">
      <c r="A189" s="70" t="s">
        <v>28</v>
      </c>
      <c r="B189" s="71"/>
      <c r="C189" s="71"/>
      <c r="D189" s="71"/>
      <c r="E189" s="71"/>
      <c r="F189" s="71"/>
      <c r="G189" s="71"/>
      <c r="H189" s="71"/>
      <c r="I189" s="71"/>
      <c r="J189" s="71"/>
      <c r="K189" s="71"/>
      <c r="L189" s="72"/>
      <c r="M189" s="71"/>
      <c r="N189" s="71"/>
      <c r="O189" s="71"/>
      <c r="P189" s="71"/>
      <c r="Q189" s="73"/>
      <c r="R189" s="42"/>
      <c r="S189" s="43"/>
      <c r="T189" s="74"/>
      <c r="U189" s="45"/>
    </row>
    <row r="190" spans="1:57" s="57" customFormat="1" ht="75" customHeight="1" x14ac:dyDescent="0.2">
      <c r="A190" s="75"/>
      <c r="B190" s="76"/>
      <c r="C190" s="76"/>
      <c r="D190" s="76"/>
      <c r="E190" s="76"/>
      <c r="F190" s="76"/>
      <c r="G190" s="76"/>
      <c r="H190" s="76"/>
      <c r="I190" s="76"/>
      <c r="J190" s="76"/>
      <c r="K190" s="76"/>
      <c r="L190" s="77"/>
      <c r="M190" s="76"/>
      <c r="N190" s="76"/>
      <c r="O190" s="76"/>
      <c r="P190" s="76"/>
      <c r="Q190" s="78"/>
      <c r="R190" s="55"/>
      <c r="S190" s="43"/>
      <c r="T190" s="79"/>
      <c r="U190" s="45"/>
    </row>
    <row r="191" spans="1:57" s="57" customFormat="1" ht="75" customHeight="1" thickBot="1" x14ac:dyDescent="0.25">
      <c r="A191" s="80"/>
      <c r="B191" s="81"/>
      <c r="C191" s="81"/>
      <c r="D191" s="81"/>
      <c r="E191" s="81"/>
      <c r="F191" s="81"/>
      <c r="G191" s="81"/>
      <c r="H191" s="81"/>
      <c r="I191" s="81"/>
      <c r="J191" s="81"/>
      <c r="K191" s="81"/>
      <c r="L191" s="82"/>
      <c r="M191" s="81"/>
      <c r="N191" s="81"/>
      <c r="O191" s="81"/>
      <c r="P191" s="81"/>
      <c r="Q191" s="83"/>
      <c r="R191" s="55"/>
      <c r="S191" s="43"/>
      <c r="T191" s="113"/>
      <c r="U191" s="45"/>
    </row>
    <row r="192" spans="1:57" s="18" customFormat="1" ht="69.900000000000006" customHeight="1" thickBot="1" x14ac:dyDescent="0.25">
      <c r="A192" s="354" t="s">
        <v>121</v>
      </c>
      <c r="B192" s="356"/>
      <c r="C192" s="356"/>
      <c r="D192" s="356"/>
      <c r="E192" s="356"/>
      <c r="F192" s="356"/>
      <c r="G192" s="356"/>
      <c r="H192" s="356"/>
      <c r="I192" s="356"/>
      <c r="J192" s="356"/>
      <c r="K192" s="356"/>
      <c r="L192" s="356"/>
      <c r="M192" s="356"/>
      <c r="N192" s="356"/>
      <c r="O192" s="356"/>
      <c r="P192" s="356"/>
      <c r="Q192" s="363"/>
      <c r="R192" s="55"/>
      <c r="S192" s="43"/>
      <c r="T192" s="114" t="s">
        <v>122</v>
      </c>
      <c r="U192" s="105"/>
      <c r="V192" s="98"/>
      <c r="W192" s="98"/>
      <c r="X192" s="98"/>
      <c r="Y192" s="98"/>
      <c r="Z192" s="98"/>
      <c r="AA192" s="98"/>
      <c r="AB192" s="98"/>
      <c r="AC192" s="98"/>
      <c r="AD192" s="98"/>
      <c r="AE192" s="98"/>
      <c r="AF192" s="98"/>
      <c r="AG192" s="98"/>
      <c r="AH192" s="98"/>
      <c r="AI192" s="98"/>
      <c r="AJ192" s="98"/>
      <c r="AK192" s="98"/>
      <c r="AL192" s="98"/>
      <c r="AM192" s="98"/>
      <c r="AN192" s="98"/>
      <c r="AO192" s="98"/>
      <c r="AP192" s="98"/>
      <c r="AQ192" s="98"/>
      <c r="AR192" s="98"/>
      <c r="AS192" s="98"/>
      <c r="AT192" s="98"/>
      <c r="AU192" s="98"/>
      <c r="AV192" s="98"/>
      <c r="AW192" s="98"/>
      <c r="AX192" s="98"/>
      <c r="AY192" s="98"/>
      <c r="AZ192" s="98"/>
      <c r="BA192" s="98"/>
      <c r="BB192" s="98"/>
      <c r="BC192" s="98"/>
      <c r="BD192" s="98"/>
      <c r="BE192" s="98"/>
    </row>
    <row r="193" spans="1:57" s="57" customFormat="1" ht="199.95" customHeight="1" thickTop="1" thickBot="1" x14ac:dyDescent="0.25">
      <c r="A193" s="272" t="s">
        <v>123</v>
      </c>
      <c r="B193" s="101"/>
      <c r="C193" s="101"/>
      <c r="D193" s="101"/>
      <c r="E193" s="101"/>
      <c r="F193" s="101"/>
      <c r="G193" s="101"/>
      <c r="H193" s="101"/>
      <c r="I193" s="101"/>
      <c r="J193" s="101"/>
      <c r="K193" s="101"/>
      <c r="L193" s="101"/>
      <c r="M193" s="273"/>
      <c r="N193" s="144" t="s">
        <v>27</v>
      </c>
      <c r="O193" s="175" t="s">
        <v>20</v>
      </c>
      <c r="P193" s="175" t="s">
        <v>21</v>
      </c>
      <c r="Q193" s="176" t="s">
        <v>22</v>
      </c>
      <c r="R193" s="55"/>
      <c r="S193" s="43"/>
      <c r="T193" s="56"/>
      <c r="U193" s="105"/>
      <c r="V193" s="106"/>
      <c r="W193" s="106"/>
      <c r="X193" s="106"/>
      <c r="Y193" s="98"/>
      <c r="Z193" s="98"/>
      <c r="AA193" s="98"/>
      <c r="AB193" s="98"/>
      <c r="AC193" s="98"/>
      <c r="AD193" s="98"/>
      <c r="AE193" s="98"/>
      <c r="AF193" s="98"/>
      <c r="AG193" s="98"/>
      <c r="AH193" s="98"/>
      <c r="AI193" s="98"/>
      <c r="AJ193" s="98"/>
      <c r="AK193" s="98"/>
      <c r="AL193" s="98"/>
      <c r="AM193" s="98"/>
      <c r="AN193" s="98"/>
      <c r="AO193" s="106"/>
      <c r="AP193" s="106"/>
      <c r="AQ193" s="106"/>
      <c r="AR193" s="106"/>
      <c r="AS193" s="106"/>
      <c r="AT193" s="106"/>
      <c r="AU193" s="106"/>
      <c r="AV193" s="106"/>
      <c r="AW193" s="106"/>
      <c r="AX193" s="106"/>
      <c r="AY193" s="106"/>
      <c r="AZ193" s="106"/>
      <c r="BA193" s="106"/>
      <c r="BB193" s="106"/>
      <c r="BC193" s="106"/>
      <c r="BD193" s="106"/>
      <c r="BE193" s="106"/>
    </row>
    <row r="194" spans="1:57" s="18" customFormat="1" ht="69.900000000000006" customHeight="1" thickTop="1" x14ac:dyDescent="0.2">
      <c r="A194" s="318" t="s">
        <v>124</v>
      </c>
      <c r="B194" s="214"/>
      <c r="C194" s="214"/>
      <c r="D194" s="214"/>
      <c r="E194" s="214"/>
      <c r="F194" s="214"/>
      <c r="G194" s="214"/>
      <c r="H194" s="214"/>
      <c r="I194" s="214"/>
      <c r="J194" s="214"/>
      <c r="K194" s="214"/>
      <c r="L194" s="214"/>
      <c r="M194" s="214"/>
      <c r="N194" s="214"/>
      <c r="O194" s="214"/>
      <c r="P194" s="214"/>
      <c r="Q194" s="319"/>
      <c r="R194" s="42"/>
      <c r="S194" s="43"/>
      <c r="T194" s="74"/>
      <c r="U194" s="45"/>
    </row>
    <row r="195" spans="1:57" s="18" customFormat="1" ht="69.900000000000006" customHeight="1" x14ac:dyDescent="0.2">
      <c r="A195" s="323" t="s">
        <v>106</v>
      </c>
      <c r="B195" s="324"/>
      <c r="C195" s="324"/>
      <c r="D195" s="324"/>
      <c r="E195" s="324"/>
      <c r="F195" s="324"/>
      <c r="G195" s="324"/>
      <c r="H195" s="324"/>
      <c r="I195" s="324"/>
      <c r="J195" s="324"/>
      <c r="K195" s="324"/>
      <c r="L195" s="324"/>
      <c r="M195" s="324"/>
      <c r="N195" s="324"/>
      <c r="O195" s="324"/>
      <c r="P195" s="324"/>
      <c r="Q195" s="325"/>
      <c r="R195" s="42"/>
      <c r="S195" s="43"/>
      <c r="T195" s="74"/>
      <c r="U195" s="45"/>
    </row>
    <row r="196" spans="1:57" s="191" customFormat="1" ht="69.900000000000006" customHeight="1" x14ac:dyDescent="0.2">
      <c r="A196" s="326" t="s">
        <v>125</v>
      </c>
      <c r="B196" s="327"/>
      <c r="C196" s="327"/>
      <c r="D196" s="327"/>
      <c r="E196" s="327"/>
      <c r="F196" s="327"/>
      <c r="G196" s="327"/>
      <c r="H196" s="327"/>
      <c r="I196" s="327"/>
      <c r="J196" s="327"/>
      <c r="K196" s="327"/>
      <c r="L196" s="327"/>
      <c r="M196" s="327"/>
      <c r="N196" s="327"/>
      <c r="O196" s="327"/>
      <c r="P196" s="327"/>
      <c r="Q196" s="328"/>
      <c r="R196" s="186"/>
      <c r="S196" s="187"/>
      <c r="T196" s="188"/>
      <c r="U196" s="189"/>
      <c r="V196" s="190"/>
      <c r="W196" s="190"/>
      <c r="X196" s="190"/>
      <c r="Y196" s="190"/>
      <c r="Z196" s="190"/>
      <c r="AA196" s="190"/>
      <c r="AB196" s="190"/>
      <c r="AC196" s="190"/>
      <c r="AD196" s="190"/>
      <c r="AE196" s="190"/>
      <c r="AF196" s="190"/>
      <c r="AG196" s="190"/>
      <c r="AH196" s="190"/>
      <c r="AI196" s="190"/>
      <c r="AJ196" s="190"/>
      <c r="AK196" s="190"/>
      <c r="AL196" s="190"/>
      <c r="AM196" s="190"/>
      <c r="AN196" s="190"/>
      <c r="AO196" s="190"/>
      <c r="AP196" s="190"/>
      <c r="AQ196" s="190"/>
      <c r="AR196" s="190"/>
      <c r="AS196" s="190"/>
      <c r="AT196" s="190"/>
      <c r="AU196" s="190"/>
      <c r="AV196" s="190"/>
      <c r="AW196" s="190"/>
      <c r="AX196" s="190"/>
      <c r="AY196" s="190"/>
      <c r="AZ196" s="190"/>
      <c r="BA196" s="190"/>
      <c r="BB196" s="190"/>
      <c r="BC196" s="190"/>
      <c r="BD196" s="190"/>
      <c r="BE196" s="190"/>
    </row>
    <row r="197" spans="1:57" s="191" customFormat="1" ht="69.900000000000006" customHeight="1" x14ac:dyDescent="0.2">
      <c r="A197" s="364" t="s">
        <v>119</v>
      </c>
      <c r="B197" s="365"/>
      <c r="C197" s="365"/>
      <c r="D197" s="365"/>
      <c r="E197" s="365"/>
      <c r="F197" s="365"/>
      <c r="G197" s="365"/>
      <c r="H197" s="365"/>
      <c r="I197" s="365"/>
      <c r="J197" s="365"/>
      <c r="K197" s="365"/>
      <c r="L197" s="365"/>
      <c r="M197" s="365"/>
      <c r="N197" s="365"/>
      <c r="O197" s="365"/>
      <c r="P197" s="365"/>
      <c r="Q197" s="366"/>
      <c r="R197" s="186"/>
      <c r="S197" s="187"/>
      <c r="T197" s="188"/>
      <c r="U197" s="367"/>
      <c r="V197" s="190"/>
      <c r="W197" s="190"/>
      <c r="X197" s="190"/>
      <c r="Y197" s="190"/>
      <c r="Z197" s="190"/>
      <c r="AA197" s="190"/>
      <c r="AB197" s="190"/>
      <c r="AC197" s="190"/>
      <c r="AD197" s="190"/>
      <c r="AE197" s="190"/>
      <c r="AF197" s="190"/>
      <c r="AG197" s="190"/>
      <c r="AH197" s="190"/>
      <c r="AI197" s="190"/>
      <c r="AJ197" s="190"/>
      <c r="AK197" s="190"/>
      <c r="AL197" s="190"/>
      <c r="AM197" s="190"/>
      <c r="AN197" s="190"/>
      <c r="AO197" s="190"/>
      <c r="AP197" s="190"/>
      <c r="AQ197" s="190"/>
      <c r="AR197" s="190"/>
      <c r="AS197" s="190"/>
      <c r="AT197" s="190"/>
      <c r="AU197" s="190"/>
      <c r="AV197" s="190"/>
      <c r="AW197" s="190"/>
      <c r="AX197" s="190"/>
      <c r="AY197" s="190"/>
      <c r="AZ197" s="190"/>
      <c r="BA197" s="190"/>
      <c r="BB197" s="190"/>
      <c r="BC197" s="190"/>
      <c r="BD197" s="190"/>
      <c r="BE197" s="190"/>
    </row>
    <row r="198" spans="1:57" s="191" customFormat="1" ht="69.900000000000006" customHeight="1" x14ac:dyDescent="0.2">
      <c r="A198" s="368" t="s">
        <v>100</v>
      </c>
      <c r="B198" s="369"/>
      <c r="C198" s="369"/>
      <c r="D198" s="369"/>
      <c r="E198" s="369"/>
      <c r="F198" s="369"/>
      <c r="G198" s="369"/>
      <c r="H198" s="369"/>
      <c r="I198" s="369"/>
      <c r="J198" s="369"/>
      <c r="K198" s="369"/>
      <c r="L198" s="369"/>
      <c r="M198" s="369"/>
      <c r="N198" s="369"/>
      <c r="O198" s="369"/>
      <c r="P198" s="369"/>
      <c r="Q198" s="370"/>
      <c r="R198" s="186"/>
      <c r="S198" s="187"/>
      <c r="T198" s="188"/>
      <c r="U198" s="189"/>
      <c r="V198" s="190"/>
      <c r="W198" s="190"/>
      <c r="X198" s="190"/>
      <c r="Y198" s="190"/>
      <c r="Z198" s="190"/>
      <c r="AA198" s="190"/>
      <c r="AB198" s="190"/>
      <c r="AC198" s="190"/>
      <c r="AD198" s="190"/>
      <c r="AE198" s="190"/>
      <c r="AF198" s="190"/>
      <c r="AG198" s="190"/>
      <c r="AH198" s="190"/>
      <c r="AI198" s="190"/>
      <c r="AJ198" s="190"/>
      <c r="AK198" s="190"/>
      <c r="AL198" s="190"/>
      <c r="AM198" s="190"/>
      <c r="AN198" s="190"/>
      <c r="AO198" s="190"/>
      <c r="AP198" s="190"/>
      <c r="AQ198" s="190"/>
      <c r="AR198" s="190"/>
      <c r="AS198" s="190"/>
      <c r="AT198" s="190"/>
      <c r="AU198" s="190"/>
      <c r="AV198" s="190"/>
      <c r="AW198" s="190"/>
      <c r="AX198" s="190"/>
      <c r="AY198" s="190"/>
      <c r="AZ198" s="190"/>
      <c r="BA198" s="190"/>
      <c r="BB198" s="190"/>
      <c r="BC198" s="190"/>
      <c r="BD198" s="190"/>
      <c r="BE198" s="190"/>
    </row>
    <row r="199" spans="1:57" s="18" customFormat="1" ht="69.900000000000006" customHeight="1" x14ac:dyDescent="0.2">
      <c r="A199" s="284" t="s">
        <v>28</v>
      </c>
      <c r="B199" s="150"/>
      <c r="C199" s="150"/>
      <c r="D199" s="150"/>
      <c r="E199" s="150"/>
      <c r="F199" s="150"/>
      <c r="G199" s="150"/>
      <c r="H199" s="150"/>
      <c r="I199" s="150"/>
      <c r="J199" s="150"/>
      <c r="K199" s="150"/>
      <c r="L199" s="150"/>
      <c r="M199" s="150"/>
      <c r="N199" s="150"/>
      <c r="O199" s="150"/>
      <c r="P199" s="150"/>
      <c r="Q199" s="177"/>
      <c r="R199" s="42"/>
      <c r="S199" s="43"/>
      <c r="T199" s="74"/>
      <c r="U199" s="45"/>
    </row>
    <row r="200" spans="1:57" s="57" customFormat="1" ht="75" customHeight="1" x14ac:dyDescent="0.2">
      <c r="A200" s="285"/>
      <c r="B200" s="286"/>
      <c r="C200" s="286"/>
      <c r="D200" s="286"/>
      <c r="E200" s="286"/>
      <c r="F200" s="286"/>
      <c r="G200" s="286"/>
      <c r="H200" s="286"/>
      <c r="I200" s="286"/>
      <c r="J200" s="286"/>
      <c r="K200" s="286"/>
      <c r="L200" s="287"/>
      <c r="M200" s="286"/>
      <c r="N200" s="286"/>
      <c r="O200" s="286"/>
      <c r="P200" s="286"/>
      <c r="Q200" s="288"/>
      <c r="R200" s="55"/>
      <c r="S200" s="43"/>
      <c r="T200" s="79"/>
      <c r="U200" s="45"/>
    </row>
    <row r="201" spans="1:57" s="57" customFormat="1" ht="75" customHeight="1" thickBot="1" x14ac:dyDescent="0.25">
      <c r="A201" s="289"/>
      <c r="B201" s="290"/>
      <c r="C201" s="290"/>
      <c r="D201" s="290"/>
      <c r="E201" s="290"/>
      <c r="F201" s="290"/>
      <c r="G201" s="290"/>
      <c r="H201" s="290"/>
      <c r="I201" s="290"/>
      <c r="J201" s="290"/>
      <c r="K201" s="290"/>
      <c r="L201" s="291"/>
      <c r="M201" s="290"/>
      <c r="N201" s="290"/>
      <c r="O201" s="290"/>
      <c r="P201" s="290"/>
      <c r="Q201" s="292"/>
      <c r="R201" s="55"/>
      <c r="S201" s="43"/>
      <c r="T201" s="79"/>
      <c r="U201" s="45"/>
    </row>
    <row r="202" spans="1:57" s="18" customFormat="1" ht="69.599999999999994" customHeight="1" thickBot="1" x14ac:dyDescent="0.25">
      <c r="A202" s="354" t="s">
        <v>126</v>
      </c>
      <c r="B202" s="356"/>
      <c r="C202" s="356"/>
      <c r="D202" s="356"/>
      <c r="E202" s="356"/>
      <c r="F202" s="356"/>
      <c r="G202" s="356"/>
      <c r="H202" s="356"/>
      <c r="I202" s="356"/>
      <c r="J202" s="356"/>
      <c r="K202" s="356"/>
      <c r="L202" s="356"/>
      <c r="M202" s="356"/>
      <c r="N202" s="356"/>
      <c r="O202" s="356"/>
      <c r="P202" s="356"/>
      <c r="Q202" s="363"/>
      <c r="R202" s="55"/>
      <c r="S202" s="43"/>
      <c r="T202" s="97"/>
      <c r="U202" s="105"/>
      <c r="V202" s="98"/>
      <c r="W202" s="98"/>
      <c r="X202" s="98"/>
      <c r="Y202" s="98"/>
      <c r="Z202" s="98"/>
      <c r="AA202" s="98"/>
      <c r="AB202" s="98"/>
      <c r="AC202" s="98"/>
      <c r="AD202" s="98"/>
      <c r="AE202" s="98"/>
      <c r="AF202" s="98"/>
      <c r="AG202" s="98"/>
      <c r="AH202" s="98"/>
      <c r="AI202" s="98"/>
      <c r="AJ202" s="98"/>
      <c r="AK202" s="98"/>
      <c r="AL202" s="98"/>
      <c r="AM202" s="98"/>
      <c r="AN202" s="98"/>
      <c r="AO202" s="98"/>
      <c r="AP202" s="98"/>
      <c r="AQ202" s="98"/>
      <c r="AR202" s="98"/>
      <c r="AS202" s="98"/>
      <c r="AT202" s="98"/>
      <c r="AU202" s="98"/>
      <c r="AV202" s="98"/>
      <c r="AW202" s="98"/>
      <c r="AX202" s="98"/>
      <c r="AY202" s="98"/>
      <c r="AZ202" s="98"/>
      <c r="BA202" s="98"/>
      <c r="BB202" s="98"/>
      <c r="BC202" s="98"/>
      <c r="BD202" s="98"/>
      <c r="BE202" s="98"/>
    </row>
    <row r="203" spans="1:57" s="57" customFormat="1" ht="409.5" customHeight="1" thickTop="1" thickBot="1" x14ac:dyDescent="0.25">
      <c r="A203" s="312" t="s">
        <v>127</v>
      </c>
      <c r="B203" s="313"/>
      <c r="C203" s="313"/>
      <c r="D203" s="313"/>
      <c r="E203" s="313"/>
      <c r="F203" s="313"/>
      <c r="G203" s="313"/>
      <c r="H203" s="313"/>
      <c r="I203" s="313"/>
      <c r="J203" s="313"/>
      <c r="K203" s="313"/>
      <c r="L203" s="313"/>
      <c r="M203" s="313"/>
      <c r="N203" s="314"/>
      <c r="O203" s="315" t="s">
        <v>20</v>
      </c>
      <c r="P203" s="315" t="s">
        <v>21</v>
      </c>
      <c r="Q203" s="316" t="s">
        <v>22</v>
      </c>
      <c r="R203" s="55"/>
      <c r="S203" s="43"/>
      <c r="T203" s="56"/>
      <c r="U203" s="105"/>
      <c r="V203" s="106"/>
      <c r="W203" s="106"/>
      <c r="X203" s="106"/>
      <c r="Y203" s="98"/>
      <c r="Z203" s="98"/>
      <c r="AA203" s="98"/>
      <c r="AB203" s="98"/>
      <c r="AC203" s="98"/>
      <c r="AD203" s="98"/>
      <c r="AE203" s="98"/>
      <c r="AF203" s="98"/>
      <c r="AG203" s="98"/>
      <c r="AH203" s="98"/>
      <c r="AI203" s="98"/>
      <c r="AJ203" s="98"/>
      <c r="AK203" s="98"/>
      <c r="AL203" s="98"/>
      <c r="AM203" s="98"/>
      <c r="AN203" s="98"/>
      <c r="AO203" s="106"/>
      <c r="AP203" s="106"/>
      <c r="AQ203" s="106"/>
      <c r="AR203" s="106"/>
      <c r="AS203" s="106"/>
      <c r="AT203" s="106"/>
      <c r="AU203" s="106"/>
      <c r="AV203" s="106"/>
      <c r="AW203" s="106"/>
      <c r="AX203" s="106"/>
      <c r="AY203" s="106"/>
      <c r="AZ203" s="106"/>
      <c r="BA203" s="106"/>
      <c r="BB203" s="106"/>
      <c r="BC203" s="106"/>
      <c r="BD203" s="106"/>
      <c r="BE203" s="106"/>
    </row>
    <row r="204" spans="1:57" s="18" customFormat="1" ht="69.599999999999994" customHeight="1" thickTop="1" x14ac:dyDescent="0.2">
      <c r="A204" s="70" t="s">
        <v>28</v>
      </c>
      <c r="B204" s="72"/>
      <c r="C204" s="72"/>
      <c r="D204" s="72"/>
      <c r="E204" s="72"/>
      <c r="F204" s="72"/>
      <c r="G204" s="72"/>
      <c r="H204" s="72"/>
      <c r="I204" s="72"/>
      <c r="J204" s="72"/>
      <c r="K204" s="72"/>
      <c r="L204" s="72"/>
      <c r="M204" s="72"/>
      <c r="N204" s="72"/>
      <c r="O204" s="72"/>
      <c r="P204" s="72"/>
      <c r="Q204" s="202"/>
      <c r="R204" s="42"/>
      <c r="S204" s="43"/>
      <c r="T204" s="74"/>
      <c r="U204" s="45"/>
    </row>
    <row r="205" spans="1:57" s="57" customFormat="1" ht="75" customHeight="1" x14ac:dyDescent="0.2">
      <c r="A205" s="75"/>
      <c r="B205" s="76"/>
      <c r="C205" s="76"/>
      <c r="D205" s="76"/>
      <c r="E205" s="76"/>
      <c r="F205" s="76"/>
      <c r="G205" s="76"/>
      <c r="H205" s="76"/>
      <c r="I205" s="76"/>
      <c r="J205" s="76"/>
      <c r="K205" s="76"/>
      <c r="L205" s="77"/>
      <c r="M205" s="76"/>
      <c r="N205" s="76"/>
      <c r="O205" s="76"/>
      <c r="P205" s="76"/>
      <c r="Q205" s="78"/>
      <c r="R205" s="55"/>
      <c r="S205" s="43"/>
      <c r="T205" s="79"/>
      <c r="U205" s="45"/>
    </row>
    <row r="206" spans="1:57" s="57" customFormat="1" ht="75" customHeight="1" thickBot="1" x14ac:dyDescent="0.25">
      <c r="A206" s="80"/>
      <c r="B206" s="81"/>
      <c r="C206" s="81"/>
      <c r="D206" s="81"/>
      <c r="E206" s="81"/>
      <c r="F206" s="81"/>
      <c r="G206" s="81"/>
      <c r="H206" s="81"/>
      <c r="I206" s="81"/>
      <c r="J206" s="81"/>
      <c r="K206" s="81"/>
      <c r="L206" s="82"/>
      <c r="M206" s="81"/>
      <c r="N206" s="81"/>
      <c r="O206" s="81"/>
      <c r="P206" s="81"/>
      <c r="Q206" s="83"/>
      <c r="R206" s="55"/>
      <c r="S206" s="43"/>
      <c r="T206" s="79"/>
      <c r="U206" s="45"/>
    </row>
    <row r="207" spans="1:57" s="18" customFormat="1" ht="69.900000000000006" customHeight="1" thickBot="1" x14ac:dyDescent="0.25">
      <c r="A207" s="371" t="s">
        <v>128</v>
      </c>
      <c r="B207" s="372"/>
      <c r="C207" s="372"/>
      <c r="D207" s="372"/>
      <c r="E207" s="372"/>
      <c r="F207" s="372"/>
      <c r="G207" s="372"/>
      <c r="H207" s="372"/>
      <c r="I207" s="372"/>
      <c r="J207" s="372"/>
      <c r="K207" s="372"/>
      <c r="L207" s="372"/>
      <c r="M207" s="372"/>
      <c r="N207" s="372"/>
      <c r="O207" s="372"/>
      <c r="P207" s="372"/>
      <c r="Q207" s="373"/>
      <c r="R207" s="55"/>
      <c r="S207" s="43"/>
      <c r="T207" s="27"/>
      <c r="U207" s="105"/>
      <c r="V207" s="98"/>
      <c r="W207" s="98"/>
      <c r="X207" s="98"/>
      <c r="Y207" s="106"/>
      <c r="Z207" s="106"/>
      <c r="AA207" s="106"/>
      <c r="AB207" s="106"/>
      <c r="AC207" s="106"/>
      <c r="AD207" s="106"/>
      <c r="AE207" s="106"/>
      <c r="AF207" s="106"/>
      <c r="AG207" s="106"/>
      <c r="AH207" s="106"/>
      <c r="AI207" s="106"/>
      <c r="AJ207" s="106"/>
      <c r="AK207" s="106"/>
      <c r="AL207" s="106"/>
      <c r="AM207" s="106"/>
      <c r="AN207" s="106"/>
      <c r="AO207" s="98"/>
      <c r="AP207" s="98"/>
      <c r="AQ207" s="98"/>
      <c r="AR207" s="98"/>
      <c r="AS207" s="98"/>
      <c r="AT207" s="98"/>
      <c r="AU207" s="98"/>
      <c r="AV207" s="98"/>
      <c r="AW207" s="98"/>
      <c r="AX207" s="98"/>
      <c r="AY207" s="98"/>
      <c r="AZ207" s="98"/>
      <c r="BA207" s="98"/>
      <c r="BB207" s="98"/>
      <c r="BC207" s="98"/>
      <c r="BD207" s="98"/>
      <c r="BE207" s="98"/>
    </row>
    <row r="208" spans="1:57" s="18" customFormat="1" ht="69.900000000000006" customHeight="1" thickBot="1" x14ac:dyDescent="0.25">
      <c r="A208" s="374" t="s">
        <v>129</v>
      </c>
      <c r="B208" s="375"/>
      <c r="C208" s="375"/>
      <c r="D208" s="375"/>
      <c r="E208" s="375"/>
      <c r="F208" s="375"/>
      <c r="G208" s="375"/>
      <c r="H208" s="375"/>
      <c r="I208" s="375"/>
      <c r="J208" s="375"/>
      <c r="K208" s="375"/>
      <c r="L208" s="375"/>
      <c r="M208" s="375"/>
      <c r="N208" s="376"/>
      <c r="O208" s="375"/>
      <c r="P208" s="375"/>
      <c r="Q208" s="377"/>
      <c r="R208" s="55"/>
      <c r="S208" s="43"/>
      <c r="T208" s="97"/>
      <c r="U208" s="105"/>
      <c r="V208" s="98"/>
      <c r="W208" s="98"/>
      <c r="X208" s="98"/>
      <c r="Y208" s="98"/>
      <c r="Z208" s="98"/>
      <c r="AA208" s="98"/>
      <c r="AB208" s="98"/>
      <c r="AC208" s="98"/>
      <c r="AD208" s="98"/>
      <c r="AE208" s="98"/>
      <c r="AF208" s="98"/>
      <c r="AG208" s="98"/>
      <c r="AH208" s="98"/>
      <c r="AI208" s="98"/>
      <c r="AJ208" s="98"/>
      <c r="AK208" s="98"/>
      <c r="AL208" s="98"/>
      <c r="AM208" s="98"/>
      <c r="AN208" s="98"/>
      <c r="AO208" s="98"/>
      <c r="AP208" s="98"/>
      <c r="AQ208" s="98"/>
      <c r="AR208" s="98"/>
      <c r="AS208" s="98"/>
      <c r="AT208" s="98"/>
      <c r="AU208" s="98"/>
      <c r="AV208" s="98"/>
      <c r="AW208" s="98"/>
      <c r="AX208" s="98"/>
      <c r="AY208" s="98"/>
      <c r="AZ208" s="98"/>
      <c r="BA208" s="98"/>
      <c r="BB208" s="98"/>
      <c r="BC208" s="98"/>
      <c r="BD208" s="98"/>
      <c r="BE208" s="98"/>
    </row>
    <row r="209" spans="1:57" s="57" customFormat="1" ht="335.25" customHeight="1" thickTop="1" thickBot="1" x14ac:dyDescent="0.25">
      <c r="A209" s="378" t="s">
        <v>130</v>
      </c>
      <c r="B209" s="379"/>
      <c r="C209" s="379"/>
      <c r="D209" s="379"/>
      <c r="E209" s="379"/>
      <c r="F209" s="379"/>
      <c r="G209" s="379"/>
      <c r="H209" s="379"/>
      <c r="I209" s="379"/>
      <c r="J209" s="379"/>
      <c r="K209" s="379"/>
      <c r="L209" s="379"/>
      <c r="M209" s="380"/>
      <c r="N209" s="175" t="s">
        <v>131</v>
      </c>
      <c r="O209" s="175" t="s">
        <v>20</v>
      </c>
      <c r="P209" s="175" t="s">
        <v>21</v>
      </c>
      <c r="Q209" s="176" t="s">
        <v>22</v>
      </c>
      <c r="R209" s="55"/>
      <c r="S209" s="43"/>
      <c r="T209" s="56"/>
      <c r="U209" s="105"/>
      <c r="V209" s="106"/>
      <c r="W209" s="106"/>
      <c r="X209" s="106"/>
      <c r="Y209" s="98"/>
      <c r="Z209" s="98"/>
      <c r="AA209" s="98"/>
      <c r="AB209" s="98"/>
      <c r="AC209" s="98"/>
      <c r="AD209" s="98"/>
      <c r="AE209" s="98"/>
      <c r="AF209" s="98"/>
      <c r="AG209" s="98"/>
      <c r="AH209" s="98"/>
      <c r="AI209" s="98"/>
      <c r="AJ209" s="98"/>
      <c r="AK209" s="98"/>
      <c r="AL209" s="98"/>
      <c r="AM209" s="98"/>
      <c r="AN209" s="98"/>
      <c r="AO209" s="106"/>
      <c r="AP209" s="106"/>
      <c r="AQ209" s="106"/>
      <c r="AR209" s="106"/>
      <c r="AS209" s="106"/>
      <c r="AT209" s="106"/>
      <c r="AU209" s="106"/>
      <c r="AV209" s="106"/>
      <c r="AW209" s="106"/>
      <c r="AX209" s="106"/>
      <c r="AY209" s="106"/>
      <c r="AZ209" s="106"/>
      <c r="BA209" s="106"/>
      <c r="BB209" s="106"/>
      <c r="BC209" s="106"/>
      <c r="BD209" s="106"/>
      <c r="BE209" s="106"/>
    </row>
    <row r="210" spans="1:57" s="18" customFormat="1" ht="69.900000000000006" customHeight="1" thickTop="1" x14ac:dyDescent="0.2">
      <c r="A210" s="70" t="s">
        <v>28</v>
      </c>
      <c r="B210" s="72"/>
      <c r="C210" s="72"/>
      <c r="D210" s="72"/>
      <c r="E210" s="72"/>
      <c r="F210" s="72"/>
      <c r="G210" s="72"/>
      <c r="H210" s="72"/>
      <c r="I210" s="72"/>
      <c r="J210" s="72"/>
      <c r="K210" s="72"/>
      <c r="L210" s="72"/>
      <c r="M210" s="72"/>
      <c r="N210" s="72"/>
      <c r="O210" s="72"/>
      <c r="P210" s="72"/>
      <c r="Q210" s="202"/>
      <c r="R210" s="42"/>
      <c r="S210" s="43"/>
      <c r="T210" s="74"/>
      <c r="U210" s="45"/>
    </row>
    <row r="211" spans="1:57" s="57" customFormat="1" ht="75" customHeight="1" x14ac:dyDescent="0.2">
      <c r="A211" s="75"/>
      <c r="B211" s="76"/>
      <c r="C211" s="76"/>
      <c r="D211" s="76"/>
      <c r="E211" s="76"/>
      <c r="F211" s="76"/>
      <c r="G211" s="76"/>
      <c r="H211" s="76"/>
      <c r="I211" s="76"/>
      <c r="J211" s="76"/>
      <c r="K211" s="76"/>
      <c r="L211" s="77"/>
      <c r="M211" s="76"/>
      <c r="N211" s="76"/>
      <c r="O211" s="76"/>
      <c r="P211" s="76"/>
      <c r="Q211" s="78"/>
      <c r="R211" s="55"/>
      <c r="S211" s="43"/>
      <c r="T211" s="79"/>
      <c r="U211" s="45"/>
    </row>
    <row r="212" spans="1:57" s="57" customFormat="1" ht="75" customHeight="1" thickBot="1" x14ac:dyDescent="0.25">
      <c r="A212" s="80"/>
      <c r="B212" s="81"/>
      <c r="C212" s="81"/>
      <c r="D212" s="81"/>
      <c r="E212" s="81"/>
      <c r="F212" s="81"/>
      <c r="G212" s="81"/>
      <c r="H212" s="81"/>
      <c r="I212" s="81"/>
      <c r="J212" s="81"/>
      <c r="K212" s="81"/>
      <c r="L212" s="82"/>
      <c r="M212" s="81"/>
      <c r="N212" s="81"/>
      <c r="O212" s="81"/>
      <c r="P212" s="81"/>
      <c r="Q212" s="83"/>
      <c r="R212" s="55"/>
      <c r="S212" s="43"/>
      <c r="T212" s="79"/>
      <c r="U212" s="45"/>
    </row>
    <row r="213" spans="1:57" s="18" customFormat="1" ht="69.900000000000006" customHeight="1" thickBot="1" x14ac:dyDescent="0.25">
      <c r="A213" s="84" t="s">
        <v>132</v>
      </c>
      <c r="B213" s="86"/>
      <c r="C213" s="86"/>
      <c r="D213" s="86"/>
      <c r="E213" s="86"/>
      <c r="F213" s="86"/>
      <c r="G213" s="86"/>
      <c r="H213" s="86"/>
      <c r="I213" s="86"/>
      <c r="J213" s="86"/>
      <c r="K213" s="86"/>
      <c r="L213" s="86"/>
      <c r="M213" s="86"/>
      <c r="N213" s="86"/>
      <c r="O213" s="86"/>
      <c r="P213" s="86"/>
      <c r="Q213" s="171"/>
      <c r="R213" s="55"/>
      <c r="S213" s="43"/>
      <c r="T213" s="97"/>
      <c r="U213" s="105"/>
      <c r="V213" s="98"/>
      <c r="W213" s="98"/>
      <c r="X213" s="98"/>
      <c r="Y213" s="106"/>
      <c r="Z213" s="106"/>
      <c r="AA213" s="106"/>
      <c r="AB213" s="106"/>
      <c r="AC213" s="106"/>
      <c r="AD213" s="106"/>
      <c r="AE213" s="106"/>
      <c r="AF213" s="106"/>
      <c r="AG213" s="106"/>
      <c r="AH213" s="106"/>
      <c r="AI213" s="106"/>
      <c r="AJ213" s="106"/>
      <c r="AK213" s="106"/>
      <c r="AL213" s="106"/>
      <c r="AM213" s="106"/>
      <c r="AN213" s="106"/>
      <c r="AO213" s="98"/>
      <c r="AP213" s="98"/>
      <c r="AQ213" s="98"/>
      <c r="AR213" s="98"/>
      <c r="AS213" s="98"/>
      <c r="AT213" s="98"/>
      <c r="AU213" s="98"/>
      <c r="AV213" s="98"/>
      <c r="AW213" s="98"/>
      <c r="AX213" s="98"/>
      <c r="AY213" s="98"/>
      <c r="AZ213" s="98"/>
      <c r="BA213" s="98"/>
      <c r="BB213" s="98"/>
      <c r="BC213" s="98"/>
      <c r="BD213" s="98"/>
      <c r="BE213" s="98"/>
    </row>
    <row r="214" spans="1:57" s="57" customFormat="1" ht="230.1" customHeight="1" thickTop="1" thickBot="1" x14ac:dyDescent="0.25">
      <c r="A214" s="49" t="s">
        <v>133</v>
      </c>
      <c r="B214" s="51"/>
      <c r="C214" s="51"/>
      <c r="D214" s="51"/>
      <c r="E214" s="51"/>
      <c r="F214" s="51"/>
      <c r="G214" s="51"/>
      <c r="H214" s="51"/>
      <c r="I214" s="51"/>
      <c r="J214" s="51"/>
      <c r="K214" s="51"/>
      <c r="L214" s="51"/>
      <c r="M214" s="51"/>
      <c r="N214" s="381"/>
      <c r="O214" s="347" t="s">
        <v>20</v>
      </c>
      <c r="P214" s="347" t="s">
        <v>21</v>
      </c>
      <c r="Q214" s="349" t="s">
        <v>22</v>
      </c>
      <c r="R214" s="55"/>
      <c r="S214" s="43"/>
      <c r="T214" s="56"/>
      <c r="U214" s="105"/>
      <c r="V214" s="106"/>
      <c r="W214" s="106"/>
      <c r="X214" s="106"/>
      <c r="Y214" s="106"/>
      <c r="Z214" s="106"/>
      <c r="AA214" s="106"/>
      <c r="AB214" s="106"/>
      <c r="AC214" s="106"/>
      <c r="AD214" s="106"/>
      <c r="AE214" s="106"/>
      <c r="AF214" s="106"/>
      <c r="AG214" s="106"/>
      <c r="AH214" s="106"/>
      <c r="AI214" s="106"/>
      <c r="AJ214" s="106"/>
      <c r="AK214" s="106"/>
      <c r="AL214" s="106"/>
      <c r="AM214" s="106"/>
      <c r="AN214" s="106"/>
      <c r="AO214" s="106"/>
      <c r="AP214" s="106"/>
      <c r="AQ214" s="106"/>
      <c r="AR214" s="106"/>
      <c r="AS214" s="106"/>
      <c r="AT214" s="106"/>
      <c r="AU214" s="106"/>
      <c r="AV214" s="106"/>
      <c r="AW214" s="106"/>
      <c r="AX214" s="106"/>
      <c r="AY214" s="106"/>
      <c r="AZ214" s="106"/>
      <c r="BA214" s="106"/>
      <c r="BB214" s="106"/>
      <c r="BC214" s="106"/>
      <c r="BD214" s="106"/>
      <c r="BE214" s="106"/>
    </row>
    <row r="215" spans="1:57" s="57" customFormat="1" ht="132" customHeight="1" thickTop="1" thickBot="1" x14ac:dyDescent="0.25">
      <c r="A215" s="382" t="s">
        <v>134</v>
      </c>
      <c r="B215" s="383"/>
      <c r="C215" s="383"/>
      <c r="D215" s="383"/>
      <c r="E215" s="383"/>
      <c r="F215" s="383"/>
      <c r="G215" s="383"/>
      <c r="H215" s="383"/>
      <c r="I215" s="383"/>
      <c r="J215" s="383"/>
      <c r="K215" s="383"/>
      <c r="L215" s="383"/>
      <c r="M215" s="383"/>
      <c r="N215" s="384"/>
      <c r="O215" s="52" t="s">
        <v>20</v>
      </c>
      <c r="P215" s="52" t="s">
        <v>21</v>
      </c>
      <c r="Q215" s="112" t="s">
        <v>22</v>
      </c>
      <c r="R215" s="55"/>
      <c r="S215" s="43"/>
      <c r="T215" s="56"/>
      <c r="U215" s="105"/>
      <c r="V215" s="106"/>
      <c r="W215" s="106"/>
      <c r="X215" s="106"/>
      <c r="Y215" s="106"/>
      <c r="Z215" s="106"/>
      <c r="AA215" s="106"/>
      <c r="AB215" s="106"/>
      <c r="AC215" s="106"/>
      <c r="AD215" s="106"/>
      <c r="AE215" s="106"/>
      <c r="AF215" s="106"/>
      <c r="AG215" s="106"/>
      <c r="AH215" s="106"/>
      <c r="AI215" s="106"/>
      <c r="AJ215" s="106"/>
      <c r="AK215" s="106"/>
      <c r="AL215" s="106"/>
      <c r="AM215" s="106"/>
      <c r="AN215" s="106"/>
      <c r="AO215" s="106"/>
      <c r="AP215" s="106"/>
      <c r="AQ215" s="106"/>
      <c r="AR215" s="106"/>
      <c r="AS215" s="106"/>
      <c r="AT215" s="106"/>
      <c r="AU215" s="106"/>
      <c r="AV215" s="106"/>
      <c r="AW215" s="106"/>
      <c r="AX215" s="106"/>
      <c r="AY215" s="106"/>
      <c r="AZ215" s="106"/>
      <c r="BA215" s="106"/>
      <c r="BB215" s="106"/>
      <c r="BC215" s="106"/>
      <c r="BD215" s="106"/>
      <c r="BE215" s="106"/>
    </row>
    <row r="216" spans="1:57" s="18" customFormat="1" ht="69.900000000000006" customHeight="1" thickTop="1" x14ac:dyDescent="0.2">
      <c r="A216" s="70" t="s">
        <v>28</v>
      </c>
      <c r="B216" s="72"/>
      <c r="C216" s="72"/>
      <c r="D216" s="72"/>
      <c r="E216" s="72"/>
      <c r="F216" s="72"/>
      <c r="G216" s="72"/>
      <c r="H216" s="72"/>
      <c r="I216" s="72"/>
      <c r="J216" s="72"/>
      <c r="K216" s="72"/>
      <c r="L216" s="72"/>
      <c r="M216" s="72"/>
      <c r="N216" s="72"/>
      <c r="O216" s="72"/>
      <c r="P216" s="72"/>
      <c r="Q216" s="202"/>
      <c r="R216" s="42"/>
      <c r="S216" s="43"/>
      <c r="T216" s="74"/>
      <c r="U216" s="45"/>
    </row>
    <row r="217" spans="1:57" s="57" customFormat="1" ht="75" customHeight="1" x14ac:dyDescent="0.2">
      <c r="A217" s="75"/>
      <c r="B217" s="76"/>
      <c r="C217" s="76"/>
      <c r="D217" s="76"/>
      <c r="E217" s="76"/>
      <c r="F217" s="76"/>
      <c r="G217" s="76"/>
      <c r="H217" s="76"/>
      <c r="I217" s="76"/>
      <c r="J217" s="76"/>
      <c r="K217" s="76"/>
      <c r="L217" s="77"/>
      <c r="M217" s="76"/>
      <c r="N217" s="76"/>
      <c r="O217" s="76"/>
      <c r="P217" s="76"/>
      <c r="Q217" s="78"/>
      <c r="R217" s="55"/>
      <c r="S217" s="43"/>
      <c r="T217" s="79"/>
      <c r="U217" s="45"/>
    </row>
    <row r="218" spans="1:57" s="57" customFormat="1" ht="75" customHeight="1" thickBot="1" x14ac:dyDescent="0.25">
      <c r="A218" s="80"/>
      <c r="B218" s="81"/>
      <c r="C218" s="81"/>
      <c r="D218" s="81"/>
      <c r="E218" s="81"/>
      <c r="F218" s="81"/>
      <c r="G218" s="81"/>
      <c r="H218" s="81"/>
      <c r="I218" s="81"/>
      <c r="J218" s="81"/>
      <c r="K218" s="81"/>
      <c r="L218" s="82"/>
      <c r="M218" s="81"/>
      <c r="N218" s="81"/>
      <c r="O218" s="81"/>
      <c r="P218" s="81"/>
      <c r="Q218" s="83"/>
      <c r="R218" s="55"/>
      <c r="S218" s="43"/>
      <c r="T218" s="79"/>
      <c r="U218" s="45"/>
    </row>
    <row r="219" spans="1:57" s="18" customFormat="1" ht="69.900000000000006" customHeight="1" thickBot="1" x14ac:dyDescent="0.25">
      <c r="A219" s="84" t="s">
        <v>135</v>
      </c>
      <c r="B219" s="86"/>
      <c r="C219" s="86"/>
      <c r="D219" s="86"/>
      <c r="E219" s="86"/>
      <c r="F219" s="86"/>
      <c r="G219" s="86"/>
      <c r="H219" s="86"/>
      <c r="I219" s="86"/>
      <c r="J219" s="86"/>
      <c r="K219" s="86"/>
      <c r="L219" s="86"/>
      <c r="M219" s="86"/>
      <c r="N219" s="86"/>
      <c r="O219" s="86"/>
      <c r="P219" s="86"/>
      <c r="Q219" s="171"/>
      <c r="R219" s="55"/>
      <c r="S219" s="43"/>
      <c r="T219" s="97"/>
      <c r="U219" s="105"/>
      <c r="V219" s="98"/>
      <c r="W219" s="98"/>
      <c r="X219" s="98"/>
      <c r="Y219" s="106"/>
      <c r="Z219" s="106"/>
      <c r="AA219" s="106"/>
      <c r="AB219" s="106"/>
      <c r="AC219" s="106"/>
      <c r="AD219" s="106"/>
      <c r="AE219" s="106"/>
      <c r="AF219" s="106"/>
      <c r="AG219" s="106"/>
      <c r="AH219" s="106"/>
      <c r="AI219" s="106"/>
      <c r="AJ219" s="106"/>
      <c r="AK219" s="106"/>
      <c r="AL219" s="106"/>
      <c r="AM219" s="106"/>
      <c r="AN219" s="106"/>
      <c r="AO219" s="98"/>
      <c r="AP219" s="98"/>
      <c r="AQ219" s="98"/>
      <c r="AR219" s="98"/>
      <c r="AS219" s="98"/>
      <c r="AT219" s="98"/>
      <c r="AU219" s="98"/>
      <c r="AV219" s="98"/>
      <c r="AW219" s="98"/>
      <c r="AX219" s="98"/>
      <c r="AY219" s="98"/>
      <c r="AZ219" s="98"/>
      <c r="BA219" s="98"/>
      <c r="BB219" s="98"/>
      <c r="BC219" s="98"/>
      <c r="BD219" s="98"/>
      <c r="BE219" s="98"/>
    </row>
    <row r="220" spans="1:57" s="57" customFormat="1" ht="140.1" customHeight="1" thickTop="1" thickBot="1" x14ac:dyDescent="0.25">
      <c r="A220" s="88" t="s">
        <v>136</v>
      </c>
      <c r="B220" s="90"/>
      <c r="C220" s="90"/>
      <c r="D220" s="90"/>
      <c r="E220" s="90"/>
      <c r="F220" s="90"/>
      <c r="G220" s="90"/>
      <c r="H220" s="90"/>
      <c r="I220" s="90"/>
      <c r="J220" s="90"/>
      <c r="K220" s="90"/>
      <c r="L220" s="90"/>
      <c r="M220" s="90"/>
      <c r="N220" s="385"/>
      <c r="O220" s="347" t="s">
        <v>20</v>
      </c>
      <c r="P220" s="347" t="s">
        <v>21</v>
      </c>
      <c r="Q220" s="349" t="s">
        <v>22</v>
      </c>
      <c r="R220" s="55"/>
      <c r="S220" s="43"/>
      <c r="T220" s="56"/>
      <c r="U220" s="105"/>
      <c r="V220" s="106"/>
      <c r="W220" s="106"/>
      <c r="X220" s="106"/>
      <c r="Y220" s="98"/>
      <c r="Z220" s="98"/>
      <c r="AA220" s="98"/>
      <c r="AB220" s="98"/>
      <c r="AC220" s="98"/>
      <c r="AD220" s="98"/>
      <c r="AE220" s="98"/>
      <c r="AF220" s="98"/>
      <c r="AG220" s="98"/>
      <c r="AH220" s="98"/>
      <c r="AI220" s="98"/>
      <c r="AJ220" s="98"/>
      <c r="AK220" s="98"/>
      <c r="AL220" s="98"/>
      <c r="AM220" s="98"/>
      <c r="AN220" s="98"/>
      <c r="AO220" s="106"/>
      <c r="AP220" s="106"/>
      <c r="AQ220" s="106"/>
      <c r="AR220" s="106"/>
      <c r="AS220" s="106"/>
      <c r="AT220" s="106"/>
      <c r="AU220" s="106"/>
      <c r="AV220" s="106"/>
      <c r="AW220" s="106"/>
      <c r="AX220" s="106"/>
      <c r="AY220" s="106"/>
      <c r="AZ220" s="106"/>
      <c r="BA220" s="106"/>
      <c r="BB220" s="106"/>
      <c r="BC220" s="106"/>
      <c r="BD220" s="106"/>
      <c r="BE220" s="106"/>
    </row>
    <row r="221" spans="1:57" s="57" customFormat="1" ht="140.1" customHeight="1" thickTop="1" thickBot="1" x14ac:dyDescent="0.25">
      <c r="A221" s="63" t="s">
        <v>137</v>
      </c>
      <c r="B221" s="65"/>
      <c r="C221" s="65"/>
      <c r="D221" s="65"/>
      <c r="E221" s="65"/>
      <c r="F221" s="65"/>
      <c r="G221" s="65"/>
      <c r="H221" s="65"/>
      <c r="I221" s="65"/>
      <c r="J221" s="65"/>
      <c r="K221" s="65"/>
      <c r="L221" s="65"/>
      <c r="M221" s="386"/>
      <c r="N221" s="66" t="s">
        <v>27</v>
      </c>
      <c r="O221" s="52" t="s">
        <v>20</v>
      </c>
      <c r="P221" s="52" t="s">
        <v>21</v>
      </c>
      <c r="Q221" s="112" t="s">
        <v>22</v>
      </c>
      <c r="R221" s="55"/>
      <c r="S221" s="43"/>
      <c r="T221" s="56"/>
      <c r="U221" s="105"/>
      <c r="V221" s="106"/>
      <c r="W221" s="106"/>
      <c r="X221" s="106"/>
      <c r="Y221" s="106"/>
      <c r="Z221" s="106"/>
      <c r="AA221" s="106"/>
      <c r="AB221" s="106"/>
      <c r="AC221" s="106"/>
      <c r="AD221" s="106"/>
      <c r="AE221" s="106"/>
      <c r="AF221" s="106"/>
      <c r="AG221" s="106"/>
      <c r="AH221" s="106"/>
      <c r="AI221" s="106"/>
      <c r="AJ221" s="106"/>
      <c r="AK221" s="106"/>
      <c r="AL221" s="106"/>
      <c r="AM221" s="106"/>
      <c r="AN221" s="106"/>
      <c r="AO221" s="106"/>
      <c r="AP221" s="106"/>
      <c r="AQ221" s="106"/>
      <c r="AR221" s="106"/>
      <c r="AS221" s="106"/>
      <c r="AT221" s="106"/>
      <c r="AU221" s="106"/>
      <c r="AV221" s="106"/>
      <c r="AW221" s="106"/>
      <c r="AX221" s="106"/>
      <c r="AY221" s="106"/>
      <c r="AZ221" s="106"/>
      <c r="BA221" s="106"/>
      <c r="BB221" s="106"/>
      <c r="BC221" s="106"/>
      <c r="BD221" s="106"/>
      <c r="BE221" s="106"/>
    </row>
    <row r="222" spans="1:57" s="18" customFormat="1" ht="69.900000000000006" customHeight="1" thickTop="1" x14ac:dyDescent="0.2">
      <c r="A222" s="70" t="s">
        <v>28</v>
      </c>
      <c r="B222" s="72"/>
      <c r="C222" s="72"/>
      <c r="D222" s="72"/>
      <c r="E222" s="72"/>
      <c r="F222" s="72"/>
      <c r="G222" s="72"/>
      <c r="H222" s="72"/>
      <c r="I222" s="72"/>
      <c r="J222" s="72"/>
      <c r="K222" s="72"/>
      <c r="L222" s="72"/>
      <c r="M222" s="72"/>
      <c r="N222" s="72"/>
      <c r="O222" s="72"/>
      <c r="P222" s="72"/>
      <c r="Q222" s="202"/>
      <c r="R222" s="42"/>
      <c r="S222" s="43"/>
      <c r="T222" s="74"/>
      <c r="U222" s="45"/>
    </row>
    <row r="223" spans="1:57" s="57" customFormat="1" ht="75" customHeight="1" x14ac:dyDescent="0.2">
      <c r="A223" s="75"/>
      <c r="B223" s="76"/>
      <c r="C223" s="76"/>
      <c r="D223" s="76"/>
      <c r="E223" s="76"/>
      <c r="F223" s="76"/>
      <c r="G223" s="76"/>
      <c r="H223" s="76"/>
      <c r="I223" s="76"/>
      <c r="J223" s="76"/>
      <c r="K223" s="76"/>
      <c r="L223" s="77"/>
      <c r="M223" s="76"/>
      <c r="N223" s="76"/>
      <c r="O223" s="76"/>
      <c r="P223" s="76"/>
      <c r="Q223" s="78"/>
      <c r="R223" s="55"/>
      <c r="S223" s="43"/>
      <c r="T223" s="79"/>
      <c r="U223" s="45"/>
    </row>
    <row r="224" spans="1:57" s="57" customFormat="1" ht="75" customHeight="1" thickBot="1" x14ac:dyDescent="0.25">
      <c r="A224" s="80"/>
      <c r="B224" s="81"/>
      <c r="C224" s="81"/>
      <c r="D224" s="81"/>
      <c r="E224" s="81"/>
      <c r="F224" s="81"/>
      <c r="G224" s="81"/>
      <c r="H224" s="81"/>
      <c r="I224" s="81"/>
      <c r="J224" s="81"/>
      <c r="K224" s="81"/>
      <c r="L224" s="82"/>
      <c r="M224" s="81"/>
      <c r="N224" s="81"/>
      <c r="O224" s="81"/>
      <c r="P224" s="81"/>
      <c r="Q224" s="83"/>
      <c r="R224" s="55"/>
      <c r="S224" s="43"/>
      <c r="T224" s="113"/>
      <c r="U224" s="45"/>
    </row>
    <row r="225" spans="1:57" s="18" customFormat="1" ht="69.900000000000006" customHeight="1" thickBot="1" x14ac:dyDescent="0.25">
      <c r="A225" s="84" t="s">
        <v>138</v>
      </c>
      <c r="B225" s="86"/>
      <c r="C225" s="86"/>
      <c r="D225" s="86"/>
      <c r="E225" s="86"/>
      <c r="F225" s="86"/>
      <c r="G225" s="86"/>
      <c r="H225" s="86"/>
      <c r="I225" s="86"/>
      <c r="J225" s="86"/>
      <c r="K225" s="86"/>
      <c r="L225" s="86"/>
      <c r="M225" s="86"/>
      <c r="N225" s="86"/>
      <c r="O225" s="86"/>
      <c r="P225" s="86"/>
      <c r="Q225" s="171"/>
      <c r="R225" s="55"/>
      <c r="S225" s="43"/>
      <c r="T225" s="114" t="s">
        <v>139</v>
      </c>
      <c r="U225" s="105"/>
      <c r="V225" s="98"/>
      <c r="W225" s="98"/>
      <c r="X225" s="98"/>
      <c r="Y225" s="106"/>
      <c r="Z225" s="106"/>
      <c r="AA225" s="106"/>
      <c r="AB225" s="106"/>
      <c r="AC225" s="106"/>
      <c r="AD225" s="106"/>
      <c r="AE225" s="106"/>
      <c r="AF225" s="106"/>
      <c r="AG225" s="106"/>
      <c r="AH225" s="106"/>
      <c r="AI225" s="106"/>
      <c r="AJ225" s="106"/>
      <c r="AK225" s="106"/>
      <c r="AL225" s="106"/>
      <c r="AM225" s="106"/>
      <c r="AN225" s="106"/>
      <c r="AO225" s="98"/>
      <c r="AP225" s="98"/>
      <c r="AQ225" s="98"/>
      <c r="AR225" s="98"/>
      <c r="AS225" s="98"/>
      <c r="AT225" s="98"/>
      <c r="AU225" s="98"/>
      <c r="AV225" s="98"/>
      <c r="AW225" s="98"/>
      <c r="AX225" s="98"/>
      <c r="AY225" s="98"/>
      <c r="AZ225" s="98"/>
      <c r="BA225" s="98"/>
      <c r="BB225" s="98"/>
      <c r="BC225" s="98"/>
      <c r="BD225" s="98"/>
      <c r="BE225" s="98"/>
    </row>
    <row r="226" spans="1:57" s="57" customFormat="1" ht="132" customHeight="1" thickTop="1" thickBot="1" x14ac:dyDescent="0.25">
      <c r="A226" s="172" t="s">
        <v>140</v>
      </c>
      <c r="B226" s="173"/>
      <c r="C226" s="173"/>
      <c r="D226" s="173"/>
      <c r="E226" s="173"/>
      <c r="F226" s="173"/>
      <c r="G226" s="173"/>
      <c r="H226" s="173"/>
      <c r="I226" s="173"/>
      <c r="J226" s="173"/>
      <c r="K226" s="173"/>
      <c r="L226" s="173"/>
      <c r="M226" s="174"/>
      <c r="N226" s="211" t="s">
        <v>27</v>
      </c>
      <c r="O226" s="347" t="s">
        <v>20</v>
      </c>
      <c r="P226" s="347" t="s">
        <v>21</v>
      </c>
      <c r="Q226" s="349" t="s">
        <v>22</v>
      </c>
      <c r="R226" s="55"/>
      <c r="S226" s="43"/>
      <c r="T226" s="56"/>
      <c r="U226" s="105"/>
      <c r="V226" s="106"/>
      <c r="W226" s="106"/>
      <c r="X226" s="106"/>
      <c r="Y226" s="106"/>
      <c r="Z226" s="106"/>
      <c r="AA226" s="106"/>
      <c r="AB226" s="106"/>
      <c r="AC226" s="106"/>
      <c r="AD226" s="106"/>
      <c r="AE226" s="106"/>
      <c r="AF226" s="106"/>
      <c r="AG226" s="106"/>
      <c r="AH226" s="106"/>
      <c r="AI226" s="106"/>
      <c r="AJ226" s="106"/>
      <c r="AK226" s="106"/>
      <c r="AL226" s="106"/>
      <c r="AM226" s="106"/>
      <c r="AN226" s="106"/>
      <c r="AO226" s="106"/>
      <c r="AP226" s="106"/>
      <c r="AQ226" s="106"/>
      <c r="AR226" s="106"/>
      <c r="AS226" s="106"/>
      <c r="AT226" s="106"/>
      <c r="AU226" s="106"/>
      <c r="AV226" s="106"/>
      <c r="AW226" s="106"/>
      <c r="AX226" s="106"/>
      <c r="AY226" s="106"/>
      <c r="AZ226" s="106"/>
      <c r="BA226" s="106"/>
      <c r="BB226" s="106"/>
      <c r="BC226" s="106"/>
      <c r="BD226" s="106"/>
      <c r="BE226" s="106"/>
    </row>
    <row r="227" spans="1:57" s="18" customFormat="1" ht="69.900000000000006" customHeight="1" thickTop="1" x14ac:dyDescent="0.2">
      <c r="A227" s="387" t="s">
        <v>141</v>
      </c>
      <c r="B227" s="388"/>
      <c r="C227" s="388"/>
      <c r="D227" s="388"/>
      <c r="E227" s="388"/>
      <c r="F227" s="388"/>
      <c r="G227" s="388"/>
      <c r="H227" s="388"/>
      <c r="I227" s="388"/>
      <c r="J227" s="388"/>
      <c r="K227" s="388"/>
      <c r="L227" s="388"/>
      <c r="M227" s="388"/>
      <c r="N227" s="388"/>
      <c r="O227" s="388"/>
      <c r="P227" s="388"/>
      <c r="Q227" s="389"/>
      <c r="R227" s="42"/>
      <c r="S227" s="43"/>
      <c r="T227" s="74"/>
      <c r="U227" s="45"/>
    </row>
    <row r="228" spans="1:57" s="18" customFormat="1" ht="69.900000000000006" customHeight="1" x14ac:dyDescent="0.2">
      <c r="A228" s="216" t="s">
        <v>142</v>
      </c>
      <c r="B228" s="217"/>
      <c r="C228" s="217"/>
      <c r="D228" s="217"/>
      <c r="E228" s="217"/>
      <c r="F228" s="217"/>
      <c r="G228" s="217"/>
      <c r="H228" s="217"/>
      <c r="I228" s="217"/>
      <c r="J228" s="217"/>
      <c r="K228" s="217"/>
      <c r="L228" s="217"/>
      <c r="M228" s="217"/>
      <c r="N228" s="217"/>
      <c r="O228" s="217"/>
      <c r="P228" s="217"/>
      <c r="Q228" s="218"/>
      <c r="R228" s="42"/>
      <c r="S228" s="43"/>
      <c r="T228" s="74"/>
      <c r="U228" s="45"/>
    </row>
    <row r="229" spans="1:57" s="18" customFormat="1" ht="69.900000000000006" customHeight="1" x14ac:dyDescent="0.2">
      <c r="A229" s="390" t="s">
        <v>143</v>
      </c>
      <c r="B229" s="391"/>
      <c r="C229" s="391"/>
      <c r="D229" s="391"/>
      <c r="E229" s="391"/>
      <c r="F229" s="391"/>
      <c r="G229" s="391"/>
      <c r="H229" s="391"/>
      <c r="I229" s="391"/>
      <c r="J229" s="391"/>
      <c r="K229" s="391"/>
      <c r="L229" s="391"/>
      <c r="M229" s="391"/>
      <c r="N229" s="391"/>
      <c r="O229" s="391"/>
      <c r="P229" s="391"/>
      <c r="Q229" s="392"/>
      <c r="R229" s="42"/>
      <c r="S229" s="43"/>
      <c r="T229" s="74"/>
      <c r="U229" s="45"/>
    </row>
    <row r="230" spans="1:57" s="191" customFormat="1" ht="69.900000000000006" customHeight="1" x14ac:dyDescent="0.2">
      <c r="A230" s="393" t="s">
        <v>144</v>
      </c>
      <c r="B230" s="394"/>
      <c r="C230" s="394"/>
      <c r="D230" s="394"/>
      <c r="E230" s="394"/>
      <c r="F230" s="394"/>
      <c r="G230" s="394"/>
      <c r="H230" s="394"/>
      <c r="I230" s="394"/>
      <c r="J230" s="394"/>
      <c r="K230" s="394"/>
      <c r="L230" s="394"/>
      <c r="M230" s="394"/>
      <c r="N230" s="394"/>
      <c r="O230" s="394"/>
      <c r="P230" s="394"/>
      <c r="Q230" s="395"/>
      <c r="R230" s="186"/>
      <c r="S230" s="187"/>
      <c r="T230" s="188"/>
      <c r="U230" s="396"/>
      <c r="V230" s="190"/>
      <c r="W230" s="190"/>
      <c r="X230" s="190"/>
      <c r="Y230" s="190"/>
      <c r="Z230" s="190"/>
      <c r="AA230" s="190"/>
      <c r="AB230" s="190"/>
      <c r="AC230" s="190"/>
      <c r="AD230" s="190"/>
      <c r="AE230" s="190"/>
      <c r="AF230" s="190"/>
      <c r="AG230" s="190"/>
      <c r="AH230" s="190"/>
      <c r="AI230" s="190"/>
      <c r="AJ230" s="190"/>
      <c r="AK230" s="190"/>
      <c r="AL230" s="190"/>
      <c r="AM230" s="190"/>
      <c r="AN230" s="190"/>
      <c r="AO230" s="190"/>
      <c r="AP230" s="190"/>
      <c r="AQ230" s="190"/>
      <c r="AR230" s="190"/>
      <c r="AS230" s="190"/>
      <c r="AT230" s="190"/>
      <c r="AU230" s="190"/>
      <c r="AV230" s="190"/>
      <c r="AW230" s="190"/>
      <c r="AX230" s="190"/>
      <c r="AY230" s="190"/>
      <c r="AZ230" s="190"/>
      <c r="BA230" s="190"/>
      <c r="BB230" s="190"/>
      <c r="BC230" s="190"/>
      <c r="BD230" s="190"/>
      <c r="BE230" s="190"/>
    </row>
    <row r="231" spans="1:57" s="191" customFormat="1" ht="69.900000000000006" customHeight="1" x14ac:dyDescent="0.2">
      <c r="A231" s="299" t="s">
        <v>145</v>
      </c>
      <c r="B231" s="300"/>
      <c r="C231" s="300"/>
      <c r="D231" s="300"/>
      <c r="E231" s="300"/>
      <c r="F231" s="300"/>
      <c r="G231" s="300"/>
      <c r="H231" s="300"/>
      <c r="I231" s="300"/>
      <c r="J231" s="300"/>
      <c r="K231" s="300"/>
      <c r="L231" s="300"/>
      <c r="M231" s="300"/>
      <c r="N231" s="300"/>
      <c r="O231" s="300"/>
      <c r="P231" s="300"/>
      <c r="Q231" s="301"/>
      <c r="R231" s="186"/>
      <c r="S231" s="187"/>
      <c r="T231" s="188"/>
      <c r="U231" s="396"/>
      <c r="V231" s="190"/>
      <c r="W231" s="190"/>
      <c r="X231" s="190"/>
      <c r="Y231" s="190"/>
      <c r="Z231" s="190"/>
      <c r="AA231" s="190"/>
      <c r="AB231" s="190"/>
      <c r="AC231" s="190"/>
      <c r="AD231" s="190"/>
      <c r="AE231" s="190"/>
      <c r="AF231" s="190"/>
      <c r="AG231" s="190"/>
      <c r="AH231" s="190"/>
      <c r="AI231" s="190"/>
      <c r="AJ231" s="190"/>
      <c r="AK231" s="190"/>
      <c r="AL231" s="190"/>
      <c r="AM231" s="190"/>
      <c r="AN231" s="190"/>
      <c r="AO231" s="190"/>
      <c r="AP231" s="190"/>
      <c r="AQ231" s="190"/>
      <c r="AR231" s="190"/>
      <c r="AS231" s="190"/>
      <c r="AT231" s="190"/>
      <c r="AU231" s="190"/>
      <c r="AV231" s="190"/>
      <c r="AW231" s="190"/>
      <c r="AX231" s="190"/>
      <c r="AY231" s="190"/>
      <c r="AZ231" s="190"/>
      <c r="BA231" s="190"/>
      <c r="BB231" s="190"/>
      <c r="BC231" s="190"/>
      <c r="BD231" s="190"/>
      <c r="BE231" s="190"/>
    </row>
    <row r="232" spans="1:57" s="18" customFormat="1" ht="69.900000000000006" customHeight="1" x14ac:dyDescent="0.2">
      <c r="A232" s="390" t="s">
        <v>146</v>
      </c>
      <c r="B232" s="391"/>
      <c r="C232" s="391"/>
      <c r="D232" s="391"/>
      <c r="E232" s="391"/>
      <c r="F232" s="391"/>
      <c r="G232" s="391"/>
      <c r="H232" s="391"/>
      <c r="I232" s="391"/>
      <c r="J232" s="391"/>
      <c r="K232" s="391"/>
      <c r="L232" s="391"/>
      <c r="M232" s="391"/>
      <c r="N232" s="391"/>
      <c r="O232" s="391"/>
      <c r="P232" s="391"/>
      <c r="Q232" s="392"/>
      <c r="R232" s="42"/>
      <c r="S232" s="43"/>
      <c r="T232" s="74"/>
      <c r="U232" s="45"/>
    </row>
    <row r="233" spans="1:57" s="57" customFormat="1" ht="70.2" customHeight="1" x14ac:dyDescent="0.2">
      <c r="A233" s="219" t="s">
        <v>147</v>
      </c>
      <c r="B233" s="220"/>
      <c r="C233" s="220"/>
      <c r="D233" s="220"/>
      <c r="E233" s="220"/>
      <c r="F233" s="220"/>
      <c r="G233" s="220"/>
      <c r="H233" s="220"/>
      <c r="I233" s="221"/>
      <c r="J233" s="397"/>
      <c r="K233" s="397"/>
      <c r="L233" s="397"/>
      <c r="M233" s="397"/>
      <c r="N233" s="397"/>
      <c r="O233" s="397"/>
      <c r="P233" s="397"/>
      <c r="Q233" s="398"/>
      <c r="R233" s="55"/>
      <c r="S233" s="43"/>
      <c r="T233" s="97"/>
      <c r="U233" s="105"/>
      <c r="V233" s="106"/>
      <c r="W233" s="106"/>
      <c r="X233" s="106"/>
      <c r="Y233" s="106"/>
      <c r="Z233" s="106"/>
      <c r="AA233" s="106"/>
      <c r="AB233" s="106"/>
      <c r="AC233" s="106"/>
      <c r="AD233" s="106"/>
      <c r="AE233" s="106"/>
      <c r="AF233" s="106"/>
      <c r="AG233" s="106"/>
      <c r="AH233" s="106"/>
      <c r="AI233" s="106"/>
      <c r="AJ233" s="106"/>
      <c r="AK233" s="106"/>
      <c r="AL233" s="106"/>
      <c r="AM233" s="106"/>
      <c r="AN233" s="106"/>
      <c r="AO233" s="106"/>
      <c r="AP233" s="106"/>
      <c r="AQ233" s="106"/>
      <c r="AR233" s="106"/>
      <c r="AS233" s="106"/>
      <c r="AT233" s="106"/>
      <c r="AU233" s="106"/>
      <c r="AV233" s="106"/>
      <c r="AW233" s="106"/>
      <c r="AX233" s="106"/>
      <c r="AY233" s="106"/>
      <c r="AZ233" s="106"/>
      <c r="BA233" s="106"/>
      <c r="BB233" s="106"/>
      <c r="BC233" s="106"/>
      <c r="BD233" s="106"/>
      <c r="BE233" s="106"/>
    </row>
    <row r="234" spans="1:57" s="57" customFormat="1" ht="70.2" customHeight="1" x14ac:dyDescent="0.2">
      <c r="A234" s="399" t="s">
        <v>148</v>
      </c>
      <c r="B234" s="400"/>
      <c r="C234" s="400"/>
      <c r="D234" s="400"/>
      <c r="E234" s="400"/>
      <c r="F234" s="400"/>
      <c r="G234" s="400"/>
      <c r="H234" s="400"/>
      <c r="I234" s="401"/>
      <c r="J234" s="59" t="s">
        <v>149</v>
      </c>
      <c r="K234" s="60"/>
      <c r="L234" s="60"/>
      <c r="M234" s="60"/>
      <c r="N234" s="60"/>
      <c r="O234" s="60"/>
      <c r="P234" s="60"/>
      <c r="Q234" s="402"/>
      <c r="R234" s="55"/>
      <c r="S234" s="43"/>
      <c r="T234" s="97"/>
      <c r="U234" s="105"/>
      <c r="V234" s="106"/>
      <c r="W234" s="106"/>
      <c r="X234" s="106"/>
      <c r="Y234" s="106"/>
      <c r="Z234" s="106"/>
      <c r="AA234" s="106"/>
      <c r="AB234" s="106"/>
      <c r="AC234" s="106"/>
      <c r="AD234" s="106"/>
      <c r="AE234" s="106"/>
      <c r="AF234" s="106"/>
      <c r="AG234" s="106"/>
      <c r="AH234" s="106"/>
      <c r="AI234" s="106"/>
      <c r="AJ234" s="106"/>
      <c r="AK234" s="106"/>
      <c r="AL234" s="106"/>
      <c r="AM234" s="106"/>
      <c r="AN234" s="106"/>
      <c r="AO234" s="106"/>
      <c r="AP234" s="106"/>
      <c r="AQ234" s="106"/>
      <c r="AR234" s="106"/>
      <c r="AS234" s="106"/>
      <c r="AT234" s="106"/>
      <c r="AU234" s="106"/>
      <c r="AV234" s="106"/>
      <c r="AW234" s="106"/>
      <c r="AX234" s="106"/>
      <c r="AY234" s="106"/>
      <c r="AZ234" s="106"/>
      <c r="BA234" s="106"/>
      <c r="BB234" s="106"/>
      <c r="BC234" s="106"/>
      <c r="BD234" s="106"/>
      <c r="BE234" s="106"/>
    </row>
    <row r="235" spans="1:57" s="57" customFormat="1" ht="70.2" customHeight="1" x14ac:dyDescent="0.2">
      <c r="A235" s="403"/>
      <c r="B235" s="404"/>
      <c r="C235" s="404"/>
      <c r="D235" s="404"/>
      <c r="E235" s="404"/>
      <c r="F235" s="404"/>
      <c r="G235" s="404"/>
      <c r="H235" s="404"/>
      <c r="I235" s="405"/>
      <c r="J235" s="51" t="s">
        <v>150</v>
      </c>
      <c r="K235" s="381"/>
      <c r="L235" s="406" t="s">
        <v>151</v>
      </c>
      <c r="M235" s="59"/>
      <c r="N235" s="60"/>
      <c r="O235" s="60"/>
      <c r="P235" s="60"/>
      <c r="Q235" s="402"/>
      <c r="R235" s="55"/>
      <c r="S235" s="43"/>
      <c r="T235" s="97"/>
      <c r="U235" s="105"/>
      <c r="V235" s="106"/>
      <c r="W235" s="106"/>
      <c r="X235" s="106"/>
      <c r="Y235" s="106"/>
      <c r="Z235" s="106"/>
      <c r="AA235" s="106"/>
      <c r="AB235" s="106"/>
      <c r="AC235" s="106"/>
      <c r="AD235" s="106"/>
      <c r="AE235" s="106"/>
      <c r="AF235" s="106"/>
      <c r="AG235" s="106"/>
      <c r="AH235" s="106"/>
      <c r="AI235" s="106"/>
      <c r="AJ235" s="106"/>
      <c r="AK235" s="106"/>
      <c r="AL235" s="106"/>
      <c r="AM235" s="106"/>
      <c r="AN235" s="106"/>
      <c r="AO235" s="106"/>
      <c r="AP235" s="106"/>
      <c r="AQ235" s="106"/>
      <c r="AR235" s="106"/>
      <c r="AS235" s="106"/>
      <c r="AT235" s="106"/>
      <c r="AU235" s="106"/>
      <c r="AV235" s="106"/>
      <c r="AW235" s="106"/>
      <c r="AX235" s="106"/>
      <c r="AY235" s="106"/>
      <c r="AZ235" s="106"/>
      <c r="BA235" s="106"/>
      <c r="BB235" s="106"/>
      <c r="BC235" s="106"/>
      <c r="BD235" s="106"/>
      <c r="BE235" s="106"/>
    </row>
    <row r="236" spans="1:57" s="57" customFormat="1" ht="70.2" customHeight="1" x14ac:dyDescent="0.2">
      <c r="A236" s="407" t="s">
        <v>152</v>
      </c>
      <c r="B236" s="408"/>
      <c r="C236" s="408"/>
      <c r="D236" s="408"/>
      <c r="E236" s="408"/>
      <c r="F236" s="408"/>
      <c r="G236" s="408"/>
      <c r="H236" s="408"/>
      <c r="I236" s="409"/>
      <c r="J236" s="410"/>
      <c r="K236" s="410"/>
      <c r="L236" s="410"/>
      <c r="M236" s="410"/>
      <c r="N236" s="410"/>
      <c r="O236" s="410"/>
      <c r="P236" s="410"/>
      <c r="Q236" s="411"/>
      <c r="R236" s="55"/>
      <c r="S236" s="43"/>
      <c r="T236" s="97"/>
      <c r="U236" s="105"/>
      <c r="V236" s="106"/>
      <c r="W236" s="106"/>
      <c r="X236" s="106"/>
      <c r="Y236" s="106"/>
      <c r="Z236" s="106"/>
      <c r="AA236" s="106"/>
      <c r="AB236" s="106"/>
      <c r="AC236" s="106"/>
      <c r="AD236" s="106"/>
      <c r="AE236" s="106"/>
      <c r="AF236" s="106"/>
      <c r="AG236" s="106"/>
      <c r="AH236" s="106"/>
      <c r="AI236" s="106"/>
      <c r="AJ236" s="106"/>
      <c r="AK236" s="106"/>
      <c r="AL236" s="106"/>
      <c r="AM236" s="106"/>
      <c r="AN236" s="106"/>
      <c r="AO236" s="106"/>
      <c r="AP236" s="106"/>
      <c r="AQ236" s="106"/>
      <c r="AR236" s="106"/>
      <c r="AS236" s="106"/>
      <c r="AT236" s="106"/>
      <c r="AU236" s="106"/>
      <c r="AV236" s="106"/>
      <c r="AW236" s="106"/>
      <c r="AX236" s="106"/>
      <c r="AY236" s="106"/>
      <c r="AZ236" s="106"/>
      <c r="BA236" s="106"/>
      <c r="BB236" s="106"/>
      <c r="BC236" s="106"/>
      <c r="BD236" s="106"/>
      <c r="BE236" s="106"/>
    </row>
    <row r="237" spans="1:57" s="57" customFormat="1" ht="70.2" customHeight="1" x14ac:dyDescent="0.2">
      <c r="A237" s="407" t="s">
        <v>153</v>
      </c>
      <c r="B237" s="408"/>
      <c r="C237" s="408"/>
      <c r="D237" s="408"/>
      <c r="E237" s="408"/>
      <c r="F237" s="408"/>
      <c r="G237" s="408"/>
      <c r="H237" s="408"/>
      <c r="I237" s="409"/>
      <c r="J237" s="410"/>
      <c r="K237" s="410"/>
      <c r="L237" s="410"/>
      <c r="M237" s="410"/>
      <c r="N237" s="410"/>
      <c r="O237" s="410"/>
      <c r="P237" s="410"/>
      <c r="Q237" s="411"/>
      <c r="R237" s="55"/>
      <c r="S237" s="43"/>
      <c r="T237" s="97"/>
      <c r="U237" s="105"/>
      <c r="V237" s="106"/>
      <c r="W237" s="106"/>
      <c r="X237" s="106"/>
      <c r="Y237" s="106"/>
      <c r="Z237" s="106"/>
      <c r="AA237" s="106"/>
      <c r="AB237" s="106"/>
      <c r="AC237" s="106"/>
      <c r="AD237" s="106"/>
      <c r="AE237" s="106"/>
      <c r="AF237" s="106"/>
      <c r="AG237" s="106"/>
      <c r="AH237" s="106"/>
      <c r="AI237" s="106"/>
      <c r="AJ237" s="106"/>
      <c r="AK237" s="106"/>
      <c r="AL237" s="106"/>
      <c r="AM237" s="106"/>
      <c r="AN237" s="106"/>
      <c r="AO237" s="106"/>
      <c r="AP237" s="106"/>
      <c r="AQ237" s="106"/>
      <c r="AR237" s="106"/>
      <c r="AS237" s="106"/>
      <c r="AT237" s="106"/>
      <c r="AU237" s="106"/>
      <c r="AV237" s="106"/>
      <c r="AW237" s="106"/>
      <c r="AX237" s="106"/>
      <c r="AY237" s="106"/>
      <c r="AZ237" s="106"/>
      <c r="BA237" s="106"/>
      <c r="BB237" s="106"/>
      <c r="BC237" s="106"/>
      <c r="BD237" s="106"/>
      <c r="BE237" s="106"/>
    </row>
    <row r="238" spans="1:57" s="57" customFormat="1" ht="70.2" customHeight="1" x14ac:dyDescent="0.2">
      <c r="A238" s="399" t="s">
        <v>154</v>
      </c>
      <c r="B238" s="400"/>
      <c r="C238" s="400"/>
      <c r="D238" s="400"/>
      <c r="E238" s="400"/>
      <c r="F238" s="400"/>
      <c r="G238" s="400"/>
      <c r="H238" s="400"/>
      <c r="I238" s="401"/>
      <c r="J238" s="412" t="s">
        <v>155</v>
      </c>
      <c r="K238" s="59" t="s">
        <v>156</v>
      </c>
      <c r="L238" s="60"/>
      <c r="M238" s="60"/>
      <c r="N238" s="60"/>
      <c r="O238" s="60"/>
      <c r="P238" s="60"/>
      <c r="Q238" s="402"/>
      <c r="R238" s="55"/>
      <c r="S238" s="43"/>
      <c r="T238" s="97"/>
      <c r="U238" s="105"/>
      <c r="V238" s="106"/>
      <c r="W238" s="106"/>
      <c r="X238" s="106"/>
      <c r="Y238" s="106"/>
      <c r="Z238" s="106"/>
      <c r="AA238" s="106"/>
      <c r="AB238" s="106"/>
      <c r="AC238" s="106"/>
      <c r="AD238" s="106"/>
      <c r="AE238" s="106"/>
      <c r="AF238" s="106"/>
      <c r="AG238" s="106"/>
      <c r="AH238" s="106"/>
      <c r="AI238" s="106"/>
      <c r="AJ238" s="106"/>
      <c r="AK238" s="106"/>
      <c r="AL238" s="106"/>
      <c r="AM238" s="106"/>
      <c r="AN238" s="106"/>
      <c r="AO238" s="106"/>
      <c r="AP238" s="106"/>
      <c r="AQ238" s="106"/>
      <c r="AR238" s="106"/>
      <c r="AS238" s="106"/>
      <c r="AT238" s="106"/>
      <c r="AU238" s="106"/>
      <c r="AV238" s="106"/>
      <c r="AW238" s="106"/>
      <c r="AX238" s="106"/>
      <c r="AY238" s="106"/>
      <c r="AZ238" s="106"/>
      <c r="BA238" s="106"/>
      <c r="BB238" s="106"/>
      <c r="BC238" s="106"/>
      <c r="BD238" s="106"/>
      <c r="BE238" s="106"/>
    </row>
    <row r="239" spans="1:57" s="57" customFormat="1" ht="70.2" customHeight="1" x14ac:dyDescent="0.2">
      <c r="A239" s="413"/>
      <c r="B239" s="414"/>
      <c r="C239" s="414"/>
      <c r="D239" s="414"/>
      <c r="E239" s="414"/>
      <c r="F239" s="414"/>
      <c r="G239" s="414"/>
      <c r="H239" s="414"/>
      <c r="I239" s="415"/>
      <c r="J239" s="59" t="s">
        <v>157</v>
      </c>
      <c r="K239" s="60"/>
      <c r="L239" s="60"/>
      <c r="M239" s="60"/>
      <c r="N239" s="60"/>
      <c r="O239" s="60"/>
      <c r="P239" s="60"/>
      <c r="Q239" s="402"/>
      <c r="R239" s="55"/>
      <c r="S239" s="43"/>
      <c r="T239" s="97"/>
      <c r="U239" s="105"/>
      <c r="V239" s="106"/>
      <c r="W239" s="106"/>
      <c r="X239" s="106"/>
      <c r="Y239" s="106"/>
      <c r="Z239" s="106"/>
      <c r="AA239" s="106"/>
      <c r="AB239" s="106"/>
      <c r="AC239" s="106"/>
      <c r="AD239" s="106"/>
      <c r="AE239" s="106"/>
      <c r="AF239" s="106"/>
      <c r="AG239" s="106"/>
      <c r="AH239" s="106"/>
      <c r="AI239" s="106"/>
      <c r="AJ239" s="106"/>
      <c r="AK239" s="106"/>
      <c r="AL239" s="106"/>
      <c r="AM239" s="106"/>
      <c r="AN239" s="106"/>
      <c r="AO239" s="106"/>
      <c r="AP239" s="106"/>
      <c r="AQ239" s="106"/>
      <c r="AR239" s="106"/>
      <c r="AS239" s="106"/>
      <c r="AT239" s="106"/>
      <c r="AU239" s="106"/>
      <c r="AV239" s="106"/>
      <c r="AW239" s="106"/>
      <c r="AX239" s="106"/>
      <c r="AY239" s="106"/>
      <c r="AZ239" s="106"/>
      <c r="BA239" s="106"/>
      <c r="BB239" s="106"/>
      <c r="BC239" s="106"/>
      <c r="BD239" s="106"/>
      <c r="BE239" s="106"/>
    </row>
    <row r="240" spans="1:57" s="57" customFormat="1" ht="70.2" customHeight="1" x14ac:dyDescent="0.2">
      <c r="A240" s="403"/>
      <c r="B240" s="404"/>
      <c r="C240" s="404"/>
      <c r="D240" s="404"/>
      <c r="E240" s="404"/>
      <c r="F240" s="404"/>
      <c r="G240" s="404"/>
      <c r="H240" s="404"/>
      <c r="I240" s="405"/>
      <c r="J240" s="51" t="s">
        <v>158</v>
      </c>
      <c r="K240" s="381"/>
      <c r="L240" s="406" t="s">
        <v>151</v>
      </c>
      <c r="M240" s="59"/>
      <c r="N240" s="60"/>
      <c r="O240" s="60"/>
      <c r="P240" s="60"/>
      <c r="Q240" s="402"/>
      <c r="R240" s="55"/>
      <c r="S240" s="43"/>
      <c r="T240" s="97"/>
      <c r="U240" s="105"/>
      <c r="V240" s="106"/>
      <c r="W240" s="106"/>
      <c r="X240" s="106"/>
      <c r="Y240" s="106"/>
      <c r="Z240" s="106"/>
      <c r="AA240" s="106"/>
      <c r="AB240" s="106"/>
      <c r="AC240" s="106"/>
      <c r="AD240" s="106"/>
      <c r="AE240" s="106"/>
      <c r="AF240" s="106"/>
      <c r="AG240" s="106"/>
      <c r="AH240" s="106"/>
      <c r="AI240" s="106"/>
      <c r="AJ240" s="106"/>
      <c r="AK240" s="106"/>
      <c r="AL240" s="106"/>
      <c r="AM240" s="106"/>
      <c r="AN240" s="106"/>
      <c r="AO240" s="106"/>
      <c r="AP240" s="106"/>
      <c r="AQ240" s="106"/>
      <c r="AR240" s="106"/>
      <c r="AS240" s="106"/>
      <c r="AT240" s="106"/>
      <c r="AU240" s="106"/>
      <c r="AV240" s="106"/>
      <c r="AW240" s="106"/>
      <c r="AX240" s="106"/>
      <c r="AY240" s="106"/>
      <c r="AZ240" s="106"/>
      <c r="BA240" s="106"/>
      <c r="BB240" s="106"/>
      <c r="BC240" s="106"/>
      <c r="BD240" s="106"/>
      <c r="BE240" s="106"/>
    </row>
    <row r="241" spans="1:57" s="57" customFormat="1" ht="70.2" customHeight="1" x14ac:dyDescent="0.2">
      <c r="A241" s="407" t="s">
        <v>159</v>
      </c>
      <c r="B241" s="408"/>
      <c r="C241" s="408"/>
      <c r="D241" s="408"/>
      <c r="E241" s="408"/>
      <c r="F241" s="408"/>
      <c r="G241" s="408"/>
      <c r="H241" s="408"/>
      <c r="I241" s="409"/>
      <c r="J241" s="410"/>
      <c r="K241" s="410"/>
      <c r="L241" s="410"/>
      <c r="M241" s="410"/>
      <c r="N241" s="410"/>
      <c r="O241" s="410"/>
      <c r="P241" s="410"/>
      <c r="Q241" s="411"/>
      <c r="R241" s="55"/>
      <c r="S241" s="43"/>
      <c r="T241" s="97"/>
      <c r="U241" s="105"/>
      <c r="V241" s="106"/>
      <c r="W241" s="106"/>
      <c r="X241" s="106"/>
      <c r="Y241" s="106"/>
      <c r="Z241" s="106"/>
      <c r="AA241" s="106"/>
      <c r="AB241" s="106"/>
      <c r="AC241" s="106"/>
      <c r="AD241" s="106"/>
      <c r="AE241" s="106"/>
      <c r="AF241" s="106"/>
      <c r="AG241" s="106"/>
      <c r="AH241" s="106"/>
      <c r="AI241" s="106"/>
      <c r="AJ241" s="106"/>
      <c r="AK241" s="106"/>
      <c r="AL241" s="106"/>
      <c r="AM241" s="106"/>
      <c r="AN241" s="106"/>
      <c r="AO241" s="106"/>
      <c r="AP241" s="106"/>
      <c r="AQ241" s="106"/>
      <c r="AR241" s="106"/>
      <c r="AS241" s="106"/>
      <c r="AT241" s="106"/>
      <c r="AU241" s="106"/>
      <c r="AV241" s="106"/>
      <c r="AW241" s="106"/>
      <c r="AX241" s="106"/>
      <c r="AY241" s="106"/>
      <c r="AZ241" s="106"/>
      <c r="BA241" s="106"/>
      <c r="BB241" s="106"/>
      <c r="BC241" s="106"/>
      <c r="BD241" s="106"/>
      <c r="BE241" s="106"/>
    </row>
    <row r="242" spans="1:57" s="57" customFormat="1" ht="70.2" customHeight="1" x14ac:dyDescent="0.2">
      <c r="A242" s="399" t="s">
        <v>160</v>
      </c>
      <c r="B242" s="400"/>
      <c r="C242" s="400"/>
      <c r="D242" s="400"/>
      <c r="E242" s="400"/>
      <c r="F242" s="400"/>
      <c r="G242" s="400"/>
      <c r="H242" s="400"/>
      <c r="I242" s="401"/>
      <c r="J242" s="416"/>
      <c r="K242" s="400"/>
      <c r="L242" s="400"/>
      <c r="M242" s="400"/>
      <c r="N242" s="400"/>
      <c r="O242" s="400"/>
      <c r="P242" s="400"/>
      <c r="Q242" s="417"/>
      <c r="R242" s="55"/>
      <c r="S242" s="43"/>
      <c r="T242" s="97"/>
      <c r="U242" s="105"/>
      <c r="V242" s="106"/>
      <c r="W242" s="106"/>
      <c r="X242" s="106"/>
      <c r="Y242" s="106"/>
      <c r="Z242" s="106"/>
      <c r="AA242" s="106"/>
      <c r="AB242" s="106"/>
      <c r="AC242" s="106"/>
      <c r="AD242" s="106"/>
      <c r="AE242" s="106"/>
      <c r="AF242" s="106"/>
      <c r="AG242" s="106"/>
      <c r="AH242" s="106"/>
      <c r="AI242" s="106"/>
      <c r="AJ242" s="106"/>
      <c r="AK242" s="106"/>
      <c r="AL242" s="106"/>
      <c r="AM242" s="106"/>
      <c r="AN242" s="106"/>
      <c r="AO242" s="106"/>
      <c r="AP242" s="106"/>
      <c r="AQ242" s="106"/>
      <c r="AR242" s="106"/>
      <c r="AS242" s="106"/>
      <c r="AT242" s="106"/>
      <c r="AU242" s="106"/>
      <c r="AV242" s="106"/>
      <c r="AW242" s="106"/>
      <c r="AX242" s="106"/>
      <c r="AY242" s="106"/>
      <c r="AZ242" s="106"/>
      <c r="BA242" s="106"/>
      <c r="BB242" s="106"/>
      <c r="BC242" s="106"/>
      <c r="BD242" s="106"/>
      <c r="BE242" s="106"/>
    </row>
    <row r="243" spans="1:57" s="18" customFormat="1" ht="69.900000000000006" customHeight="1" x14ac:dyDescent="0.2">
      <c r="A243" s="70" t="s">
        <v>28</v>
      </c>
      <c r="B243" s="72"/>
      <c r="C243" s="72"/>
      <c r="D243" s="72"/>
      <c r="E243" s="72"/>
      <c r="F243" s="72"/>
      <c r="G243" s="72"/>
      <c r="H243" s="72"/>
      <c r="I243" s="72"/>
      <c r="J243" s="72"/>
      <c r="K243" s="72"/>
      <c r="L243" s="72"/>
      <c r="M243" s="72"/>
      <c r="N243" s="72"/>
      <c r="O243" s="72"/>
      <c r="P243" s="72"/>
      <c r="Q243" s="202"/>
      <c r="R243" s="42"/>
      <c r="S243" s="43"/>
      <c r="T243" s="74"/>
      <c r="U243" s="45"/>
    </row>
    <row r="244" spans="1:57" s="57" customFormat="1" ht="75" customHeight="1" x14ac:dyDescent="0.2">
      <c r="A244" s="75"/>
      <c r="B244" s="76"/>
      <c r="C244" s="76"/>
      <c r="D244" s="76"/>
      <c r="E244" s="76"/>
      <c r="F244" s="76"/>
      <c r="G244" s="76"/>
      <c r="H244" s="76"/>
      <c r="I244" s="76"/>
      <c r="J244" s="76"/>
      <c r="K244" s="76"/>
      <c r="L244" s="77"/>
      <c r="M244" s="76"/>
      <c r="N244" s="76"/>
      <c r="O244" s="76"/>
      <c r="P244" s="76"/>
      <c r="Q244" s="78"/>
      <c r="R244" s="55"/>
      <c r="S244" s="43"/>
      <c r="T244" s="79"/>
      <c r="U244" s="45"/>
    </row>
    <row r="245" spans="1:57" s="57" customFormat="1" ht="75" customHeight="1" thickBot="1" x14ac:dyDescent="0.25">
      <c r="A245" s="80"/>
      <c r="B245" s="81"/>
      <c r="C245" s="81"/>
      <c r="D245" s="81"/>
      <c r="E245" s="81"/>
      <c r="F245" s="81"/>
      <c r="G245" s="81"/>
      <c r="H245" s="81"/>
      <c r="I245" s="81"/>
      <c r="J245" s="81"/>
      <c r="K245" s="81"/>
      <c r="L245" s="82"/>
      <c r="M245" s="81"/>
      <c r="N245" s="81"/>
      <c r="O245" s="81"/>
      <c r="P245" s="81"/>
      <c r="Q245" s="83"/>
      <c r="R245" s="55"/>
      <c r="S245" s="43"/>
      <c r="T245" s="79"/>
      <c r="U245" s="45"/>
    </row>
    <row r="246" spans="1:57" s="18" customFormat="1" ht="69.900000000000006" customHeight="1" thickBot="1" x14ac:dyDescent="0.25">
      <c r="A246" s="137" t="s">
        <v>161</v>
      </c>
      <c r="B246" s="139"/>
      <c r="C246" s="139"/>
      <c r="D246" s="139"/>
      <c r="E246" s="139"/>
      <c r="F246" s="139"/>
      <c r="G246" s="139"/>
      <c r="H246" s="139"/>
      <c r="I246" s="139"/>
      <c r="J246" s="139"/>
      <c r="K246" s="139"/>
      <c r="L246" s="139"/>
      <c r="M246" s="139"/>
      <c r="N246" s="139"/>
      <c r="O246" s="139"/>
      <c r="P246" s="139"/>
      <c r="Q246" s="269"/>
      <c r="R246" s="55"/>
      <c r="S246" s="43"/>
      <c r="T246" s="97"/>
      <c r="U246" s="105"/>
      <c r="V246" s="98"/>
      <c r="W246" s="98"/>
      <c r="X246" s="98"/>
      <c r="Y246" s="106"/>
      <c r="Z246" s="106"/>
      <c r="AA246" s="106"/>
      <c r="AB246" s="106"/>
      <c r="AC246" s="106"/>
      <c r="AD246" s="106"/>
      <c r="AE246" s="106"/>
      <c r="AF246" s="106"/>
      <c r="AG246" s="106"/>
      <c r="AH246" s="106"/>
      <c r="AI246" s="106"/>
      <c r="AJ246" s="106"/>
      <c r="AK246" s="106"/>
      <c r="AL246" s="106"/>
      <c r="AM246" s="106"/>
      <c r="AN246" s="106"/>
      <c r="AO246" s="98"/>
      <c r="AP246" s="98"/>
      <c r="AQ246" s="98"/>
      <c r="AR246" s="98"/>
      <c r="AS246" s="98"/>
      <c r="AT246" s="98"/>
      <c r="AU246" s="98"/>
      <c r="AV246" s="98"/>
      <c r="AW246" s="98"/>
      <c r="AX246" s="98"/>
      <c r="AY246" s="98"/>
      <c r="AZ246" s="98"/>
      <c r="BA246" s="98"/>
      <c r="BB246" s="98"/>
      <c r="BC246" s="98"/>
      <c r="BD246" s="98"/>
      <c r="BE246" s="98"/>
    </row>
    <row r="247" spans="1:57" s="57" customFormat="1" ht="140.1" customHeight="1" thickTop="1" thickBot="1" x14ac:dyDescent="0.25">
      <c r="A247" s="418" t="s">
        <v>162</v>
      </c>
      <c r="B247" s="419"/>
      <c r="C247" s="419"/>
      <c r="D247" s="419"/>
      <c r="E247" s="419"/>
      <c r="F247" s="419"/>
      <c r="G247" s="419"/>
      <c r="H247" s="419"/>
      <c r="I247" s="419"/>
      <c r="J247" s="419"/>
      <c r="K247" s="419"/>
      <c r="L247" s="419"/>
      <c r="M247" s="419"/>
      <c r="N247" s="420"/>
      <c r="O247" s="347" t="s">
        <v>20</v>
      </c>
      <c r="P247" s="347" t="s">
        <v>21</v>
      </c>
      <c r="Q247" s="349" t="s">
        <v>22</v>
      </c>
      <c r="R247" s="55"/>
      <c r="S247" s="43"/>
      <c r="T247" s="56"/>
      <c r="U247" s="105"/>
      <c r="V247" s="106"/>
      <c r="W247" s="106"/>
      <c r="X247" s="106"/>
      <c r="Y247" s="106"/>
      <c r="Z247" s="106"/>
      <c r="AA247" s="106"/>
      <c r="AB247" s="106"/>
      <c r="AC247" s="106"/>
      <c r="AD247" s="106"/>
      <c r="AE247" s="106"/>
      <c r="AF247" s="106"/>
      <c r="AG247" s="106"/>
      <c r="AH247" s="106"/>
      <c r="AI247" s="106"/>
      <c r="AJ247" s="106"/>
      <c r="AK247" s="106"/>
      <c r="AL247" s="106"/>
      <c r="AM247" s="106"/>
      <c r="AN247" s="106"/>
      <c r="AO247" s="106"/>
      <c r="AP247" s="106"/>
      <c r="AQ247" s="106"/>
      <c r="AR247" s="106"/>
      <c r="AS247" s="106"/>
      <c r="AT247" s="106"/>
      <c r="AU247" s="106"/>
      <c r="AV247" s="106"/>
      <c r="AW247" s="106"/>
      <c r="AX247" s="106"/>
      <c r="AY247" s="106"/>
      <c r="AZ247" s="106"/>
      <c r="BA247" s="106"/>
      <c r="BB247" s="106"/>
      <c r="BC247" s="106"/>
      <c r="BD247" s="106"/>
      <c r="BE247" s="106"/>
    </row>
    <row r="248" spans="1:57" s="57" customFormat="1" ht="132" customHeight="1" thickTop="1" thickBot="1" x14ac:dyDescent="0.25">
      <c r="A248" s="421" t="s">
        <v>163</v>
      </c>
      <c r="B248" s="422"/>
      <c r="C248" s="422"/>
      <c r="D248" s="422"/>
      <c r="E248" s="422"/>
      <c r="F248" s="422"/>
      <c r="G248" s="422"/>
      <c r="H248" s="422"/>
      <c r="I248" s="422"/>
      <c r="J248" s="422"/>
      <c r="K248" s="422"/>
      <c r="L248" s="422"/>
      <c r="M248" s="422"/>
      <c r="N248" s="423"/>
      <c r="O248" s="145" t="s">
        <v>20</v>
      </c>
      <c r="P248" s="145" t="s">
        <v>21</v>
      </c>
      <c r="Q248" s="146" t="s">
        <v>22</v>
      </c>
      <c r="R248" s="55"/>
      <c r="S248" s="43"/>
      <c r="T248" s="56"/>
      <c r="U248" s="105"/>
      <c r="V248" s="106"/>
      <c r="W248" s="106"/>
      <c r="X248" s="106"/>
      <c r="Y248" s="106"/>
      <c r="Z248" s="106"/>
      <c r="AA248" s="106"/>
      <c r="AB248" s="106"/>
      <c r="AC248" s="106"/>
      <c r="AD248" s="106"/>
      <c r="AE248" s="106"/>
      <c r="AF248" s="106"/>
      <c r="AG248" s="106"/>
      <c r="AH248" s="106"/>
      <c r="AI248" s="106"/>
      <c r="AJ248" s="106"/>
      <c r="AK248" s="106"/>
      <c r="AL248" s="106"/>
      <c r="AM248" s="106"/>
      <c r="AN248" s="106"/>
      <c r="AO248" s="106"/>
      <c r="AP248" s="106"/>
      <c r="AQ248" s="106"/>
      <c r="AR248" s="106"/>
      <c r="AS248" s="106"/>
      <c r="AT248" s="106"/>
      <c r="AU248" s="106"/>
      <c r="AV248" s="106"/>
      <c r="AW248" s="106"/>
      <c r="AX248" s="106"/>
      <c r="AY248" s="106"/>
      <c r="AZ248" s="106"/>
      <c r="BA248" s="106"/>
      <c r="BB248" s="106"/>
      <c r="BC248" s="106"/>
      <c r="BD248" s="106"/>
      <c r="BE248" s="106"/>
    </row>
    <row r="249" spans="1:57" s="18" customFormat="1" ht="69.599999999999994" customHeight="1" thickTop="1" x14ac:dyDescent="0.2">
      <c r="A249" s="318" t="s">
        <v>141</v>
      </c>
      <c r="B249" s="214"/>
      <c r="C249" s="214"/>
      <c r="D249" s="214"/>
      <c r="E249" s="214"/>
      <c r="F249" s="214"/>
      <c r="G249" s="214"/>
      <c r="H249" s="214"/>
      <c r="I249" s="214"/>
      <c r="J249" s="214"/>
      <c r="K249" s="214"/>
      <c r="L249" s="214"/>
      <c r="M249" s="214"/>
      <c r="N249" s="214"/>
      <c r="O249" s="214"/>
      <c r="P249" s="214"/>
      <c r="Q249" s="319"/>
      <c r="R249" s="42"/>
      <c r="S249" s="43"/>
      <c r="T249" s="74"/>
      <c r="U249" s="45"/>
    </row>
    <row r="250" spans="1:57" s="18" customFormat="1" ht="69.599999999999994" customHeight="1" x14ac:dyDescent="0.2">
      <c r="A250" s="323" t="s">
        <v>164</v>
      </c>
      <c r="B250" s="324"/>
      <c r="C250" s="324"/>
      <c r="D250" s="324"/>
      <c r="E250" s="324"/>
      <c r="F250" s="324"/>
      <c r="G250" s="324"/>
      <c r="H250" s="324"/>
      <c r="I250" s="324"/>
      <c r="J250" s="324"/>
      <c r="K250" s="324"/>
      <c r="L250" s="324"/>
      <c r="M250" s="324"/>
      <c r="N250" s="324"/>
      <c r="O250" s="324"/>
      <c r="P250" s="324"/>
      <c r="Q250" s="325"/>
      <c r="R250" s="42"/>
      <c r="S250" s="43"/>
      <c r="T250" s="74"/>
      <c r="U250" s="45"/>
    </row>
    <row r="251" spans="1:57" s="57" customFormat="1" ht="69.900000000000006" customHeight="1" x14ac:dyDescent="0.2">
      <c r="A251" s="424" t="s">
        <v>165</v>
      </c>
      <c r="B251" s="425"/>
      <c r="C251" s="425"/>
      <c r="D251" s="425"/>
      <c r="E251" s="425"/>
      <c r="F251" s="425"/>
      <c r="G251" s="425"/>
      <c r="H251" s="425"/>
      <c r="I251" s="425"/>
      <c r="J251" s="426"/>
      <c r="K251" s="427"/>
      <c r="L251" s="427"/>
      <c r="M251" s="427"/>
      <c r="N251" s="427"/>
      <c r="O251" s="427"/>
      <c r="P251" s="427"/>
      <c r="Q251" s="428"/>
      <c r="R251" s="55"/>
      <c r="S251" s="43"/>
      <c r="T251" s="97"/>
      <c r="U251" s="105"/>
      <c r="V251" s="106"/>
      <c r="W251" s="106"/>
      <c r="X251" s="106"/>
      <c r="Y251" s="106"/>
      <c r="Z251" s="106"/>
      <c r="AA251" s="106"/>
      <c r="AB251" s="106"/>
      <c r="AC251" s="106"/>
      <c r="AD251" s="106"/>
      <c r="AE251" s="106"/>
      <c r="AF251" s="106"/>
      <c r="AG251" s="106"/>
      <c r="AH251" s="106"/>
      <c r="AI251" s="106"/>
      <c r="AJ251" s="106"/>
      <c r="AK251" s="106"/>
      <c r="AL251" s="106"/>
      <c r="AM251" s="106"/>
      <c r="AN251" s="106"/>
      <c r="AO251" s="106"/>
      <c r="AP251" s="106"/>
      <c r="AQ251" s="106"/>
      <c r="AR251" s="106"/>
      <c r="AS251" s="106"/>
      <c r="AT251" s="106"/>
      <c r="AU251" s="106"/>
      <c r="AV251" s="106"/>
      <c r="AW251" s="106"/>
      <c r="AX251" s="106"/>
      <c r="AY251" s="106"/>
      <c r="AZ251" s="106"/>
      <c r="BA251" s="106"/>
      <c r="BB251" s="106"/>
      <c r="BC251" s="106"/>
      <c r="BD251" s="106"/>
      <c r="BE251" s="106"/>
    </row>
    <row r="252" spans="1:57" s="191" customFormat="1" ht="69.900000000000006" customHeight="1" x14ac:dyDescent="0.2">
      <c r="A252" s="429" t="s">
        <v>166</v>
      </c>
      <c r="B252" s="430"/>
      <c r="C252" s="430"/>
      <c r="D252" s="430"/>
      <c r="E252" s="430"/>
      <c r="F252" s="430"/>
      <c r="G252" s="430"/>
      <c r="H252" s="430"/>
      <c r="I252" s="430"/>
      <c r="J252" s="431"/>
      <c r="K252" s="432" t="s">
        <v>167</v>
      </c>
      <c r="L252" s="433"/>
      <c r="M252" s="434" t="s">
        <v>168</v>
      </c>
      <c r="N252" s="435"/>
      <c r="O252" s="435"/>
      <c r="P252" s="435"/>
      <c r="Q252" s="436"/>
      <c r="R252" s="186"/>
      <c r="S252" s="187"/>
      <c r="T252" s="188"/>
      <c r="U252" s="45"/>
      <c r="V252" s="190"/>
      <c r="W252" s="190"/>
      <c r="X252" s="190"/>
      <c r="Y252" s="190"/>
      <c r="Z252" s="190"/>
      <c r="AA252" s="190"/>
      <c r="AB252" s="190"/>
      <c r="AC252" s="190"/>
      <c r="AD252" s="190"/>
      <c r="AE252" s="190"/>
      <c r="AF252" s="190"/>
      <c r="AG252" s="190"/>
      <c r="AH252" s="190"/>
      <c r="AI252" s="190"/>
      <c r="AJ252" s="190"/>
      <c r="AK252" s="190"/>
      <c r="AL252" s="190"/>
      <c r="AM252" s="190"/>
      <c r="AN252" s="190"/>
      <c r="AO252" s="190"/>
      <c r="AP252" s="190"/>
      <c r="AQ252" s="190"/>
      <c r="AR252" s="190"/>
      <c r="AS252" s="190"/>
      <c r="AT252" s="190"/>
      <c r="AU252" s="190"/>
      <c r="AV252" s="190"/>
      <c r="AW252" s="190"/>
      <c r="AX252" s="190"/>
      <c r="AY252" s="190"/>
      <c r="AZ252" s="190"/>
      <c r="BA252" s="190"/>
      <c r="BB252" s="190"/>
      <c r="BC252" s="190"/>
      <c r="BD252" s="190"/>
      <c r="BE252" s="190"/>
    </row>
    <row r="253" spans="1:57" s="191" customFormat="1" ht="69.900000000000006" customHeight="1" x14ac:dyDescent="0.2">
      <c r="A253" s="437"/>
      <c r="B253" s="438"/>
      <c r="C253" s="438"/>
      <c r="D253" s="438"/>
      <c r="E253" s="438"/>
      <c r="F253" s="438"/>
      <c r="G253" s="438"/>
      <c r="H253" s="438"/>
      <c r="I253" s="438"/>
      <c r="J253" s="439"/>
      <c r="K253" s="440"/>
      <c r="L253" s="441"/>
      <c r="M253" s="442" t="s">
        <v>169</v>
      </c>
      <c r="N253" s="443"/>
      <c r="O253" s="443"/>
      <c r="P253" s="443"/>
      <c r="Q253" s="444"/>
      <c r="R253" s="186"/>
      <c r="S253" s="187"/>
      <c r="T253" s="188"/>
      <c r="U253" s="189"/>
      <c r="V253" s="190"/>
      <c r="W253" s="190"/>
      <c r="X253" s="190"/>
      <c r="Y253" s="190"/>
      <c r="Z253" s="190"/>
      <c r="AA253" s="190"/>
      <c r="AB253" s="190"/>
      <c r="AC253" s="190"/>
      <c r="AD253" s="190"/>
      <c r="AE253" s="190"/>
      <c r="AF253" s="190"/>
      <c r="AG253" s="190"/>
      <c r="AH253" s="190"/>
      <c r="AI253" s="190"/>
      <c r="AJ253" s="190"/>
      <c r="AK253" s="190"/>
      <c r="AL253" s="190"/>
      <c r="AM253" s="190"/>
      <c r="AN253" s="190"/>
      <c r="AO253" s="190"/>
      <c r="AP253" s="190"/>
      <c r="AQ253" s="190"/>
      <c r="AR253" s="190"/>
      <c r="AS253" s="190"/>
      <c r="AT253" s="190"/>
      <c r="AU253" s="190"/>
      <c r="AV253" s="190"/>
      <c r="AW253" s="190"/>
      <c r="AX253" s="190"/>
      <c r="AY253" s="190"/>
      <c r="AZ253" s="190"/>
      <c r="BA253" s="190"/>
      <c r="BB253" s="190"/>
      <c r="BC253" s="190"/>
      <c r="BD253" s="190"/>
      <c r="BE253" s="190"/>
    </row>
    <row r="254" spans="1:57" s="191" customFormat="1" ht="69.900000000000006" customHeight="1" x14ac:dyDescent="0.2">
      <c r="A254" s="429" t="s">
        <v>170</v>
      </c>
      <c r="B254" s="430"/>
      <c r="C254" s="430"/>
      <c r="D254" s="430"/>
      <c r="E254" s="430"/>
      <c r="F254" s="430"/>
      <c r="G254" s="430"/>
      <c r="H254" s="430"/>
      <c r="I254" s="430"/>
      <c r="J254" s="431"/>
      <c r="K254" s="432" t="s">
        <v>167</v>
      </c>
      <c r="L254" s="433"/>
      <c r="M254" s="434" t="s">
        <v>168</v>
      </c>
      <c r="N254" s="435"/>
      <c r="O254" s="435"/>
      <c r="P254" s="435"/>
      <c r="Q254" s="436"/>
      <c r="R254" s="186"/>
      <c r="S254" s="187"/>
      <c r="T254" s="188"/>
      <c r="U254" s="189"/>
      <c r="V254" s="190"/>
      <c r="W254" s="190"/>
      <c r="X254" s="190"/>
      <c r="Y254" s="190"/>
      <c r="Z254" s="190"/>
      <c r="AA254" s="190"/>
      <c r="AB254" s="190"/>
      <c r="AC254" s="190"/>
      <c r="AD254" s="190"/>
      <c r="AE254" s="190"/>
      <c r="AF254" s="190"/>
      <c r="AG254" s="190"/>
      <c r="AH254" s="190"/>
      <c r="AI254" s="190"/>
      <c r="AJ254" s="190"/>
      <c r="AK254" s="190"/>
      <c r="AL254" s="190"/>
      <c r="AM254" s="190"/>
      <c r="AN254" s="190"/>
      <c r="AO254" s="190"/>
      <c r="AP254" s="190"/>
      <c r="AQ254" s="190"/>
      <c r="AR254" s="190"/>
      <c r="AS254" s="190"/>
      <c r="AT254" s="190"/>
      <c r="AU254" s="190"/>
      <c r="AV254" s="190"/>
      <c r="AW254" s="190"/>
      <c r="AX254" s="190"/>
      <c r="AY254" s="190"/>
      <c r="AZ254" s="190"/>
      <c r="BA254" s="190"/>
      <c r="BB254" s="190"/>
      <c r="BC254" s="190"/>
      <c r="BD254" s="190"/>
      <c r="BE254" s="190"/>
    </row>
    <row r="255" spans="1:57" s="191" customFormat="1" ht="69.900000000000006" customHeight="1" x14ac:dyDescent="0.2">
      <c r="A255" s="437"/>
      <c r="B255" s="438"/>
      <c r="C255" s="438"/>
      <c r="D255" s="438"/>
      <c r="E255" s="438"/>
      <c r="F255" s="438"/>
      <c r="G255" s="438"/>
      <c r="H255" s="438"/>
      <c r="I255" s="438"/>
      <c r="J255" s="439"/>
      <c r="K255" s="440"/>
      <c r="L255" s="441"/>
      <c r="M255" s="442" t="s">
        <v>169</v>
      </c>
      <c r="N255" s="443"/>
      <c r="O255" s="443"/>
      <c r="P255" s="443"/>
      <c r="Q255" s="444"/>
      <c r="R255" s="186"/>
      <c r="S255" s="187"/>
      <c r="T255" s="188"/>
      <c r="U255" s="189"/>
      <c r="V255" s="190"/>
      <c r="W255" s="190"/>
      <c r="X255" s="190"/>
      <c r="Y255" s="190"/>
      <c r="Z255" s="190"/>
      <c r="AA255" s="190"/>
      <c r="AB255" s="190"/>
      <c r="AC255" s="190"/>
      <c r="AD255" s="190"/>
      <c r="AE255" s="190"/>
      <c r="AF255" s="190"/>
      <c r="AG255" s="190"/>
      <c r="AH255" s="190"/>
      <c r="AI255" s="190"/>
      <c r="AJ255" s="190"/>
      <c r="AK255" s="190"/>
      <c r="AL255" s="190"/>
      <c r="AM255" s="190"/>
      <c r="AN255" s="190"/>
      <c r="AO255" s="190"/>
      <c r="AP255" s="190"/>
      <c r="AQ255" s="190"/>
      <c r="AR255" s="190"/>
      <c r="AS255" s="190"/>
      <c r="AT255" s="190"/>
      <c r="AU255" s="190"/>
      <c r="AV255" s="190"/>
      <c r="AW255" s="190"/>
      <c r="AX255" s="190"/>
      <c r="AY255" s="190"/>
      <c r="AZ255" s="190"/>
      <c r="BA255" s="190"/>
      <c r="BB255" s="190"/>
      <c r="BC255" s="190"/>
      <c r="BD255" s="190"/>
      <c r="BE255" s="190"/>
    </row>
    <row r="256" spans="1:57" s="57" customFormat="1" ht="120" customHeight="1" x14ac:dyDescent="0.2">
      <c r="A256" s="445" t="s">
        <v>171</v>
      </c>
      <c r="B256" s="446"/>
      <c r="C256" s="446"/>
      <c r="D256" s="446"/>
      <c r="E256" s="446"/>
      <c r="F256" s="446"/>
      <c r="G256" s="446"/>
      <c r="H256" s="446"/>
      <c r="I256" s="446"/>
      <c r="J256" s="447"/>
      <c r="K256" s="448"/>
      <c r="L256" s="449"/>
      <c r="M256" s="449"/>
      <c r="N256" s="449"/>
      <c r="O256" s="449"/>
      <c r="P256" s="449"/>
      <c r="Q256" s="450"/>
      <c r="R256" s="55"/>
      <c r="S256" s="43"/>
      <c r="T256" s="97"/>
      <c r="U256" s="105"/>
      <c r="V256" s="106"/>
      <c r="W256" s="106"/>
      <c r="X256" s="106"/>
      <c r="Y256" s="106"/>
      <c r="Z256" s="106"/>
      <c r="AA256" s="106"/>
      <c r="AB256" s="106"/>
      <c r="AC256" s="106"/>
      <c r="AD256" s="106"/>
      <c r="AE256" s="106"/>
      <c r="AF256" s="106"/>
      <c r="AG256" s="106"/>
      <c r="AH256" s="106"/>
      <c r="AI256" s="106"/>
      <c r="AJ256" s="106"/>
      <c r="AK256" s="106"/>
      <c r="AL256" s="106"/>
      <c r="AM256" s="106"/>
      <c r="AN256" s="106"/>
      <c r="AO256" s="106"/>
      <c r="AP256" s="106"/>
      <c r="AQ256" s="106"/>
      <c r="AR256" s="106"/>
      <c r="AS256" s="106"/>
      <c r="AT256" s="106"/>
      <c r="AU256" s="106"/>
      <c r="AV256" s="106"/>
      <c r="AW256" s="106"/>
      <c r="AX256" s="106"/>
      <c r="AY256" s="106"/>
      <c r="AZ256" s="106"/>
      <c r="BA256" s="106"/>
      <c r="BB256" s="106"/>
      <c r="BC256" s="106"/>
      <c r="BD256" s="106"/>
      <c r="BE256" s="106"/>
    </row>
    <row r="257" spans="1:57" s="18" customFormat="1" ht="69.599999999999994" customHeight="1" x14ac:dyDescent="0.2">
      <c r="A257" s="451" t="s">
        <v>172</v>
      </c>
      <c r="B257" s="452"/>
      <c r="C257" s="452"/>
      <c r="D257" s="452"/>
      <c r="E257" s="452"/>
      <c r="F257" s="452"/>
      <c r="G257" s="452"/>
      <c r="H257" s="452"/>
      <c r="I257" s="452"/>
      <c r="J257" s="452"/>
      <c r="K257" s="452"/>
      <c r="L257" s="452"/>
      <c r="M257" s="452"/>
      <c r="N257" s="452"/>
      <c r="O257" s="452"/>
      <c r="P257" s="452"/>
      <c r="Q257" s="453"/>
      <c r="R257" s="42"/>
      <c r="S257" s="43"/>
      <c r="T257" s="74"/>
      <c r="U257" s="45"/>
    </row>
    <row r="258" spans="1:57" s="18" customFormat="1" ht="69.599999999999994" customHeight="1" x14ac:dyDescent="0.2">
      <c r="A258" s="454" t="s">
        <v>173</v>
      </c>
      <c r="B258" s="455"/>
      <c r="C258" s="455"/>
      <c r="D258" s="455"/>
      <c r="E258" s="455"/>
      <c r="F258" s="455"/>
      <c r="G258" s="455"/>
      <c r="H258" s="455"/>
      <c r="I258" s="455"/>
      <c r="J258" s="455"/>
      <c r="K258" s="455"/>
      <c r="L258" s="455"/>
      <c r="M258" s="455"/>
      <c r="N258" s="455"/>
      <c r="O258" s="455"/>
      <c r="P258" s="455"/>
      <c r="Q258" s="456"/>
      <c r="R258" s="42"/>
      <c r="S258" s="43"/>
      <c r="T258" s="74"/>
      <c r="U258" s="45"/>
    </row>
    <row r="259" spans="1:57" s="18" customFormat="1" ht="69.599999999999994" customHeight="1" x14ac:dyDescent="0.2">
      <c r="A259" s="451" t="s">
        <v>174</v>
      </c>
      <c r="B259" s="452"/>
      <c r="C259" s="452"/>
      <c r="D259" s="452"/>
      <c r="E259" s="452"/>
      <c r="F259" s="452"/>
      <c r="G259" s="452"/>
      <c r="H259" s="452"/>
      <c r="I259" s="452"/>
      <c r="J259" s="452"/>
      <c r="K259" s="452"/>
      <c r="L259" s="452"/>
      <c r="M259" s="452"/>
      <c r="N259" s="452"/>
      <c r="O259" s="452"/>
      <c r="P259" s="452"/>
      <c r="Q259" s="453"/>
      <c r="R259" s="42"/>
      <c r="S259" s="43"/>
      <c r="T259" s="74"/>
      <c r="U259" s="45"/>
    </row>
    <row r="260" spans="1:57" s="57" customFormat="1" ht="69.900000000000006" customHeight="1" x14ac:dyDescent="0.2">
      <c r="A260" s="454" t="s">
        <v>175</v>
      </c>
      <c r="B260" s="455"/>
      <c r="C260" s="455"/>
      <c r="D260" s="455"/>
      <c r="E260" s="455"/>
      <c r="F260" s="455"/>
      <c r="G260" s="455"/>
      <c r="H260" s="455"/>
      <c r="I260" s="455"/>
      <c r="J260" s="455"/>
      <c r="K260" s="455"/>
      <c r="L260" s="455"/>
      <c r="M260" s="455"/>
      <c r="N260" s="455"/>
      <c r="O260" s="455"/>
      <c r="P260" s="455"/>
      <c r="Q260" s="456"/>
      <c r="R260" s="55"/>
      <c r="S260" s="43"/>
      <c r="T260" s="97"/>
      <c r="U260" s="105"/>
      <c r="V260" s="106"/>
      <c r="W260" s="106"/>
      <c r="X260" s="106"/>
      <c r="Y260" s="106"/>
      <c r="Z260" s="106"/>
      <c r="AA260" s="106"/>
      <c r="AB260" s="106"/>
      <c r="AC260" s="106"/>
      <c r="AD260" s="106"/>
      <c r="AE260" s="106"/>
      <c r="AF260" s="106"/>
      <c r="AG260" s="106"/>
      <c r="AH260" s="106"/>
      <c r="AI260" s="106"/>
      <c r="AJ260" s="106"/>
      <c r="AK260" s="106"/>
      <c r="AL260" s="106"/>
      <c r="AM260" s="106"/>
      <c r="AN260" s="106"/>
      <c r="AO260" s="106"/>
      <c r="AP260" s="106"/>
      <c r="AQ260" s="106"/>
      <c r="AR260" s="106"/>
      <c r="AS260" s="106"/>
      <c r="AT260" s="106"/>
      <c r="AU260" s="106"/>
      <c r="AV260" s="106"/>
      <c r="AW260" s="106"/>
      <c r="AX260" s="106"/>
      <c r="AY260" s="106"/>
      <c r="AZ260" s="106"/>
      <c r="BA260" s="106"/>
      <c r="BB260" s="106"/>
      <c r="BC260" s="106"/>
      <c r="BD260" s="106"/>
      <c r="BE260" s="106"/>
    </row>
    <row r="261" spans="1:57" s="18" customFormat="1" ht="69.900000000000006" customHeight="1" x14ac:dyDescent="0.2">
      <c r="A261" s="284" t="s">
        <v>28</v>
      </c>
      <c r="B261" s="150"/>
      <c r="C261" s="150"/>
      <c r="D261" s="150"/>
      <c r="E261" s="150"/>
      <c r="F261" s="150"/>
      <c r="G261" s="150"/>
      <c r="H261" s="150"/>
      <c r="I261" s="150"/>
      <c r="J261" s="150"/>
      <c r="K261" s="150"/>
      <c r="L261" s="150"/>
      <c r="M261" s="150"/>
      <c r="N261" s="150"/>
      <c r="O261" s="150"/>
      <c r="P261" s="150"/>
      <c r="Q261" s="177"/>
      <c r="R261" s="42"/>
      <c r="S261" s="43"/>
      <c r="T261" s="74"/>
      <c r="U261" s="45"/>
    </row>
    <row r="262" spans="1:57" s="57" customFormat="1" ht="75" customHeight="1" x14ac:dyDescent="0.2">
      <c r="A262" s="285"/>
      <c r="B262" s="286"/>
      <c r="C262" s="286"/>
      <c r="D262" s="286"/>
      <c r="E262" s="286"/>
      <c r="F262" s="286"/>
      <c r="G262" s="286"/>
      <c r="H262" s="286"/>
      <c r="I262" s="286"/>
      <c r="J262" s="286"/>
      <c r="K262" s="286"/>
      <c r="L262" s="287"/>
      <c r="M262" s="286"/>
      <c r="N262" s="286"/>
      <c r="O262" s="286"/>
      <c r="P262" s="286"/>
      <c r="Q262" s="288"/>
      <c r="R262" s="55"/>
      <c r="S262" s="43"/>
      <c r="T262" s="79"/>
      <c r="U262" s="45"/>
    </row>
    <row r="263" spans="1:57" s="57" customFormat="1" ht="75" customHeight="1" thickBot="1" x14ac:dyDescent="0.25">
      <c r="A263" s="289"/>
      <c r="B263" s="290"/>
      <c r="C263" s="290"/>
      <c r="D263" s="290"/>
      <c r="E263" s="290"/>
      <c r="F263" s="290"/>
      <c r="G263" s="290"/>
      <c r="H263" s="290"/>
      <c r="I263" s="290"/>
      <c r="J263" s="290"/>
      <c r="K263" s="290"/>
      <c r="L263" s="291"/>
      <c r="M263" s="290"/>
      <c r="N263" s="290"/>
      <c r="O263" s="290"/>
      <c r="P263" s="290"/>
      <c r="Q263" s="292"/>
      <c r="R263" s="55"/>
      <c r="S263" s="43"/>
      <c r="T263" s="136"/>
      <c r="U263" s="45"/>
    </row>
    <row r="264" spans="1:57" s="18" customFormat="1" ht="69.900000000000006" customHeight="1" thickBot="1" x14ac:dyDescent="0.25">
      <c r="A264" s="84" t="s">
        <v>176</v>
      </c>
      <c r="B264" s="86"/>
      <c r="C264" s="86"/>
      <c r="D264" s="86"/>
      <c r="E264" s="86"/>
      <c r="F264" s="86"/>
      <c r="G264" s="86"/>
      <c r="H264" s="86"/>
      <c r="I264" s="86"/>
      <c r="J264" s="86"/>
      <c r="K264" s="86"/>
      <c r="L264" s="86"/>
      <c r="M264" s="86"/>
      <c r="N264" s="86"/>
      <c r="O264" s="86"/>
      <c r="P264" s="86"/>
      <c r="Q264" s="171"/>
      <c r="R264" s="55"/>
      <c r="S264" s="43"/>
      <c r="T264" s="27"/>
      <c r="U264" s="105"/>
      <c r="V264" s="98"/>
      <c r="W264" s="98"/>
      <c r="X264" s="98"/>
      <c r="Y264" s="98"/>
      <c r="Z264" s="98"/>
      <c r="AA264" s="98"/>
      <c r="AB264" s="98"/>
      <c r="AC264" s="98"/>
      <c r="AD264" s="98"/>
      <c r="AE264" s="98"/>
      <c r="AF264" s="98"/>
      <c r="AG264" s="98"/>
      <c r="AH264" s="98"/>
      <c r="AI264" s="98"/>
      <c r="AJ264" s="98"/>
      <c r="AK264" s="98"/>
      <c r="AL264" s="98"/>
      <c r="AM264" s="98"/>
      <c r="AN264" s="98"/>
      <c r="AO264" s="98"/>
      <c r="AP264" s="98"/>
      <c r="AQ264" s="98"/>
      <c r="AR264" s="98"/>
      <c r="AS264" s="98"/>
      <c r="AT264" s="98"/>
      <c r="AU264" s="98"/>
      <c r="AV264" s="98"/>
      <c r="AW264" s="98"/>
      <c r="AX264" s="98"/>
      <c r="AY264" s="98"/>
      <c r="AZ264" s="98"/>
      <c r="BA264" s="98"/>
      <c r="BB264" s="98"/>
      <c r="BC264" s="98"/>
      <c r="BD264" s="98"/>
      <c r="BE264" s="98"/>
    </row>
    <row r="265" spans="1:57" s="57" customFormat="1" ht="140.1" customHeight="1" thickTop="1" thickBot="1" x14ac:dyDescent="0.25">
      <c r="A265" s="172" t="s">
        <v>177</v>
      </c>
      <c r="B265" s="173"/>
      <c r="C265" s="173"/>
      <c r="D265" s="173"/>
      <c r="E265" s="173"/>
      <c r="F265" s="173"/>
      <c r="G265" s="173"/>
      <c r="H265" s="173"/>
      <c r="I265" s="173"/>
      <c r="J265" s="173"/>
      <c r="K265" s="173"/>
      <c r="L265" s="173"/>
      <c r="M265" s="173"/>
      <c r="N265" s="174"/>
      <c r="O265" s="347" t="s">
        <v>20</v>
      </c>
      <c r="P265" s="347" t="s">
        <v>21</v>
      </c>
      <c r="Q265" s="349" t="s">
        <v>22</v>
      </c>
      <c r="R265" s="55"/>
      <c r="S265" s="43"/>
      <c r="T265" s="56"/>
      <c r="U265" s="105"/>
      <c r="V265" s="106"/>
      <c r="W265" s="106"/>
      <c r="X265" s="106"/>
      <c r="Y265" s="98"/>
      <c r="Z265" s="98"/>
      <c r="AA265" s="98"/>
      <c r="AB265" s="98"/>
      <c r="AC265" s="98"/>
      <c r="AD265" s="98"/>
      <c r="AE265" s="98"/>
      <c r="AF265" s="98"/>
      <c r="AG265" s="98"/>
      <c r="AH265" s="98"/>
      <c r="AI265" s="98"/>
      <c r="AJ265" s="98"/>
      <c r="AK265" s="98"/>
      <c r="AL265" s="98"/>
      <c r="AM265" s="98"/>
      <c r="AN265" s="98"/>
      <c r="AO265" s="106"/>
      <c r="AP265" s="106"/>
      <c r="AQ265" s="106"/>
      <c r="AR265" s="106"/>
      <c r="AS265" s="106"/>
      <c r="AT265" s="106"/>
      <c r="AU265" s="106"/>
      <c r="AV265" s="106"/>
      <c r="AW265" s="106"/>
      <c r="AX265" s="106"/>
      <c r="AY265" s="106"/>
      <c r="AZ265" s="106"/>
      <c r="BA265" s="106"/>
      <c r="BB265" s="106"/>
      <c r="BC265" s="106"/>
      <c r="BD265" s="106"/>
      <c r="BE265" s="106"/>
    </row>
    <row r="266" spans="1:57" s="18" customFormat="1" ht="69.900000000000006" customHeight="1" thickTop="1" x14ac:dyDescent="0.2">
      <c r="A266" s="387" t="s">
        <v>178</v>
      </c>
      <c r="B266" s="388"/>
      <c r="C266" s="388"/>
      <c r="D266" s="388"/>
      <c r="E266" s="388"/>
      <c r="F266" s="388"/>
      <c r="G266" s="388"/>
      <c r="H266" s="388"/>
      <c r="I266" s="388"/>
      <c r="J266" s="388"/>
      <c r="K266" s="388"/>
      <c r="L266" s="388"/>
      <c r="M266" s="388"/>
      <c r="N266" s="388"/>
      <c r="O266" s="388"/>
      <c r="P266" s="388"/>
      <c r="Q266" s="389"/>
      <c r="R266" s="42"/>
      <c r="S266" s="43"/>
      <c r="T266" s="74"/>
      <c r="U266" s="45"/>
    </row>
    <row r="267" spans="1:57" s="18" customFormat="1" ht="69.900000000000006" customHeight="1" x14ac:dyDescent="0.2">
      <c r="A267" s="216" t="s">
        <v>179</v>
      </c>
      <c r="B267" s="217"/>
      <c r="C267" s="217"/>
      <c r="D267" s="217"/>
      <c r="E267" s="217"/>
      <c r="F267" s="217"/>
      <c r="G267" s="217"/>
      <c r="H267" s="217"/>
      <c r="I267" s="217"/>
      <c r="J267" s="217"/>
      <c r="K267" s="217"/>
      <c r="L267" s="217"/>
      <c r="M267" s="217"/>
      <c r="N267" s="217"/>
      <c r="O267" s="217"/>
      <c r="P267" s="217"/>
      <c r="Q267" s="218"/>
      <c r="R267" s="42"/>
      <c r="S267" s="43"/>
      <c r="T267" s="74"/>
      <c r="U267" s="45"/>
    </row>
    <row r="268" spans="1:57" s="191" customFormat="1" ht="69.900000000000006" customHeight="1" x14ac:dyDescent="0.2">
      <c r="A268" s="457" t="s">
        <v>180</v>
      </c>
      <c r="B268" s="458"/>
      <c r="C268" s="458"/>
      <c r="D268" s="458"/>
      <c r="E268" s="458"/>
      <c r="F268" s="458"/>
      <c r="G268" s="458"/>
      <c r="H268" s="458"/>
      <c r="I268" s="458"/>
      <c r="J268" s="458"/>
      <c r="K268" s="458"/>
      <c r="L268" s="458"/>
      <c r="M268" s="458"/>
      <c r="N268" s="458"/>
      <c r="O268" s="458"/>
      <c r="P268" s="458"/>
      <c r="Q268" s="459"/>
      <c r="R268" s="186"/>
      <c r="S268" s="187"/>
      <c r="T268" s="188"/>
      <c r="U268" s="189"/>
      <c r="V268" s="190"/>
      <c r="W268" s="190"/>
      <c r="X268" s="190"/>
      <c r="Y268" s="190"/>
      <c r="Z268" s="190"/>
      <c r="AA268" s="190"/>
      <c r="AB268" s="190"/>
      <c r="AC268" s="190"/>
      <c r="AD268" s="190"/>
      <c r="AE268" s="190"/>
      <c r="AF268" s="190"/>
      <c r="AG268" s="190"/>
      <c r="AH268" s="190"/>
      <c r="AI268" s="190"/>
      <c r="AJ268" s="190"/>
      <c r="AK268" s="190"/>
      <c r="AL268" s="190"/>
      <c r="AM268" s="190"/>
      <c r="AN268" s="190"/>
      <c r="AO268" s="190"/>
      <c r="AP268" s="190"/>
      <c r="AQ268" s="190"/>
      <c r="AR268" s="190"/>
      <c r="AS268" s="190"/>
      <c r="AT268" s="190"/>
      <c r="AU268" s="190"/>
      <c r="AV268" s="190"/>
      <c r="AW268" s="190"/>
      <c r="AX268" s="190"/>
      <c r="AY268" s="190"/>
      <c r="AZ268" s="190"/>
      <c r="BA268" s="190"/>
      <c r="BB268" s="190"/>
      <c r="BC268" s="190"/>
      <c r="BD268" s="190"/>
      <c r="BE268" s="190"/>
    </row>
    <row r="269" spans="1:57" s="191" customFormat="1" ht="69.900000000000006" customHeight="1" x14ac:dyDescent="0.2">
      <c r="A269" s="299" t="s">
        <v>100</v>
      </c>
      <c r="B269" s="300"/>
      <c r="C269" s="300"/>
      <c r="D269" s="300"/>
      <c r="E269" s="300"/>
      <c r="F269" s="300"/>
      <c r="G269" s="300"/>
      <c r="H269" s="300"/>
      <c r="I269" s="300"/>
      <c r="J269" s="300"/>
      <c r="K269" s="300"/>
      <c r="L269" s="300"/>
      <c r="M269" s="300"/>
      <c r="N269" s="300"/>
      <c r="O269" s="300"/>
      <c r="P269" s="300"/>
      <c r="Q269" s="301"/>
      <c r="R269" s="186"/>
      <c r="S269" s="187"/>
      <c r="T269" s="188"/>
      <c r="U269" s="189"/>
      <c r="V269" s="190"/>
      <c r="W269" s="190"/>
      <c r="X269" s="190"/>
      <c r="Y269" s="190"/>
      <c r="Z269" s="190"/>
      <c r="AA269" s="190"/>
      <c r="AB269" s="190"/>
      <c r="AC269" s="190"/>
      <c r="AD269" s="190"/>
      <c r="AE269" s="190"/>
      <c r="AF269" s="190"/>
      <c r="AG269" s="190"/>
      <c r="AH269" s="190"/>
      <c r="AI269" s="190"/>
      <c r="AJ269" s="190"/>
      <c r="AK269" s="190"/>
      <c r="AL269" s="190"/>
      <c r="AM269" s="190"/>
      <c r="AN269" s="190"/>
      <c r="AO269" s="190"/>
      <c r="AP269" s="190"/>
      <c r="AQ269" s="190"/>
      <c r="AR269" s="190"/>
      <c r="AS269" s="190"/>
      <c r="AT269" s="190"/>
      <c r="AU269" s="190"/>
      <c r="AV269" s="190"/>
      <c r="AW269" s="190"/>
      <c r="AX269" s="190"/>
      <c r="AY269" s="190"/>
      <c r="AZ269" s="190"/>
      <c r="BA269" s="190"/>
      <c r="BB269" s="190"/>
      <c r="BC269" s="190"/>
      <c r="BD269" s="190"/>
      <c r="BE269" s="190"/>
    </row>
    <row r="270" spans="1:57" s="18" customFormat="1" ht="69.900000000000006" customHeight="1" x14ac:dyDescent="0.2">
      <c r="A270" s="390" t="s">
        <v>181</v>
      </c>
      <c r="B270" s="391"/>
      <c r="C270" s="391"/>
      <c r="D270" s="391"/>
      <c r="E270" s="391"/>
      <c r="F270" s="391"/>
      <c r="G270" s="391"/>
      <c r="H270" s="391"/>
      <c r="I270" s="391"/>
      <c r="J270" s="391"/>
      <c r="K270" s="391"/>
      <c r="L270" s="391"/>
      <c r="M270" s="391"/>
      <c r="N270" s="391"/>
      <c r="O270" s="391"/>
      <c r="P270" s="391"/>
      <c r="Q270" s="392"/>
      <c r="R270" s="42"/>
      <c r="S270" s="43"/>
      <c r="T270" s="74"/>
      <c r="U270" s="45"/>
    </row>
    <row r="271" spans="1:57" s="191" customFormat="1" ht="69.900000000000006" customHeight="1" x14ac:dyDescent="0.2">
      <c r="A271" s="296" t="s">
        <v>182</v>
      </c>
      <c r="B271" s="297"/>
      <c r="C271" s="297"/>
      <c r="D271" s="297"/>
      <c r="E271" s="297"/>
      <c r="F271" s="297"/>
      <c r="G271" s="297"/>
      <c r="H271" s="297"/>
      <c r="I271" s="297"/>
      <c r="J271" s="297"/>
      <c r="K271" s="297"/>
      <c r="L271" s="297"/>
      <c r="M271" s="297"/>
      <c r="N271" s="297"/>
      <c r="O271" s="297"/>
      <c r="P271" s="297"/>
      <c r="Q271" s="298"/>
      <c r="R271" s="186"/>
      <c r="S271" s="187"/>
      <c r="T271" s="188"/>
      <c r="U271" s="189"/>
      <c r="V271" s="190"/>
      <c r="W271" s="190"/>
      <c r="X271" s="190"/>
      <c r="Y271" s="190"/>
      <c r="Z271" s="190"/>
      <c r="AA271" s="190"/>
      <c r="AB271" s="190"/>
      <c r="AC271" s="190"/>
      <c r="AD271" s="190"/>
      <c r="AE271" s="190"/>
      <c r="AF271" s="190"/>
      <c r="AG271" s="190"/>
      <c r="AH271" s="190"/>
      <c r="AI271" s="190"/>
      <c r="AJ271" s="190"/>
      <c r="AK271" s="190"/>
      <c r="AL271" s="190"/>
      <c r="AM271" s="190"/>
      <c r="AN271" s="190"/>
      <c r="AO271" s="190"/>
      <c r="AP271" s="190"/>
      <c r="AQ271" s="190"/>
      <c r="AR271" s="190"/>
      <c r="AS271" s="190"/>
      <c r="AT271" s="190"/>
      <c r="AU271" s="190"/>
      <c r="AV271" s="190"/>
      <c r="AW271" s="190"/>
      <c r="AX271" s="190"/>
      <c r="AY271" s="190"/>
      <c r="AZ271" s="190"/>
      <c r="BA271" s="190"/>
      <c r="BB271" s="190"/>
      <c r="BC271" s="190"/>
      <c r="BD271" s="190"/>
      <c r="BE271" s="190"/>
    </row>
    <row r="272" spans="1:57" s="191" customFormat="1" ht="69.900000000000006" customHeight="1" x14ac:dyDescent="0.2">
      <c r="A272" s="299" t="s">
        <v>100</v>
      </c>
      <c r="B272" s="300"/>
      <c r="C272" s="300"/>
      <c r="D272" s="300"/>
      <c r="E272" s="300"/>
      <c r="F272" s="300"/>
      <c r="G272" s="300"/>
      <c r="H272" s="300"/>
      <c r="I272" s="300"/>
      <c r="J272" s="300"/>
      <c r="K272" s="300"/>
      <c r="L272" s="300"/>
      <c r="M272" s="300"/>
      <c r="N272" s="300"/>
      <c r="O272" s="300"/>
      <c r="P272" s="300"/>
      <c r="Q272" s="301"/>
      <c r="R272" s="186"/>
      <c r="S272" s="187"/>
      <c r="T272" s="188"/>
      <c r="U272" s="189"/>
      <c r="V272" s="190"/>
      <c r="W272" s="190"/>
      <c r="X272" s="190"/>
      <c r="Y272" s="190"/>
      <c r="Z272" s="190"/>
      <c r="AA272" s="190"/>
      <c r="AB272" s="190"/>
      <c r="AC272" s="190"/>
      <c r="AD272" s="190"/>
      <c r="AE272" s="190"/>
      <c r="AF272" s="190"/>
      <c r="AG272" s="190"/>
      <c r="AH272" s="190"/>
      <c r="AI272" s="190"/>
      <c r="AJ272" s="190"/>
      <c r="AK272" s="190"/>
      <c r="AL272" s="190"/>
      <c r="AM272" s="190"/>
      <c r="AN272" s="190"/>
      <c r="AO272" s="190"/>
      <c r="AP272" s="190"/>
      <c r="AQ272" s="190"/>
      <c r="AR272" s="190"/>
      <c r="AS272" s="190"/>
      <c r="AT272" s="190"/>
      <c r="AU272" s="190"/>
      <c r="AV272" s="190"/>
      <c r="AW272" s="190"/>
      <c r="AX272" s="190"/>
      <c r="AY272" s="190"/>
      <c r="AZ272" s="190"/>
      <c r="BA272" s="190"/>
      <c r="BB272" s="190"/>
      <c r="BC272" s="190"/>
      <c r="BD272" s="190"/>
      <c r="BE272" s="190"/>
    </row>
    <row r="273" spans="1:57" s="18" customFormat="1" ht="69.900000000000006" customHeight="1" x14ac:dyDescent="0.2">
      <c r="A273" s="70" t="s">
        <v>28</v>
      </c>
      <c r="B273" s="72"/>
      <c r="C273" s="72"/>
      <c r="D273" s="72"/>
      <c r="E273" s="72"/>
      <c r="F273" s="72"/>
      <c r="G273" s="72"/>
      <c r="H273" s="72"/>
      <c r="I273" s="72"/>
      <c r="J273" s="72"/>
      <c r="K273" s="72"/>
      <c r="L273" s="72"/>
      <c r="M273" s="72"/>
      <c r="N273" s="72"/>
      <c r="O273" s="72"/>
      <c r="P273" s="72"/>
      <c r="Q273" s="202"/>
      <c r="R273" s="42"/>
      <c r="S273" s="43"/>
      <c r="T273" s="74"/>
      <c r="U273" s="45"/>
    </row>
    <row r="274" spans="1:57" s="57" customFormat="1" ht="75" customHeight="1" x14ac:dyDescent="0.2">
      <c r="A274" s="75"/>
      <c r="B274" s="76"/>
      <c r="C274" s="76"/>
      <c r="D274" s="76"/>
      <c r="E274" s="76"/>
      <c r="F274" s="76"/>
      <c r="G274" s="76"/>
      <c r="H274" s="76"/>
      <c r="I274" s="76"/>
      <c r="J274" s="76"/>
      <c r="K274" s="76"/>
      <c r="L274" s="77"/>
      <c r="M274" s="76"/>
      <c r="N274" s="76"/>
      <c r="O274" s="76"/>
      <c r="P274" s="76"/>
      <c r="Q274" s="78"/>
      <c r="R274" s="55"/>
      <c r="S274" s="43"/>
      <c r="T274" s="79"/>
      <c r="U274" s="45"/>
    </row>
    <row r="275" spans="1:57" s="57" customFormat="1" ht="75" customHeight="1" thickBot="1" x14ac:dyDescent="0.25">
      <c r="A275" s="80"/>
      <c r="B275" s="81"/>
      <c r="C275" s="81"/>
      <c r="D275" s="81"/>
      <c r="E275" s="81"/>
      <c r="F275" s="81"/>
      <c r="G275" s="81"/>
      <c r="H275" s="81"/>
      <c r="I275" s="81"/>
      <c r="J275" s="81"/>
      <c r="K275" s="81"/>
      <c r="L275" s="82"/>
      <c r="M275" s="81"/>
      <c r="N275" s="81"/>
      <c r="O275" s="81"/>
      <c r="P275" s="81"/>
      <c r="Q275" s="83"/>
      <c r="R275" s="55"/>
      <c r="S275" s="43"/>
      <c r="T275" s="79"/>
      <c r="U275" s="45"/>
    </row>
    <row r="276" spans="1:57" s="18" customFormat="1" ht="69.900000000000006" customHeight="1" thickBot="1" x14ac:dyDescent="0.25">
      <c r="A276" s="137" t="s">
        <v>183</v>
      </c>
      <c r="B276" s="139"/>
      <c r="C276" s="139"/>
      <c r="D276" s="139"/>
      <c r="E276" s="139"/>
      <c r="F276" s="139"/>
      <c r="G276" s="139"/>
      <c r="H276" s="139"/>
      <c r="I276" s="139"/>
      <c r="J276" s="139"/>
      <c r="K276" s="139"/>
      <c r="L276" s="139"/>
      <c r="M276" s="139"/>
      <c r="N276" s="139"/>
      <c r="O276" s="139"/>
      <c r="P276" s="139"/>
      <c r="Q276" s="269"/>
      <c r="R276" s="55"/>
      <c r="S276" s="43"/>
      <c r="T276" s="97"/>
      <c r="U276" s="105"/>
      <c r="V276" s="98"/>
      <c r="W276" s="98"/>
      <c r="X276" s="98"/>
      <c r="Y276" s="106"/>
      <c r="Z276" s="106"/>
      <c r="AA276" s="106"/>
      <c r="AB276" s="106"/>
      <c r="AC276" s="106"/>
      <c r="AD276" s="106"/>
      <c r="AE276" s="106"/>
      <c r="AF276" s="106"/>
      <c r="AG276" s="106"/>
      <c r="AH276" s="106"/>
      <c r="AI276" s="106"/>
      <c r="AJ276" s="106"/>
      <c r="AK276" s="106"/>
      <c r="AL276" s="106"/>
      <c r="AM276" s="106"/>
      <c r="AN276" s="106"/>
      <c r="AO276" s="98"/>
      <c r="AP276" s="98"/>
      <c r="AQ276" s="98"/>
      <c r="AR276" s="98"/>
      <c r="AS276" s="98"/>
      <c r="AT276" s="98"/>
      <c r="AU276" s="98"/>
      <c r="AV276" s="98"/>
      <c r="AW276" s="98"/>
      <c r="AX276" s="98"/>
      <c r="AY276" s="98"/>
      <c r="AZ276" s="98"/>
      <c r="BA276" s="98"/>
      <c r="BB276" s="98"/>
      <c r="BC276" s="98"/>
      <c r="BD276" s="98"/>
      <c r="BE276" s="98"/>
    </row>
    <row r="277" spans="1:57" s="57" customFormat="1" ht="198" customHeight="1" thickTop="1" thickBot="1" x14ac:dyDescent="0.25">
      <c r="A277" s="460" t="s">
        <v>184</v>
      </c>
      <c r="B277" s="379"/>
      <c r="C277" s="379"/>
      <c r="D277" s="379"/>
      <c r="E277" s="379"/>
      <c r="F277" s="379"/>
      <c r="G277" s="379"/>
      <c r="H277" s="379"/>
      <c r="I277" s="379"/>
      <c r="J277" s="379"/>
      <c r="K277" s="379"/>
      <c r="L277" s="379"/>
      <c r="M277" s="379"/>
      <c r="N277" s="380"/>
      <c r="O277" s="348" t="s">
        <v>20</v>
      </c>
      <c r="P277" s="348" t="s">
        <v>21</v>
      </c>
      <c r="Q277" s="461" t="s">
        <v>22</v>
      </c>
      <c r="R277" s="55"/>
      <c r="S277" s="43"/>
      <c r="T277" s="56"/>
      <c r="U277" s="105"/>
      <c r="V277" s="106"/>
      <c r="W277" s="106"/>
      <c r="X277" s="106"/>
      <c r="Y277" s="98"/>
      <c r="Z277" s="98"/>
      <c r="AA277" s="98"/>
      <c r="AB277" s="98"/>
      <c r="AC277" s="98"/>
      <c r="AD277" s="98"/>
      <c r="AE277" s="98"/>
      <c r="AF277" s="98"/>
      <c r="AG277" s="98"/>
      <c r="AH277" s="98"/>
      <c r="AI277" s="98"/>
      <c r="AJ277" s="98"/>
      <c r="AK277" s="98"/>
      <c r="AL277" s="98"/>
      <c r="AM277" s="98"/>
      <c r="AN277" s="98"/>
      <c r="AO277" s="106"/>
      <c r="AP277" s="106"/>
      <c r="AQ277" s="106"/>
      <c r="AR277" s="106"/>
      <c r="AS277" s="106"/>
      <c r="AT277" s="106"/>
      <c r="AU277" s="106"/>
      <c r="AV277" s="106"/>
      <c r="AW277" s="106"/>
      <c r="AX277" s="106"/>
      <c r="AY277" s="106"/>
      <c r="AZ277" s="106"/>
      <c r="BA277" s="106"/>
      <c r="BB277" s="106"/>
      <c r="BC277" s="106"/>
      <c r="BD277" s="106"/>
      <c r="BE277" s="106"/>
    </row>
    <row r="278" spans="1:57" s="18" customFormat="1" ht="69.900000000000006" customHeight="1" thickTop="1" x14ac:dyDescent="0.2">
      <c r="A278" s="70" t="s">
        <v>28</v>
      </c>
      <c r="B278" s="72"/>
      <c r="C278" s="72"/>
      <c r="D278" s="72"/>
      <c r="E278" s="72"/>
      <c r="F278" s="72"/>
      <c r="G278" s="72"/>
      <c r="H278" s="72"/>
      <c r="I278" s="72"/>
      <c r="J278" s="72"/>
      <c r="K278" s="72"/>
      <c r="L278" s="72"/>
      <c r="M278" s="72"/>
      <c r="N278" s="72"/>
      <c r="O278" s="72"/>
      <c r="P278" s="72"/>
      <c r="Q278" s="202"/>
      <c r="R278" s="42"/>
      <c r="S278" s="43"/>
      <c r="T278" s="74"/>
      <c r="U278" s="45"/>
    </row>
    <row r="279" spans="1:57" s="57" customFormat="1" ht="75" customHeight="1" x14ac:dyDescent="0.2">
      <c r="A279" s="75"/>
      <c r="B279" s="76"/>
      <c r="C279" s="76"/>
      <c r="D279" s="76"/>
      <c r="E279" s="76"/>
      <c r="F279" s="76"/>
      <c r="G279" s="76"/>
      <c r="H279" s="76"/>
      <c r="I279" s="76"/>
      <c r="J279" s="76"/>
      <c r="K279" s="76"/>
      <c r="L279" s="77"/>
      <c r="M279" s="76"/>
      <c r="N279" s="76"/>
      <c r="O279" s="76"/>
      <c r="P279" s="76"/>
      <c r="Q279" s="78"/>
      <c r="R279" s="55"/>
      <c r="S279" s="43"/>
      <c r="T279" s="79"/>
      <c r="U279" s="45"/>
    </row>
    <row r="280" spans="1:57" s="57" customFormat="1" ht="75" customHeight="1" thickBot="1" x14ac:dyDescent="0.25">
      <c r="A280" s="80"/>
      <c r="B280" s="81"/>
      <c r="C280" s="81"/>
      <c r="D280" s="81"/>
      <c r="E280" s="81"/>
      <c r="F280" s="81"/>
      <c r="G280" s="81"/>
      <c r="H280" s="81"/>
      <c r="I280" s="81"/>
      <c r="J280" s="81"/>
      <c r="K280" s="81"/>
      <c r="L280" s="82"/>
      <c r="M280" s="81"/>
      <c r="N280" s="81"/>
      <c r="O280" s="81"/>
      <c r="P280" s="81"/>
      <c r="Q280" s="83"/>
      <c r="R280" s="55"/>
      <c r="S280" s="43"/>
      <c r="T280" s="113"/>
      <c r="U280" s="45"/>
    </row>
    <row r="281" spans="1:57" s="18" customFormat="1" ht="69.900000000000006" customHeight="1" thickBot="1" x14ac:dyDescent="0.25">
      <c r="A281" s="293" t="s">
        <v>185</v>
      </c>
      <c r="B281" s="294"/>
      <c r="C281" s="294"/>
      <c r="D281" s="294"/>
      <c r="E281" s="294"/>
      <c r="F281" s="294"/>
      <c r="G281" s="294"/>
      <c r="H281" s="294"/>
      <c r="I281" s="294"/>
      <c r="J281" s="294"/>
      <c r="K281" s="294"/>
      <c r="L281" s="294"/>
      <c r="M281" s="294"/>
      <c r="N281" s="294"/>
      <c r="O281" s="294"/>
      <c r="P281" s="294"/>
      <c r="Q281" s="295"/>
      <c r="R281" s="42"/>
      <c r="S281" s="43"/>
      <c r="T281" s="114" t="s">
        <v>186</v>
      </c>
      <c r="U281" s="105"/>
      <c r="V281" s="98"/>
      <c r="W281" s="98"/>
      <c r="X281" s="98"/>
      <c r="Y281" s="106"/>
      <c r="Z281" s="106"/>
      <c r="AA281" s="106"/>
      <c r="AB281" s="106"/>
      <c r="AC281" s="106"/>
      <c r="AD281" s="106"/>
      <c r="AE281" s="106"/>
      <c r="AF281" s="106"/>
      <c r="AG281" s="106"/>
      <c r="AH281" s="106"/>
      <c r="AI281" s="106"/>
      <c r="AJ281" s="106"/>
      <c r="AK281" s="106"/>
      <c r="AL281" s="106"/>
      <c r="AM281" s="106"/>
      <c r="AN281" s="106"/>
      <c r="AO281" s="98"/>
      <c r="AP281" s="98"/>
      <c r="AQ281" s="98"/>
      <c r="AR281" s="98"/>
      <c r="AS281" s="98"/>
      <c r="AT281" s="98"/>
      <c r="AU281" s="98"/>
      <c r="AV281" s="98"/>
      <c r="AW281" s="98"/>
      <c r="AX281" s="98"/>
      <c r="AY281" s="98"/>
      <c r="AZ281" s="98"/>
      <c r="BA281" s="98"/>
      <c r="BB281" s="98"/>
      <c r="BC281" s="98"/>
      <c r="BD281" s="98"/>
      <c r="BE281" s="98"/>
    </row>
    <row r="282" spans="1:57" s="18" customFormat="1" ht="69.900000000000006" customHeight="1" thickBot="1" x14ac:dyDescent="0.25">
      <c r="A282" s="84" t="s">
        <v>187</v>
      </c>
      <c r="B282" s="86"/>
      <c r="C282" s="86"/>
      <c r="D282" s="86"/>
      <c r="E282" s="86"/>
      <c r="F282" s="86"/>
      <c r="G282" s="86"/>
      <c r="H282" s="86"/>
      <c r="I282" s="86"/>
      <c r="J282" s="86"/>
      <c r="K282" s="86"/>
      <c r="L282" s="86"/>
      <c r="M282" s="86"/>
      <c r="N282" s="86"/>
      <c r="O282" s="86"/>
      <c r="P282" s="86"/>
      <c r="Q282" s="171"/>
      <c r="R282" s="55"/>
      <c r="S282" s="43"/>
      <c r="T282" s="97"/>
      <c r="U282" s="105"/>
      <c r="V282" s="98"/>
      <c r="W282" s="98"/>
      <c r="X282" s="98"/>
      <c r="Y282" s="98"/>
      <c r="Z282" s="98"/>
      <c r="AA282" s="98"/>
      <c r="AB282" s="98"/>
      <c r="AC282" s="98"/>
      <c r="AD282" s="98"/>
      <c r="AE282" s="98"/>
      <c r="AF282" s="98"/>
      <c r="AG282" s="98"/>
      <c r="AH282" s="98"/>
      <c r="AI282" s="98"/>
      <c r="AJ282" s="98"/>
      <c r="AK282" s="98"/>
      <c r="AL282" s="98"/>
      <c r="AM282" s="98"/>
      <c r="AN282" s="98"/>
      <c r="AO282" s="98"/>
      <c r="AP282" s="98"/>
      <c r="AQ282" s="98"/>
      <c r="AR282" s="98"/>
      <c r="AS282" s="98"/>
      <c r="AT282" s="98"/>
      <c r="AU282" s="98"/>
      <c r="AV282" s="98"/>
      <c r="AW282" s="98"/>
      <c r="AX282" s="98"/>
      <c r="AY282" s="98"/>
      <c r="AZ282" s="98"/>
      <c r="BA282" s="98"/>
      <c r="BB282" s="98"/>
      <c r="BC282" s="98"/>
      <c r="BD282" s="98"/>
      <c r="BE282" s="98"/>
    </row>
    <row r="283" spans="1:57" s="18" customFormat="1" ht="198" customHeight="1" thickTop="1" thickBot="1" x14ac:dyDescent="0.25">
      <c r="A283" s="272" t="s">
        <v>188</v>
      </c>
      <c r="B283" s="101"/>
      <c r="C283" s="101"/>
      <c r="D283" s="101"/>
      <c r="E283" s="101"/>
      <c r="F283" s="101"/>
      <c r="G283" s="101"/>
      <c r="H283" s="101"/>
      <c r="I283" s="101"/>
      <c r="J283" s="101"/>
      <c r="K283" s="101"/>
      <c r="L283" s="101"/>
      <c r="M283" s="273"/>
      <c r="N283" s="144" t="s">
        <v>27</v>
      </c>
      <c r="O283" s="175" t="s">
        <v>20</v>
      </c>
      <c r="P283" s="175" t="s">
        <v>21</v>
      </c>
      <c r="Q283" s="176" t="s">
        <v>22</v>
      </c>
      <c r="R283" s="462"/>
      <c r="T283" s="463"/>
      <c r="U283" s="105"/>
      <c r="V283" s="98"/>
      <c r="W283" s="98"/>
      <c r="X283" s="98"/>
      <c r="Y283" s="98"/>
      <c r="Z283" s="98"/>
      <c r="AA283" s="98"/>
      <c r="AB283" s="98"/>
      <c r="AC283" s="98"/>
      <c r="AD283" s="98"/>
      <c r="AE283" s="98"/>
      <c r="AF283" s="98"/>
      <c r="AG283" s="98"/>
      <c r="AH283" s="98"/>
      <c r="AI283" s="98"/>
      <c r="AJ283" s="98"/>
      <c r="AK283" s="98"/>
      <c r="AL283" s="98"/>
      <c r="AM283" s="98"/>
      <c r="AN283" s="98"/>
      <c r="AO283" s="98"/>
      <c r="AP283" s="98"/>
      <c r="AQ283" s="98"/>
      <c r="AR283" s="98"/>
      <c r="AS283" s="98"/>
      <c r="AT283" s="98"/>
      <c r="AU283" s="98"/>
      <c r="AV283" s="98"/>
      <c r="AW283" s="98"/>
      <c r="AX283" s="98"/>
      <c r="AY283" s="98"/>
      <c r="AZ283" s="98"/>
      <c r="BA283" s="98"/>
      <c r="BB283" s="98"/>
      <c r="BC283" s="98"/>
      <c r="BD283" s="98"/>
      <c r="BE283" s="98"/>
    </row>
    <row r="284" spans="1:57" s="307" customFormat="1" ht="69.900000000000006" customHeight="1" thickTop="1" x14ac:dyDescent="0.2">
      <c r="A284" s="318" t="s">
        <v>178</v>
      </c>
      <c r="B284" s="214"/>
      <c r="C284" s="214"/>
      <c r="D284" s="214"/>
      <c r="E284" s="214"/>
      <c r="F284" s="214"/>
      <c r="G284" s="214"/>
      <c r="H284" s="214"/>
      <c r="I284" s="214"/>
      <c r="J284" s="214"/>
      <c r="K284" s="214"/>
      <c r="L284" s="214"/>
      <c r="M284" s="214"/>
      <c r="N284" s="214"/>
      <c r="O284" s="214"/>
      <c r="P284" s="214"/>
      <c r="Q284" s="319"/>
      <c r="R284" s="320"/>
      <c r="T284" s="321"/>
      <c r="U284" s="322"/>
    </row>
    <row r="285" spans="1:57" s="307" customFormat="1" ht="69.900000000000006" customHeight="1" x14ac:dyDescent="0.2">
      <c r="A285" s="323" t="s">
        <v>189</v>
      </c>
      <c r="B285" s="324"/>
      <c r="C285" s="324"/>
      <c r="D285" s="324"/>
      <c r="E285" s="324"/>
      <c r="F285" s="324"/>
      <c r="G285" s="324"/>
      <c r="H285" s="324"/>
      <c r="I285" s="324"/>
      <c r="J285" s="324"/>
      <c r="K285" s="324"/>
      <c r="L285" s="324"/>
      <c r="M285" s="324"/>
      <c r="N285" s="324"/>
      <c r="O285" s="324"/>
      <c r="P285" s="324"/>
      <c r="Q285" s="325"/>
      <c r="R285" s="320"/>
      <c r="T285" s="321"/>
      <c r="U285" s="322"/>
    </row>
    <row r="286" spans="1:57" s="330" customFormat="1" ht="69.900000000000006" customHeight="1" x14ac:dyDescent="0.2">
      <c r="A286" s="326" t="s">
        <v>190</v>
      </c>
      <c r="B286" s="327"/>
      <c r="C286" s="327"/>
      <c r="D286" s="327"/>
      <c r="E286" s="327"/>
      <c r="F286" s="327"/>
      <c r="G286" s="327"/>
      <c r="H286" s="327"/>
      <c r="I286" s="327"/>
      <c r="J286" s="327"/>
      <c r="K286" s="327"/>
      <c r="L286" s="327"/>
      <c r="M286" s="327"/>
      <c r="N286" s="327"/>
      <c r="O286" s="327"/>
      <c r="P286" s="327"/>
      <c r="Q286" s="328"/>
      <c r="R286" s="329"/>
      <c r="T286" s="331"/>
      <c r="U286" s="332"/>
      <c r="V286" s="331"/>
      <c r="W286" s="331"/>
      <c r="X286" s="331"/>
      <c r="Y286" s="331"/>
      <c r="Z286" s="331"/>
      <c r="AA286" s="331"/>
      <c r="AB286" s="331"/>
      <c r="AC286" s="331"/>
      <c r="AD286" s="331"/>
      <c r="AE286" s="331"/>
      <c r="AF286" s="331"/>
      <c r="AG286" s="331"/>
      <c r="AH286" s="331"/>
      <c r="AI286" s="331"/>
      <c r="AJ286" s="331"/>
      <c r="AK286" s="331"/>
      <c r="AL286" s="331"/>
      <c r="AM286" s="331"/>
      <c r="AN286" s="331"/>
      <c r="AO286" s="331"/>
      <c r="AP286" s="331"/>
      <c r="AQ286" s="331"/>
      <c r="AR286" s="331"/>
      <c r="AS286" s="331"/>
      <c r="AT286" s="331"/>
      <c r="AU286" s="331"/>
      <c r="AV286" s="331"/>
      <c r="AW286" s="331"/>
      <c r="AX286" s="331"/>
      <c r="AY286" s="331"/>
      <c r="AZ286" s="331"/>
      <c r="BA286" s="331"/>
      <c r="BB286" s="331"/>
      <c r="BC286" s="331"/>
      <c r="BD286" s="331"/>
      <c r="BE286" s="331"/>
    </row>
    <row r="287" spans="1:57" s="330" customFormat="1" ht="69.900000000000006" customHeight="1" x14ac:dyDescent="0.2">
      <c r="A287" s="368" t="s">
        <v>100</v>
      </c>
      <c r="B287" s="369"/>
      <c r="C287" s="369"/>
      <c r="D287" s="369"/>
      <c r="E287" s="369"/>
      <c r="F287" s="369"/>
      <c r="G287" s="369"/>
      <c r="H287" s="369"/>
      <c r="I287" s="369"/>
      <c r="J287" s="369"/>
      <c r="K287" s="369"/>
      <c r="L287" s="369"/>
      <c r="M287" s="369"/>
      <c r="N287" s="369"/>
      <c r="O287" s="369"/>
      <c r="P287" s="369"/>
      <c r="Q287" s="370"/>
      <c r="R287" s="329"/>
      <c r="T287" s="331"/>
      <c r="U287" s="332"/>
      <c r="V287" s="331"/>
      <c r="W287" s="331"/>
      <c r="X287" s="331"/>
      <c r="Y287" s="331"/>
      <c r="Z287" s="331"/>
      <c r="AA287" s="331"/>
      <c r="AB287" s="331"/>
      <c r="AC287" s="331"/>
      <c r="AD287" s="331"/>
      <c r="AE287" s="331"/>
      <c r="AF287" s="331"/>
      <c r="AG287" s="331"/>
      <c r="AH287" s="331"/>
      <c r="AI287" s="331"/>
      <c r="AJ287" s="331"/>
      <c r="AK287" s="331"/>
      <c r="AL287" s="331"/>
      <c r="AM287" s="331"/>
      <c r="AN287" s="331"/>
      <c r="AO287" s="331"/>
      <c r="AP287" s="331"/>
      <c r="AQ287" s="331"/>
      <c r="AR287" s="331"/>
      <c r="AS287" s="331"/>
      <c r="AT287" s="331"/>
      <c r="AU287" s="331"/>
      <c r="AV287" s="331"/>
      <c r="AW287" s="331"/>
      <c r="AX287" s="331"/>
      <c r="AY287" s="331"/>
      <c r="AZ287" s="331"/>
      <c r="BA287" s="331"/>
      <c r="BB287" s="331"/>
      <c r="BC287" s="331"/>
      <c r="BD287" s="331"/>
      <c r="BE287" s="331"/>
    </row>
    <row r="288" spans="1:57" s="307" customFormat="1" ht="69.900000000000006" customHeight="1" x14ac:dyDescent="0.2">
      <c r="A288" s="451" t="s">
        <v>191</v>
      </c>
      <c r="B288" s="452"/>
      <c r="C288" s="452"/>
      <c r="D288" s="452"/>
      <c r="E288" s="452"/>
      <c r="F288" s="452"/>
      <c r="G288" s="452"/>
      <c r="H288" s="452"/>
      <c r="I288" s="452"/>
      <c r="J288" s="452"/>
      <c r="K288" s="452"/>
      <c r="L288" s="452"/>
      <c r="M288" s="452"/>
      <c r="N288" s="452"/>
      <c r="O288" s="452"/>
      <c r="P288" s="452"/>
      <c r="Q288" s="453"/>
      <c r="R288" s="320"/>
      <c r="T288" s="321"/>
      <c r="U288" s="322"/>
    </row>
    <row r="289" spans="1:57" s="330" customFormat="1" ht="69.900000000000006" customHeight="1" x14ac:dyDescent="0.2">
      <c r="A289" s="326" t="s">
        <v>192</v>
      </c>
      <c r="B289" s="327"/>
      <c r="C289" s="327"/>
      <c r="D289" s="327"/>
      <c r="E289" s="327"/>
      <c r="F289" s="327"/>
      <c r="G289" s="327"/>
      <c r="H289" s="327"/>
      <c r="I289" s="327"/>
      <c r="J289" s="327"/>
      <c r="K289" s="327"/>
      <c r="L289" s="327"/>
      <c r="M289" s="327"/>
      <c r="N289" s="327"/>
      <c r="O289" s="327"/>
      <c r="P289" s="327"/>
      <c r="Q289" s="328"/>
      <c r="R289" s="329"/>
      <c r="T289" s="331"/>
      <c r="U289" s="332"/>
      <c r="V289" s="331"/>
      <c r="W289" s="331"/>
      <c r="X289" s="331"/>
      <c r="Y289" s="331"/>
      <c r="Z289" s="331"/>
      <c r="AA289" s="331"/>
      <c r="AB289" s="331"/>
      <c r="AC289" s="331"/>
      <c r="AD289" s="331"/>
      <c r="AE289" s="331"/>
      <c r="AF289" s="331"/>
      <c r="AG289" s="331"/>
      <c r="AH289" s="331"/>
      <c r="AI289" s="331"/>
      <c r="AJ289" s="331"/>
      <c r="AK289" s="331"/>
      <c r="AL289" s="331"/>
      <c r="AM289" s="331"/>
      <c r="AN289" s="331"/>
      <c r="AO289" s="331"/>
      <c r="AP289" s="331"/>
      <c r="AQ289" s="331"/>
      <c r="AR289" s="331"/>
      <c r="AS289" s="331"/>
      <c r="AT289" s="331"/>
      <c r="AU289" s="331"/>
      <c r="AV289" s="331"/>
      <c r="AW289" s="331"/>
      <c r="AX289" s="331"/>
      <c r="AY289" s="331"/>
      <c r="AZ289" s="331"/>
      <c r="BA289" s="331"/>
      <c r="BB289" s="331"/>
      <c r="BC289" s="331"/>
      <c r="BD289" s="331"/>
      <c r="BE289" s="331"/>
    </row>
    <row r="290" spans="1:57" s="330" customFormat="1" ht="69.900000000000006" customHeight="1" x14ac:dyDescent="0.2">
      <c r="A290" s="368" t="s">
        <v>100</v>
      </c>
      <c r="B290" s="369"/>
      <c r="C290" s="369"/>
      <c r="D290" s="369"/>
      <c r="E290" s="369"/>
      <c r="F290" s="369"/>
      <c r="G290" s="369"/>
      <c r="H290" s="369"/>
      <c r="I290" s="369"/>
      <c r="J290" s="369"/>
      <c r="K290" s="369"/>
      <c r="L290" s="369"/>
      <c r="M290" s="369"/>
      <c r="N290" s="369"/>
      <c r="O290" s="369"/>
      <c r="P290" s="369"/>
      <c r="Q290" s="370"/>
      <c r="R290" s="329"/>
      <c r="T290" s="331"/>
      <c r="U290" s="332"/>
      <c r="V290" s="331"/>
      <c r="W290" s="331"/>
      <c r="X290" s="331"/>
      <c r="Y290" s="331"/>
      <c r="Z290" s="331"/>
      <c r="AA290" s="331"/>
      <c r="AB290" s="331"/>
      <c r="AC290" s="331"/>
      <c r="AD290" s="331"/>
      <c r="AE290" s="331"/>
      <c r="AF290" s="331"/>
      <c r="AG290" s="331"/>
      <c r="AH290" s="331"/>
      <c r="AI290" s="331"/>
      <c r="AJ290" s="331"/>
      <c r="AK290" s="331"/>
      <c r="AL290" s="331"/>
      <c r="AM290" s="331"/>
      <c r="AN290" s="331"/>
      <c r="AO290" s="331"/>
      <c r="AP290" s="331"/>
      <c r="AQ290" s="331"/>
      <c r="AR290" s="331"/>
      <c r="AS290" s="331"/>
      <c r="AT290" s="331"/>
      <c r="AU290" s="331"/>
      <c r="AV290" s="331"/>
      <c r="AW290" s="331"/>
      <c r="AX290" s="331"/>
      <c r="AY290" s="331"/>
      <c r="AZ290" s="331"/>
      <c r="BA290" s="331"/>
      <c r="BB290" s="331"/>
      <c r="BC290" s="331"/>
      <c r="BD290" s="331"/>
      <c r="BE290" s="331"/>
    </row>
    <row r="291" spans="1:57" s="18" customFormat="1" ht="69.900000000000006" customHeight="1" x14ac:dyDescent="0.2">
      <c r="A291" s="70" t="s">
        <v>28</v>
      </c>
      <c r="B291" s="72"/>
      <c r="C291" s="72"/>
      <c r="D291" s="72"/>
      <c r="E291" s="72"/>
      <c r="F291" s="72"/>
      <c r="G291" s="72"/>
      <c r="H291" s="72"/>
      <c r="I291" s="72"/>
      <c r="J291" s="72"/>
      <c r="K291" s="72"/>
      <c r="L291" s="72"/>
      <c r="M291" s="72"/>
      <c r="N291" s="72"/>
      <c r="O291" s="72"/>
      <c r="P291" s="72"/>
      <c r="Q291" s="202"/>
      <c r="R291" s="42"/>
      <c r="S291" s="43"/>
      <c r="T291" s="74"/>
      <c r="U291" s="45"/>
    </row>
    <row r="292" spans="1:57" s="57" customFormat="1" ht="75" customHeight="1" x14ac:dyDescent="0.2">
      <c r="A292" s="75"/>
      <c r="B292" s="76"/>
      <c r="C292" s="76"/>
      <c r="D292" s="76"/>
      <c r="E292" s="76"/>
      <c r="F292" s="76"/>
      <c r="G292" s="76"/>
      <c r="H292" s="76"/>
      <c r="I292" s="76"/>
      <c r="J292" s="76"/>
      <c r="K292" s="76"/>
      <c r="L292" s="77"/>
      <c r="M292" s="76"/>
      <c r="N292" s="76"/>
      <c r="O292" s="76"/>
      <c r="P292" s="76"/>
      <c r="Q292" s="78"/>
      <c r="R292" s="55"/>
      <c r="S292" s="43"/>
      <c r="T292" s="79"/>
      <c r="U292" s="45"/>
    </row>
    <row r="293" spans="1:57" s="57" customFormat="1" ht="75" customHeight="1" thickBot="1" x14ac:dyDescent="0.25">
      <c r="A293" s="80"/>
      <c r="B293" s="81"/>
      <c r="C293" s="81"/>
      <c r="D293" s="81"/>
      <c r="E293" s="81"/>
      <c r="F293" s="81"/>
      <c r="G293" s="81"/>
      <c r="H293" s="81"/>
      <c r="I293" s="81"/>
      <c r="J293" s="81"/>
      <c r="K293" s="81"/>
      <c r="L293" s="82"/>
      <c r="M293" s="81"/>
      <c r="N293" s="81"/>
      <c r="O293" s="81"/>
      <c r="P293" s="81"/>
      <c r="Q293" s="83"/>
      <c r="R293" s="55"/>
      <c r="S293" s="43"/>
      <c r="T293" s="79"/>
      <c r="U293" s="45"/>
    </row>
    <row r="294" spans="1:57" s="18" customFormat="1" ht="69.900000000000006" customHeight="1" thickBot="1" x14ac:dyDescent="0.25">
      <c r="A294" s="84" t="s">
        <v>193</v>
      </c>
      <c r="B294" s="86"/>
      <c r="C294" s="86"/>
      <c r="D294" s="86"/>
      <c r="E294" s="86"/>
      <c r="F294" s="86"/>
      <c r="G294" s="86"/>
      <c r="H294" s="86"/>
      <c r="I294" s="86"/>
      <c r="J294" s="86"/>
      <c r="K294" s="86"/>
      <c r="L294" s="86"/>
      <c r="M294" s="86"/>
      <c r="N294" s="86"/>
      <c r="O294" s="86"/>
      <c r="P294" s="86"/>
      <c r="Q294" s="171"/>
      <c r="R294" s="55"/>
      <c r="S294" s="43"/>
      <c r="T294" s="114"/>
      <c r="U294" s="105"/>
      <c r="V294" s="98"/>
      <c r="W294" s="98"/>
      <c r="X294" s="98"/>
      <c r="Y294" s="106"/>
      <c r="Z294" s="106"/>
      <c r="AA294" s="106"/>
      <c r="AB294" s="106"/>
      <c r="AC294" s="106"/>
      <c r="AD294" s="106"/>
      <c r="AE294" s="106"/>
      <c r="AF294" s="106"/>
      <c r="AG294" s="106"/>
      <c r="AH294" s="106"/>
      <c r="AI294" s="106"/>
      <c r="AJ294" s="106"/>
      <c r="AK294" s="106"/>
      <c r="AL294" s="106"/>
      <c r="AM294" s="106"/>
      <c r="AN294" s="106"/>
      <c r="AO294" s="98"/>
      <c r="AP294" s="98"/>
      <c r="AQ294" s="98"/>
      <c r="AR294" s="98"/>
      <c r="AS294" s="98"/>
      <c r="AT294" s="98"/>
      <c r="AU294" s="98"/>
      <c r="AV294" s="98"/>
      <c r="AW294" s="98"/>
      <c r="AX294" s="98"/>
      <c r="AY294" s="98"/>
      <c r="AZ294" s="98"/>
      <c r="BA294" s="98"/>
      <c r="BB294" s="98"/>
      <c r="BC294" s="98"/>
      <c r="BD294" s="98"/>
      <c r="BE294" s="98"/>
    </row>
    <row r="295" spans="1:57" s="57" customFormat="1" ht="183.75" customHeight="1" thickTop="1" thickBot="1" x14ac:dyDescent="0.25">
      <c r="A295" s="88" t="s">
        <v>194</v>
      </c>
      <c r="B295" s="90"/>
      <c r="C295" s="90"/>
      <c r="D295" s="90"/>
      <c r="E295" s="90"/>
      <c r="F295" s="90"/>
      <c r="G295" s="90"/>
      <c r="H295" s="90"/>
      <c r="I295" s="90"/>
      <c r="J295" s="90"/>
      <c r="K295" s="90"/>
      <c r="L295" s="90"/>
      <c r="M295" s="90"/>
      <c r="N295" s="385"/>
      <c r="O295" s="464" t="s">
        <v>20</v>
      </c>
      <c r="P295" s="465"/>
      <c r="Q295" s="349" t="s">
        <v>22</v>
      </c>
      <c r="R295" s="55"/>
      <c r="S295" s="43"/>
      <c r="T295" s="56"/>
      <c r="U295" s="105"/>
      <c r="V295" s="106"/>
      <c r="W295" s="106"/>
      <c r="X295" s="106"/>
      <c r="Y295" s="98"/>
      <c r="Z295" s="98"/>
      <c r="AA295" s="98"/>
      <c r="AB295" s="98"/>
      <c r="AC295" s="98"/>
      <c r="AD295" s="98"/>
      <c r="AE295" s="98"/>
      <c r="AF295" s="98"/>
      <c r="AG295" s="98"/>
      <c r="AH295" s="98"/>
      <c r="AI295" s="98"/>
      <c r="AJ295" s="98"/>
      <c r="AK295" s="98"/>
      <c r="AL295" s="98"/>
      <c r="AM295" s="98"/>
      <c r="AN295" s="98"/>
      <c r="AO295" s="106"/>
      <c r="AP295" s="106"/>
      <c r="AQ295" s="106"/>
      <c r="AR295" s="106"/>
      <c r="AS295" s="106"/>
      <c r="AT295" s="106"/>
      <c r="AU295" s="106"/>
      <c r="AV295" s="106"/>
      <c r="AW295" s="106"/>
      <c r="AX295" s="106"/>
      <c r="AY295" s="106"/>
      <c r="AZ295" s="106"/>
      <c r="BA295" s="106"/>
      <c r="BB295" s="106"/>
      <c r="BC295" s="106"/>
      <c r="BD295" s="106"/>
      <c r="BE295" s="106"/>
    </row>
    <row r="296" spans="1:57" s="57" customFormat="1" ht="162.75" customHeight="1" thickTop="1" thickBot="1" x14ac:dyDescent="0.25">
      <c r="A296" s="91" t="s">
        <v>195</v>
      </c>
      <c r="B296" s="93"/>
      <c r="C296" s="93"/>
      <c r="D296" s="93"/>
      <c r="E296" s="93"/>
      <c r="F296" s="93"/>
      <c r="G296" s="93"/>
      <c r="H296" s="93"/>
      <c r="I296" s="93"/>
      <c r="J296" s="93"/>
      <c r="K296" s="93"/>
      <c r="L296" s="93"/>
      <c r="M296" s="93"/>
      <c r="N296" s="466"/>
      <c r="O296" s="144" t="s">
        <v>27</v>
      </c>
      <c r="P296" s="145" t="s">
        <v>24</v>
      </c>
      <c r="Q296" s="276" t="s">
        <v>22</v>
      </c>
      <c r="R296" s="55"/>
      <c r="S296" s="43"/>
      <c r="T296" s="56"/>
      <c r="U296" s="105"/>
      <c r="V296" s="106"/>
      <c r="W296" s="106"/>
      <c r="X296" s="106"/>
      <c r="Y296" s="98"/>
      <c r="Z296" s="98"/>
      <c r="AA296" s="98"/>
      <c r="AB296" s="98"/>
      <c r="AC296" s="98"/>
      <c r="AD296" s="98"/>
      <c r="AE296" s="98"/>
      <c r="AF296" s="98"/>
      <c r="AG296" s="98"/>
      <c r="AH296" s="98"/>
      <c r="AI296" s="98"/>
      <c r="AJ296" s="98"/>
      <c r="AK296" s="98"/>
      <c r="AL296" s="98"/>
      <c r="AM296" s="98"/>
      <c r="AN296" s="98"/>
      <c r="AO296" s="106"/>
      <c r="AP296" s="106"/>
      <c r="AQ296" s="106"/>
      <c r="AR296" s="106"/>
      <c r="AS296" s="106"/>
      <c r="AT296" s="106"/>
      <c r="AU296" s="106"/>
      <c r="AV296" s="106"/>
      <c r="AW296" s="106"/>
      <c r="AX296" s="106"/>
      <c r="AY296" s="106"/>
      <c r="AZ296" s="106"/>
      <c r="BA296" s="106"/>
      <c r="BB296" s="106"/>
      <c r="BC296" s="106"/>
      <c r="BD296" s="106"/>
      <c r="BE296" s="106"/>
    </row>
    <row r="297" spans="1:57" s="57" customFormat="1" ht="132" customHeight="1" thickTop="1" thickBot="1" x14ac:dyDescent="0.25">
      <c r="A297" s="91" t="s">
        <v>196</v>
      </c>
      <c r="B297" s="93"/>
      <c r="C297" s="93"/>
      <c r="D297" s="93"/>
      <c r="E297" s="93"/>
      <c r="F297" s="93"/>
      <c r="G297" s="93"/>
      <c r="H297" s="93"/>
      <c r="I297" s="93"/>
      <c r="J297" s="93"/>
      <c r="K297" s="93"/>
      <c r="L297" s="93"/>
      <c r="M297" s="93"/>
      <c r="N297" s="466"/>
      <c r="O297" s="467" t="s">
        <v>24</v>
      </c>
      <c r="P297" s="467" t="s">
        <v>25</v>
      </c>
      <c r="Q297" s="276" t="s">
        <v>22</v>
      </c>
      <c r="R297" s="55"/>
      <c r="S297" s="43"/>
      <c r="T297" s="56"/>
      <c r="U297" s="105"/>
      <c r="V297" s="106"/>
      <c r="W297" s="106"/>
      <c r="X297" s="106"/>
      <c r="Y297" s="106"/>
      <c r="Z297" s="106"/>
      <c r="AA297" s="106"/>
      <c r="AB297" s="106"/>
      <c r="AC297" s="106"/>
      <c r="AD297" s="106"/>
      <c r="AE297" s="106"/>
      <c r="AF297" s="106"/>
      <c r="AG297" s="106"/>
      <c r="AH297" s="106"/>
      <c r="AI297" s="106"/>
      <c r="AJ297" s="106"/>
      <c r="AK297" s="106"/>
      <c r="AL297" s="106"/>
      <c r="AM297" s="106"/>
      <c r="AN297" s="106"/>
      <c r="AO297" s="106"/>
      <c r="AP297" s="106"/>
      <c r="AQ297" s="106"/>
      <c r="AR297" s="106"/>
      <c r="AS297" s="106"/>
      <c r="AT297" s="106"/>
      <c r="AU297" s="106"/>
      <c r="AV297" s="106"/>
      <c r="AW297" s="106"/>
      <c r="AX297" s="106"/>
      <c r="AY297" s="106"/>
      <c r="AZ297" s="106"/>
      <c r="BA297" s="106"/>
      <c r="BB297" s="106"/>
      <c r="BC297" s="106"/>
      <c r="BD297" s="106"/>
      <c r="BE297" s="106"/>
    </row>
    <row r="298" spans="1:57" s="57" customFormat="1" ht="132" customHeight="1" thickTop="1" thickBot="1" x14ac:dyDescent="0.25">
      <c r="A298" s="94" t="s">
        <v>197</v>
      </c>
      <c r="B298" s="96"/>
      <c r="C298" s="96"/>
      <c r="D298" s="96"/>
      <c r="E298" s="96"/>
      <c r="F298" s="96"/>
      <c r="G298" s="96"/>
      <c r="H298" s="96"/>
      <c r="I298" s="96"/>
      <c r="J298" s="96"/>
      <c r="K298" s="96"/>
      <c r="L298" s="96"/>
      <c r="M298" s="96"/>
      <c r="N298" s="468"/>
      <c r="O298" s="145" t="s">
        <v>20</v>
      </c>
      <c r="P298" s="145" t="s">
        <v>21</v>
      </c>
      <c r="Q298" s="146" t="s">
        <v>22</v>
      </c>
      <c r="R298" s="55"/>
      <c r="S298" s="43"/>
      <c r="T298" s="56"/>
      <c r="U298" s="105"/>
      <c r="V298" s="106"/>
      <c r="W298" s="106"/>
      <c r="X298" s="106"/>
      <c r="Y298" s="106"/>
      <c r="Z298" s="106"/>
      <c r="AA298" s="106"/>
      <c r="AB298" s="106"/>
      <c r="AC298" s="106"/>
      <c r="AD298" s="106"/>
      <c r="AE298" s="106"/>
      <c r="AF298" s="106"/>
      <c r="AG298" s="106"/>
      <c r="AH298" s="106"/>
      <c r="AI298" s="106"/>
      <c r="AJ298" s="106"/>
      <c r="AK298" s="106"/>
      <c r="AL298" s="106"/>
      <c r="AM298" s="106"/>
      <c r="AN298" s="106"/>
      <c r="AO298" s="106"/>
      <c r="AP298" s="106"/>
      <c r="AQ298" s="106"/>
      <c r="AR298" s="106"/>
      <c r="AS298" s="106"/>
      <c r="AT298" s="106"/>
      <c r="AU298" s="106"/>
      <c r="AV298" s="106"/>
      <c r="AW298" s="106"/>
      <c r="AX298" s="106"/>
      <c r="AY298" s="106"/>
      <c r="AZ298" s="106"/>
      <c r="BA298" s="106"/>
      <c r="BB298" s="106"/>
      <c r="BC298" s="106"/>
      <c r="BD298" s="106"/>
      <c r="BE298" s="106"/>
    </row>
    <row r="299" spans="1:57" s="18" customFormat="1" ht="69.900000000000006" customHeight="1" thickTop="1" x14ac:dyDescent="0.2">
      <c r="A299" s="70" t="s">
        <v>28</v>
      </c>
      <c r="B299" s="72"/>
      <c r="C299" s="72"/>
      <c r="D299" s="72"/>
      <c r="E299" s="72"/>
      <c r="F299" s="72"/>
      <c r="G299" s="72"/>
      <c r="H299" s="72"/>
      <c r="I299" s="72"/>
      <c r="J299" s="72"/>
      <c r="K299" s="72"/>
      <c r="L299" s="72"/>
      <c r="M299" s="72"/>
      <c r="N299" s="72"/>
      <c r="O299" s="72"/>
      <c r="P299" s="72"/>
      <c r="Q299" s="202"/>
      <c r="R299" s="42"/>
      <c r="S299" s="43"/>
      <c r="T299" s="74"/>
      <c r="U299" s="45"/>
    </row>
    <row r="300" spans="1:57" s="57" customFormat="1" ht="75" customHeight="1" x14ac:dyDescent="0.2">
      <c r="A300" s="75"/>
      <c r="B300" s="76"/>
      <c r="C300" s="76"/>
      <c r="D300" s="76"/>
      <c r="E300" s="76"/>
      <c r="F300" s="76"/>
      <c r="G300" s="76"/>
      <c r="H300" s="76"/>
      <c r="I300" s="76"/>
      <c r="J300" s="76"/>
      <c r="K300" s="76"/>
      <c r="L300" s="77"/>
      <c r="M300" s="76"/>
      <c r="N300" s="76"/>
      <c r="O300" s="76"/>
      <c r="P300" s="76"/>
      <c r="Q300" s="78"/>
      <c r="R300" s="55"/>
      <c r="S300" s="43"/>
      <c r="T300" s="79"/>
      <c r="U300" s="45"/>
    </row>
    <row r="301" spans="1:57" s="57" customFormat="1" ht="75" customHeight="1" thickBot="1" x14ac:dyDescent="0.25">
      <c r="A301" s="80"/>
      <c r="B301" s="81"/>
      <c r="C301" s="81"/>
      <c r="D301" s="81"/>
      <c r="E301" s="81"/>
      <c r="F301" s="81"/>
      <c r="G301" s="81"/>
      <c r="H301" s="81"/>
      <c r="I301" s="81"/>
      <c r="J301" s="81"/>
      <c r="K301" s="81"/>
      <c r="L301" s="82"/>
      <c r="M301" s="81"/>
      <c r="N301" s="81"/>
      <c r="O301" s="81"/>
      <c r="P301" s="81"/>
      <c r="Q301" s="83"/>
      <c r="R301" s="55"/>
      <c r="S301" s="43"/>
      <c r="T301" s="79"/>
      <c r="U301" s="45"/>
    </row>
    <row r="302" spans="1:57" s="18" customFormat="1" ht="69.75" customHeight="1" x14ac:dyDescent="0.2">
      <c r="A302" s="469" t="s">
        <v>198</v>
      </c>
      <c r="B302" s="470"/>
      <c r="C302" s="470"/>
      <c r="D302" s="470"/>
      <c r="E302" s="470"/>
      <c r="F302" s="470"/>
      <c r="G302" s="470"/>
      <c r="H302" s="470"/>
      <c r="I302" s="470"/>
      <c r="J302" s="470"/>
      <c r="K302" s="470"/>
      <c r="L302" s="470"/>
      <c r="M302" s="470"/>
      <c r="N302" s="470"/>
      <c r="O302" s="470"/>
      <c r="P302" s="470"/>
      <c r="Q302" s="471"/>
      <c r="R302" s="55"/>
      <c r="S302" s="43"/>
      <c r="T302" s="97"/>
      <c r="U302" s="105"/>
      <c r="V302" s="98"/>
      <c r="W302" s="98"/>
      <c r="X302" s="98"/>
      <c r="Y302" s="106"/>
      <c r="Z302" s="106"/>
      <c r="AA302" s="106"/>
      <c r="AB302" s="106"/>
      <c r="AC302" s="106"/>
      <c r="AD302" s="106"/>
      <c r="AE302" s="106"/>
      <c r="AF302" s="106"/>
      <c r="AG302" s="106"/>
      <c r="AH302" s="106"/>
      <c r="AI302" s="106"/>
      <c r="AJ302" s="106"/>
      <c r="AK302" s="106"/>
      <c r="AL302" s="106"/>
      <c r="AM302" s="106"/>
      <c r="AN302" s="106"/>
      <c r="AO302" s="98"/>
      <c r="AP302" s="98"/>
      <c r="AQ302" s="98"/>
      <c r="AR302" s="98"/>
      <c r="AS302" s="98"/>
      <c r="AT302" s="98"/>
      <c r="AU302" s="98"/>
      <c r="AV302" s="98"/>
      <c r="AW302" s="98"/>
      <c r="AX302" s="98"/>
      <c r="AY302" s="98"/>
      <c r="AZ302" s="98"/>
      <c r="BA302" s="98"/>
      <c r="BB302" s="98"/>
      <c r="BC302" s="98"/>
      <c r="BD302" s="98"/>
      <c r="BE302" s="98"/>
    </row>
    <row r="303" spans="1:57" s="18" customFormat="1" ht="141.75" customHeight="1" thickBot="1" x14ac:dyDescent="0.25">
      <c r="A303" s="472" t="s">
        <v>199</v>
      </c>
      <c r="B303" s="473"/>
      <c r="C303" s="473"/>
      <c r="D303" s="473"/>
      <c r="E303" s="473"/>
      <c r="F303" s="473"/>
      <c r="G303" s="473"/>
      <c r="H303" s="473"/>
      <c r="I303" s="473"/>
      <c r="J303" s="473"/>
      <c r="K303" s="473"/>
      <c r="L303" s="473"/>
      <c r="M303" s="473"/>
      <c r="N303" s="473"/>
      <c r="O303" s="474"/>
      <c r="P303" s="474"/>
      <c r="Q303" s="475"/>
      <c r="R303" s="55"/>
      <c r="S303" s="43"/>
      <c r="T303" s="97"/>
      <c r="U303" s="105"/>
      <c r="V303" s="98"/>
      <c r="W303" s="98"/>
      <c r="X303" s="98"/>
      <c r="Y303" s="98"/>
      <c r="Z303" s="98"/>
      <c r="AA303" s="98"/>
      <c r="AB303" s="98"/>
      <c r="AC303" s="98"/>
      <c r="AD303" s="98"/>
      <c r="AE303" s="98"/>
      <c r="AF303" s="98"/>
      <c r="AG303" s="98"/>
      <c r="AH303" s="98"/>
      <c r="AI303" s="98"/>
      <c r="AJ303" s="98"/>
      <c r="AK303" s="98"/>
      <c r="AL303" s="98"/>
      <c r="AM303" s="98"/>
      <c r="AN303" s="98"/>
      <c r="AO303" s="98"/>
      <c r="AP303" s="98"/>
      <c r="AQ303" s="98"/>
      <c r="AR303" s="98"/>
      <c r="AS303" s="98"/>
      <c r="AT303" s="98"/>
      <c r="AU303" s="98"/>
      <c r="AV303" s="98"/>
      <c r="AW303" s="98"/>
      <c r="AX303" s="98"/>
      <c r="AY303" s="98"/>
      <c r="AZ303" s="98"/>
      <c r="BA303" s="98"/>
      <c r="BB303" s="98"/>
      <c r="BC303" s="98"/>
      <c r="BD303" s="98"/>
      <c r="BE303" s="98"/>
    </row>
    <row r="304" spans="1:57" s="57" customFormat="1" ht="199.95" customHeight="1" thickTop="1" thickBot="1" x14ac:dyDescent="0.25">
      <c r="A304" s="476" t="s">
        <v>200</v>
      </c>
      <c r="B304" s="477"/>
      <c r="C304" s="477"/>
      <c r="D304" s="477"/>
      <c r="E304" s="477"/>
      <c r="F304" s="477"/>
      <c r="G304" s="477"/>
      <c r="H304" s="477"/>
      <c r="I304" s="477"/>
      <c r="J304" s="477"/>
      <c r="K304" s="477"/>
      <c r="L304" s="477"/>
      <c r="M304" s="477"/>
      <c r="N304" s="478" t="s">
        <v>27</v>
      </c>
      <c r="O304" s="479" t="s">
        <v>20</v>
      </c>
      <c r="P304" s="479" t="s">
        <v>21</v>
      </c>
      <c r="Q304" s="480" t="s">
        <v>22</v>
      </c>
      <c r="R304" s="55"/>
      <c r="S304" s="43"/>
      <c r="T304" s="56"/>
      <c r="U304" s="105"/>
      <c r="V304" s="106"/>
      <c r="W304" s="106"/>
      <c r="X304" s="106"/>
      <c r="Y304" s="106"/>
      <c r="Z304" s="106"/>
      <c r="AA304" s="106"/>
      <c r="AB304" s="106"/>
      <c r="AC304" s="106"/>
      <c r="AD304" s="106"/>
      <c r="AE304" s="106"/>
      <c r="AF304" s="106"/>
      <c r="AG304" s="106"/>
      <c r="AH304" s="106"/>
      <c r="AI304" s="106"/>
      <c r="AJ304" s="106"/>
      <c r="AK304" s="106"/>
      <c r="AL304" s="106"/>
      <c r="AM304" s="106"/>
      <c r="AN304" s="106"/>
      <c r="AO304" s="106"/>
      <c r="AP304" s="106"/>
      <c r="AQ304" s="106"/>
      <c r="AR304" s="106"/>
      <c r="AS304" s="106"/>
      <c r="AT304" s="106"/>
      <c r="AU304" s="106"/>
      <c r="AV304" s="106"/>
      <c r="AW304" s="106"/>
      <c r="AX304" s="106"/>
      <c r="AY304" s="106"/>
      <c r="AZ304" s="106"/>
      <c r="BA304" s="106"/>
      <c r="BB304" s="106"/>
      <c r="BC304" s="106"/>
      <c r="BD304" s="106"/>
      <c r="BE304" s="106"/>
    </row>
    <row r="305" spans="1:57" s="57" customFormat="1" ht="201" customHeight="1" thickTop="1" thickBot="1" x14ac:dyDescent="0.25">
      <c r="A305" s="91" t="s">
        <v>201</v>
      </c>
      <c r="B305" s="93"/>
      <c r="C305" s="93"/>
      <c r="D305" s="93"/>
      <c r="E305" s="93"/>
      <c r="F305" s="93"/>
      <c r="G305" s="93"/>
      <c r="H305" s="93"/>
      <c r="I305" s="93"/>
      <c r="J305" s="93"/>
      <c r="K305" s="93"/>
      <c r="L305" s="93"/>
      <c r="M305" s="93"/>
      <c r="N305" s="144" t="s">
        <v>27</v>
      </c>
      <c r="O305" s="52" t="s">
        <v>24</v>
      </c>
      <c r="P305" s="351" t="s">
        <v>25</v>
      </c>
      <c r="Q305" s="62" t="s">
        <v>22</v>
      </c>
      <c r="R305" s="55"/>
      <c r="S305" s="43"/>
      <c r="T305" s="56"/>
      <c r="U305" s="105"/>
      <c r="V305" s="106"/>
      <c r="W305" s="106"/>
      <c r="X305" s="106"/>
      <c r="Y305" s="98"/>
      <c r="Z305" s="98"/>
      <c r="AA305" s="98"/>
      <c r="AB305" s="98"/>
      <c r="AC305" s="98"/>
      <c r="AD305" s="98"/>
      <c r="AE305" s="98"/>
      <c r="AF305" s="98"/>
      <c r="AG305" s="98"/>
      <c r="AH305" s="98"/>
      <c r="AI305" s="98"/>
      <c r="AJ305" s="98"/>
      <c r="AK305" s="98"/>
      <c r="AL305" s="98"/>
      <c r="AM305" s="98"/>
      <c r="AN305" s="98"/>
      <c r="AO305" s="106"/>
      <c r="AP305" s="106"/>
      <c r="AQ305" s="106"/>
      <c r="AR305" s="106"/>
      <c r="AS305" s="106"/>
      <c r="AT305" s="106"/>
      <c r="AU305" s="106"/>
      <c r="AV305" s="106"/>
      <c r="AW305" s="106"/>
      <c r="AX305" s="106"/>
      <c r="AY305" s="106"/>
      <c r="AZ305" s="106"/>
      <c r="BA305" s="106"/>
      <c r="BB305" s="106"/>
      <c r="BC305" s="106"/>
      <c r="BD305" s="106"/>
      <c r="BE305" s="106"/>
    </row>
    <row r="306" spans="1:57" s="57" customFormat="1" ht="132" customHeight="1" thickTop="1" thickBot="1" x14ac:dyDescent="0.25">
      <c r="A306" s="91" t="s">
        <v>202</v>
      </c>
      <c r="B306" s="93"/>
      <c r="C306" s="93"/>
      <c r="D306" s="93"/>
      <c r="E306" s="93"/>
      <c r="F306" s="93"/>
      <c r="G306" s="93"/>
      <c r="H306" s="93"/>
      <c r="I306" s="93"/>
      <c r="J306" s="93"/>
      <c r="K306" s="93"/>
      <c r="L306" s="93"/>
      <c r="M306" s="93"/>
      <c r="N306" s="481" t="s">
        <v>27</v>
      </c>
      <c r="O306" s="52" t="s">
        <v>24</v>
      </c>
      <c r="P306" s="351" t="s">
        <v>25</v>
      </c>
      <c r="Q306" s="62" t="s">
        <v>22</v>
      </c>
      <c r="R306" s="55"/>
      <c r="S306" s="43"/>
      <c r="T306" s="56"/>
      <c r="U306" s="105"/>
      <c r="V306" s="106"/>
      <c r="W306" s="106"/>
      <c r="X306" s="106"/>
      <c r="Y306" s="98"/>
      <c r="Z306" s="98"/>
      <c r="AA306" s="98"/>
      <c r="AB306" s="98"/>
      <c r="AC306" s="98"/>
      <c r="AD306" s="98"/>
      <c r="AE306" s="98"/>
      <c r="AF306" s="98"/>
      <c r="AG306" s="98"/>
      <c r="AH306" s="98"/>
      <c r="AI306" s="98"/>
      <c r="AJ306" s="98"/>
      <c r="AK306" s="98"/>
      <c r="AL306" s="98"/>
      <c r="AM306" s="98"/>
      <c r="AN306" s="98"/>
      <c r="AO306" s="106"/>
      <c r="AP306" s="106"/>
      <c r="AQ306" s="106"/>
      <c r="AR306" s="106"/>
      <c r="AS306" s="106"/>
      <c r="AT306" s="106"/>
      <c r="AU306" s="106"/>
      <c r="AV306" s="106"/>
      <c r="AW306" s="106"/>
      <c r="AX306" s="106"/>
      <c r="AY306" s="106"/>
      <c r="AZ306" s="106"/>
      <c r="BA306" s="106"/>
      <c r="BB306" s="106"/>
      <c r="BC306" s="106"/>
      <c r="BD306" s="106"/>
      <c r="BE306" s="106"/>
    </row>
    <row r="307" spans="1:57" s="57" customFormat="1" ht="132" customHeight="1" thickTop="1" thickBot="1" x14ac:dyDescent="0.25">
      <c r="A307" s="482" t="s">
        <v>203</v>
      </c>
      <c r="B307" s="483"/>
      <c r="C307" s="483"/>
      <c r="D307" s="483"/>
      <c r="E307" s="483"/>
      <c r="F307" s="483"/>
      <c r="G307" s="483"/>
      <c r="H307" s="483"/>
      <c r="I307" s="483"/>
      <c r="J307" s="483"/>
      <c r="K307" s="483"/>
      <c r="L307" s="483"/>
      <c r="M307" s="483"/>
      <c r="N307" s="484" t="s">
        <v>27</v>
      </c>
      <c r="O307" s="52" t="s">
        <v>20</v>
      </c>
      <c r="P307" s="52" t="s">
        <v>21</v>
      </c>
      <c r="Q307" s="112" t="s">
        <v>22</v>
      </c>
      <c r="R307" s="55"/>
      <c r="S307" s="43"/>
      <c r="T307" s="56"/>
      <c r="U307" s="105"/>
      <c r="V307" s="106"/>
      <c r="W307" s="106"/>
      <c r="X307" s="106"/>
      <c r="Y307" s="18"/>
      <c r="Z307" s="18"/>
      <c r="AA307" s="18"/>
      <c r="AB307" s="18"/>
      <c r="AC307" s="18"/>
      <c r="AD307" s="18"/>
      <c r="AE307" s="18"/>
      <c r="AF307" s="18"/>
      <c r="AG307" s="18"/>
      <c r="AH307" s="18"/>
      <c r="AI307" s="18"/>
      <c r="AJ307" s="18"/>
      <c r="AK307" s="18"/>
      <c r="AL307" s="18"/>
      <c r="AM307" s="18"/>
      <c r="AN307" s="18"/>
      <c r="AO307" s="106"/>
      <c r="AP307" s="106"/>
      <c r="AQ307" s="106"/>
      <c r="AR307" s="106"/>
      <c r="AS307" s="106"/>
      <c r="AT307" s="106"/>
      <c r="AU307" s="106"/>
      <c r="AV307" s="106"/>
      <c r="AW307" s="106"/>
      <c r="AX307" s="106"/>
      <c r="AY307" s="106"/>
      <c r="AZ307" s="106"/>
      <c r="BA307" s="106"/>
      <c r="BB307" s="106"/>
      <c r="BC307" s="106"/>
      <c r="BD307" s="106"/>
      <c r="BE307" s="106"/>
    </row>
    <row r="308" spans="1:57" s="18" customFormat="1" ht="69.900000000000006" customHeight="1" thickTop="1" x14ac:dyDescent="0.2">
      <c r="A308" s="70" t="s">
        <v>28</v>
      </c>
      <c r="B308" s="72"/>
      <c r="C308" s="72"/>
      <c r="D308" s="72"/>
      <c r="E308" s="72"/>
      <c r="F308" s="72"/>
      <c r="G308" s="72"/>
      <c r="H308" s="72"/>
      <c r="I308" s="72"/>
      <c r="J308" s="72"/>
      <c r="K308" s="72"/>
      <c r="L308" s="72"/>
      <c r="M308" s="72"/>
      <c r="N308" s="72"/>
      <c r="O308" s="72"/>
      <c r="P308" s="72"/>
      <c r="Q308" s="202"/>
      <c r="R308" s="42"/>
      <c r="S308" s="43"/>
      <c r="T308" s="485"/>
      <c r="U308" s="45"/>
    </row>
    <row r="309" spans="1:57" s="57" customFormat="1" ht="75" customHeight="1" x14ac:dyDescent="0.2">
      <c r="A309" s="75"/>
      <c r="B309" s="76"/>
      <c r="C309" s="76"/>
      <c r="D309" s="76"/>
      <c r="E309" s="76"/>
      <c r="F309" s="76"/>
      <c r="G309" s="76"/>
      <c r="H309" s="76"/>
      <c r="I309" s="76"/>
      <c r="J309" s="76"/>
      <c r="K309" s="76"/>
      <c r="L309" s="77"/>
      <c r="M309" s="76"/>
      <c r="N309" s="76"/>
      <c r="O309" s="76"/>
      <c r="P309" s="76"/>
      <c r="Q309" s="78"/>
      <c r="R309" s="55"/>
      <c r="S309" s="43"/>
      <c r="T309" s="79"/>
      <c r="U309" s="45"/>
    </row>
    <row r="310" spans="1:57" s="57" customFormat="1" ht="75" customHeight="1" thickBot="1" x14ac:dyDescent="0.25">
      <c r="A310" s="80"/>
      <c r="B310" s="81"/>
      <c r="C310" s="81"/>
      <c r="D310" s="81"/>
      <c r="E310" s="81"/>
      <c r="F310" s="81"/>
      <c r="G310" s="81"/>
      <c r="H310" s="81"/>
      <c r="I310" s="81"/>
      <c r="J310" s="81"/>
      <c r="K310" s="81"/>
      <c r="L310" s="82"/>
      <c r="M310" s="81"/>
      <c r="N310" s="81"/>
      <c r="O310" s="81"/>
      <c r="P310" s="81"/>
      <c r="Q310" s="83"/>
      <c r="R310" s="55"/>
      <c r="S310" s="43"/>
      <c r="T310" s="79"/>
      <c r="U310" s="45"/>
    </row>
    <row r="311" spans="1:57" s="18" customFormat="1" ht="21" customHeight="1" x14ac:dyDescent="0.2">
      <c r="A311" s="55"/>
      <c r="B311" s="55"/>
      <c r="C311" s="55"/>
      <c r="D311" s="55"/>
      <c r="E311" s="55"/>
      <c r="F311" s="55"/>
      <c r="G311" s="55"/>
      <c r="H311" s="55"/>
      <c r="I311" s="55"/>
      <c r="J311" s="55"/>
      <c r="K311" s="55"/>
      <c r="L311" s="55"/>
      <c r="M311" s="55"/>
      <c r="N311" s="486"/>
      <c r="O311" s="487"/>
      <c r="P311" s="487"/>
      <c r="Q311" s="487"/>
      <c r="R311" s="55"/>
      <c r="S311" s="43"/>
      <c r="T311" s="97"/>
      <c r="U311" s="105"/>
      <c r="V311" s="98"/>
      <c r="W311" s="98"/>
      <c r="X311" s="98"/>
      <c r="AO311" s="98"/>
      <c r="AP311" s="98"/>
      <c r="AQ311" s="98"/>
      <c r="AR311" s="98"/>
      <c r="AS311" s="98"/>
      <c r="AT311" s="98"/>
      <c r="AU311" s="98"/>
      <c r="AV311" s="98"/>
      <c r="AW311" s="98"/>
      <c r="AX311" s="98"/>
      <c r="AY311" s="98"/>
      <c r="AZ311" s="98"/>
      <c r="BA311" s="98"/>
      <c r="BB311" s="98"/>
      <c r="BC311" s="98"/>
      <c r="BD311" s="98"/>
      <c r="BE311" s="98"/>
    </row>
    <row r="312" spans="1:57" s="492" customFormat="1" ht="409.5" customHeight="1" x14ac:dyDescent="0.2">
      <c r="A312" s="488" t="s">
        <v>204</v>
      </c>
      <c r="B312" s="489"/>
      <c r="C312" s="489"/>
      <c r="D312" s="489"/>
      <c r="E312" s="489"/>
      <c r="F312" s="489"/>
      <c r="G312" s="489"/>
      <c r="H312" s="489"/>
      <c r="I312" s="489"/>
      <c r="J312" s="489"/>
      <c r="K312" s="489"/>
      <c r="L312" s="489"/>
      <c r="M312" s="489"/>
      <c r="N312" s="489"/>
      <c r="O312" s="489"/>
      <c r="P312" s="489"/>
      <c r="Q312" s="489"/>
      <c r="R312" s="489"/>
      <c r="S312" s="489"/>
      <c r="T312" s="490"/>
      <c r="U312" s="491"/>
      <c r="Y312" s="4"/>
      <c r="Z312" s="4"/>
      <c r="AA312" s="4"/>
      <c r="AB312" s="4"/>
      <c r="AC312" s="4"/>
      <c r="AD312" s="4"/>
      <c r="AE312" s="4"/>
      <c r="AF312" s="4"/>
      <c r="AG312" s="4"/>
      <c r="AH312" s="4"/>
      <c r="AI312" s="4"/>
      <c r="AJ312" s="4"/>
      <c r="AK312" s="4"/>
      <c r="AL312" s="4"/>
      <c r="AM312" s="4"/>
      <c r="AN312" s="4"/>
    </row>
    <row r="313" spans="1:57" s="492" customFormat="1" ht="43.5" customHeight="1" x14ac:dyDescent="0.2">
      <c r="A313" s="493"/>
      <c r="B313" s="494"/>
      <c r="C313" s="494"/>
      <c r="D313" s="494"/>
      <c r="E313" s="494"/>
      <c r="F313" s="494"/>
      <c r="G313" s="494"/>
      <c r="H313" s="494"/>
      <c r="I313" s="494"/>
      <c r="J313" s="494"/>
      <c r="K313" s="494"/>
      <c r="L313" s="494"/>
      <c r="M313" s="494"/>
      <c r="N313" s="494"/>
      <c r="O313" s="494"/>
      <c r="P313" s="494"/>
      <c r="Q313" s="494"/>
      <c r="R313" s="494"/>
      <c r="S313" s="494"/>
      <c r="T313" s="495"/>
      <c r="U313" s="491"/>
      <c r="Y313" s="4"/>
      <c r="Z313" s="4"/>
      <c r="AA313" s="4"/>
      <c r="AB313" s="4"/>
      <c r="AC313" s="4"/>
      <c r="AD313" s="4"/>
      <c r="AE313" s="4"/>
      <c r="AF313" s="4"/>
      <c r="AG313" s="4"/>
      <c r="AH313" s="4"/>
      <c r="AI313" s="4"/>
      <c r="AJ313" s="4"/>
      <c r="AK313" s="4"/>
      <c r="AL313" s="4"/>
      <c r="AM313" s="4"/>
      <c r="AN313" s="4"/>
    </row>
    <row r="314" spans="1:57" s="492" customFormat="1" ht="13.5" customHeight="1" x14ac:dyDescent="0.2">
      <c r="A314" s="496"/>
      <c r="B314" s="496"/>
      <c r="C314" s="496"/>
      <c r="D314" s="496"/>
      <c r="E314" s="496"/>
      <c r="F314" s="496"/>
      <c r="G314" s="496"/>
      <c r="H314" s="496"/>
      <c r="I314" s="496"/>
      <c r="J314" s="496"/>
      <c r="K314" s="496"/>
      <c r="L314" s="496"/>
      <c r="M314" s="496"/>
      <c r="N314" s="496"/>
      <c r="O314" s="496"/>
      <c r="P314" s="496"/>
      <c r="Q314" s="496"/>
      <c r="R314" s="496"/>
      <c r="S314" s="496"/>
      <c r="T314" s="496"/>
      <c r="U314" s="491"/>
      <c r="Y314" s="4"/>
      <c r="Z314" s="4"/>
      <c r="AA314" s="4"/>
      <c r="AB314" s="4"/>
      <c r="AC314" s="4"/>
      <c r="AD314" s="4"/>
      <c r="AE314" s="4"/>
      <c r="AF314" s="4"/>
      <c r="AG314" s="4"/>
      <c r="AH314" s="4"/>
      <c r="AI314" s="4"/>
      <c r="AJ314" s="4"/>
      <c r="AK314" s="4"/>
      <c r="AL314" s="4"/>
      <c r="AM314" s="4"/>
      <c r="AN314" s="4"/>
    </row>
    <row r="315" spans="1:57" s="503" customFormat="1" ht="55.2" x14ac:dyDescent="0.2">
      <c r="A315" s="497" t="s">
        <v>205</v>
      </c>
      <c r="B315" s="498"/>
      <c r="C315" s="498"/>
      <c r="D315" s="498"/>
      <c r="E315" s="498"/>
      <c r="F315" s="498"/>
      <c r="G315" s="498"/>
      <c r="H315" s="498"/>
      <c r="I315" s="498"/>
      <c r="J315" s="498"/>
      <c r="K315" s="498"/>
      <c r="L315" s="498"/>
      <c r="M315" s="498"/>
      <c r="N315" s="498"/>
      <c r="O315" s="498"/>
      <c r="P315" s="498"/>
      <c r="Q315" s="499"/>
      <c r="R315" s="500"/>
      <c r="S315" s="500"/>
      <c r="T315" s="501"/>
      <c r="U315" s="502"/>
    </row>
    <row r="316" spans="1:57" s="503" customFormat="1" ht="103.5" customHeight="1" x14ac:dyDescent="0.2">
      <c r="A316" s="504" t="s">
        <v>206</v>
      </c>
      <c r="B316" s="505"/>
      <c r="C316" s="505"/>
      <c r="D316" s="505"/>
      <c r="E316" s="505"/>
      <c r="F316" s="505"/>
      <c r="G316" s="505"/>
      <c r="H316" s="505"/>
      <c r="I316" s="505"/>
      <c r="J316" s="505"/>
      <c r="K316" s="505"/>
      <c r="L316" s="505"/>
      <c r="M316" s="505"/>
      <c r="N316" s="505"/>
      <c r="O316" s="505"/>
      <c r="P316" s="505"/>
      <c r="Q316" s="506"/>
      <c r="R316" s="500"/>
      <c r="S316" s="500"/>
      <c r="T316" s="501"/>
      <c r="U316" s="502"/>
    </row>
    <row r="317" spans="1:57" s="503" customFormat="1" ht="103.5" customHeight="1" x14ac:dyDescent="0.2">
      <c r="A317" s="507" t="s">
        <v>207</v>
      </c>
      <c r="B317" s="508"/>
      <c r="C317" s="508"/>
      <c r="D317" s="508"/>
      <c r="E317" s="508"/>
      <c r="F317" s="508"/>
      <c r="G317" s="508"/>
      <c r="H317" s="508"/>
      <c r="I317" s="508"/>
      <c r="J317" s="508"/>
      <c r="K317" s="508"/>
      <c r="L317" s="508"/>
      <c r="M317" s="508"/>
      <c r="N317" s="508"/>
      <c r="O317" s="508"/>
      <c r="P317" s="508"/>
      <c r="Q317" s="509"/>
      <c r="R317" s="500"/>
      <c r="S317" s="500"/>
      <c r="T317" s="501"/>
      <c r="U317" s="502"/>
    </row>
    <row r="318" spans="1:57" s="503" customFormat="1" ht="91.5" customHeight="1" x14ac:dyDescent="0.2">
      <c r="A318" s="510"/>
      <c r="B318" s="511" t="s">
        <v>208</v>
      </c>
      <c r="C318" s="512"/>
      <c r="D318" s="512"/>
      <c r="E318" s="512"/>
      <c r="F318" s="512"/>
      <c r="G318" s="512"/>
      <c r="H318" s="512"/>
      <c r="I318" s="513"/>
      <c r="J318" s="513"/>
      <c r="K318" s="514"/>
      <c r="L318" s="514"/>
      <c r="M318" s="514"/>
      <c r="N318" s="515"/>
      <c r="O318" s="516"/>
      <c r="P318" s="516"/>
      <c r="Q318" s="517"/>
      <c r="R318" s="500"/>
      <c r="S318" s="500"/>
      <c r="T318" s="501"/>
      <c r="U318" s="502"/>
    </row>
    <row r="319" spans="1:57" s="503" customFormat="1" ht="19.5" customHeight="1" x14ac:dyDescent="0.2">
      <c r="A319" s="518"/>
      <c r="B319" s="519"/>
      <c r="C319" s="512"/>
      <c r="D319" s="512"/>
      <c r="E319" s="512"/>
      <c r="F319" s="512"/>
      <c r="G319" s="512"/>
      <c r="H319" s="512"/>
      <c r="I319" s="513"/>
      <c r="J319" s="513"/>
      <c r="K319" s="512"/>
      <c r="L319" s="512"/>
      <c r="M319" s="512"/>
      <c r="N319" s="520"/>
      <c r="O319" s="513"/>
      <c r="P319" s="513"/>
      <c r="Q319" s="521"/>
      <c r="R319" s="500"/>
      <c r="S319" s="500"/>
      <c r="T319" s="501"/>
      <c r="U319" s="502"/>
    </row>
    <row r="320" spans="1:57" s="503" customFormat="1" ht="38.1" customHeight="1" x14ac:dyDescent="0.2">
      <c r="A320" s="514"/>
      <c r="B320" s="511"/>
      <c r="C320" s="514"/>
      <c r="D320" s="514"/>
      <c r="E320" s="514"/>
      <c r="F320" s="514"/>
      <c r="G320" s="514"/>
      <c r="H320" s="514"/>
      <c r="I320" s="516"/>
      <c r="J320" s="516"/>
      <c r="K320" s="514"/>
      <c r="L320" s="514"/>
      <c r="M320" s="514"/>
      <c r="N320" s="515"/>
      <c r="O320" s="516"/>
      <c r="P320" s="516"/>
      <c r="Q320" s="514"/>
      <c r="R320" s="500"/>
      <c r="S320" s="500"/>
      <c r="T320" s="501"/>
      <c r="U320" s="502"/>
    </row>
    <row r="321" spans="1:21" s="503" customFormat="1" ht="55.2" x14ac:dyDescent="0.2">
      <c r="A321" s="497" t="s">
        <v>205</v>
      </c>
      <c r="B321" s="498"/>
      <c r="C321" s="498"/>
      <c r="D321" s="498"/>
      <c r="E321" s="498"/>
      <c r="F321" s="498"/>
      <c r="G321" s="498"/>
      <c r="H321" s="498"/>
      <c r="I321" s="498"/>
      <c r="J321" s="498"/>
      <c r="K321" s="498"/>
      <c r="L321" s="498"/>
      <c r="M321" s="498"/>
      <c r="N321" s="498"/>
      <c r="O321" s="498"/>
      <c r="P321" s="498"/>
      <c r="Q321" s="499"/>
      <c r="R321" s="500"/>
      <c r="S321" s="500"/>
      <c r="T321" s="501"/>
      <c r="U321" s="502"/>
    </row>
    <row r="322" spans="1:21" s="503" customFormat="1" ht="103.5" customHeight="1" x14ac:dyDescent="0.2">
      <c r="A322" s="504" t="s">
        <v>206</v>
      </c>
      <c r="B322" s="505"/>
      <c r="C322" s="505"/>
      <c r="D322" s="505"/>
      <c r="E322" s="505"/>
      <c r="F322" s="505"/>
      <c r="G322" s="505"/>
      <c r="H322" s="505"/>
      <c r="I322" s="505"/>
      <c r="J322" s="505"/>
      <c r="K322" s="505"/>
      <c r="L322" s="505"/>
      <c r="M322" s="505"/>
      <c r="N322" s="505"/>
      <c r="O322" s="505"/>
      <c r="P322" s="505"/>
      <c r="Q322" s="506"/>
      <c r="R322" s="500"/>
      <c r="S322" s="500"/>
      <c r="T322" s="501"/>
      <c r="U322" s="502"/>
    </row>
    <row r="323" spans="1:21" s="503" customFormat="1" ht="103.5" customHeight="1" x14ac:dyDescent="0.2">
      <c r="A323" s="507" t="s">
        <v>207</v>
      </c>
      <c r="B323" s="508"/>
      <c r="C323" s="508"/>
      <c r="D323" s="508"/>
      <c r="E323" s="508"/>
      <c r="F323" s="508"/>
      <c r="G323" s="508"/>
      <c r="H323" s="508"/>
      <c r="I323" s="508"/>
      <c r="J323" s="508"/>
      <c r="K323" s="508"/>
      <c r="L323" s="508"/>
      <c r="M323" s="508"/>
      <c r="N323" s="508"/>
      <c r="O323" s="508"/>
      <c r="P323" s="508"/>
      <c r="Q323" s="509"/>
      <c r="R323" s="500"/>
      <c r="S323" s="500"/>
      <c r="T323" s="501"/>
      <c r="U323" s="502"/>
    </row>
    <row r="324" spans="1:21" s="503" customFormat="1" ht="91.5" customHeight="1" x14ac:dyDescent="0.2">
      <c r="A324" s="510"/>
      <c r="B324" s="511" t="s">
        <v>208</v>
      </c>
      <c r="C324" s="512"/>
      <c r="D324" s="512"/>
      <c r="E324" s="512"/>
      <c r="F324" s="512"/>
      <c r="G324" s="512"/>
      <c r="H324" s="512"/>
      <c r="I324" s="513"/>
      <c r="J324" s="513"/>
      <c r="K324" s="514"/>
      <c r="L324" s="514"/>
      <c r="M324" s="514"/>
      <c r="N324" s="515"/>
      <c r="O324" s="516"/>
      <c r="P324" s="516"/>
      <c r="Q324" s="517"/>
      <c r="R324" s="500"/>
      <c r="S324" s="500"/>
      <c r="U324" s="502"/>
    </row>
    <row r="325" spans="1:21" s="503" customFormat="1" ht="19.5" customHeight="1" x14ac:dyDescent="0.2">
      <c r="A325" s="518"/>
      <c r="B325" s="519"/>
      <c r="C325" s="512"/>
      <c r="D325" s="512"/>
      <c r="E325" s="512"/>
      <c r="F325" s="512"/>
      <c r="G325" s="512"/>
      <c r="H325" s="512"/>
      <c r="I325" s="513"/>
      <c r="J325" s="513"/>
      <c r="K325" s="512"/>
      <c r="L325" s="512"/>
      <c r="M325" s="512"/>
      <c r="N325" s="520"/>
      <c r="O325" s="513"/>
      <c r="P325" s="513"/>
      <c r="Q325" s="521"/>
      <c r="R325" s="500"/>
      <c r="S325" s="500"/>
      <c r="T325" s="501"/>
      <c r="U325" s="502"/>
    </row>
    <row r="326" spans="1:21" s="503" customFormat="1" ht="55.2" x14ac:dyDescent="0.2">
      <c r="A326" s="522"/>
      <c r="B326" s="522"/>
      <c r="C326" s="522"/>
      <c r="D326" s="522"/>
      <c r="E326" s="522"/>
      <c r="F326" s="522"/>
      <c r="G326" s="522"/>
      <c r="H326" s="522"/>
      <c r="I326" s="522"/>
      <c r="J326" s="522"/>
      <c r="K326" s="522"/>
      <c r="L326" s="522"/>
      <c r="M326" s="522"/>
      <c r="N326" s="522"/>
      <c r="O326" s="522"/>
      <c r="P326" s="523"/>
      <c r="Q326" s="514"/>
      <c r="R326" s="500"/>
      <c r="S326" s="500"/>
      <c r="T326" s="501"/>
      <c r="U326" s="502"/>
    </row>
  </sheetData>
  <mergeCells count="332">
    <mergeCell ref="A323:Q323"/>
    <mergeCell ref="A326:O326"/>
    <mergeCell ref="A312:T313"/>
    <mergeCell ref="A315:Q315"/>
    <mergeCell ref="A316:Q316"/>
    <mergeCell ref="A317:Q317"/>
    <mergeCell ref="A321:Q321"/>
    <mergeCell ref="A322:Q322"/>
    <mergeCell ref="A305:M305"/>
    <mergeCell ref="A306:M306"/>
    <mergeCell ref="A307:M307"/>
    <mergeCell ref="A308:Q308"/>
    <mergeCell ref="A309:Q309"/>
    <mergeCell ref="A310:Q310"/>
    <mergeCell ref="A299:Q299"/>
    <mergeCell ref="A300:Q300"/>
    <mergeCell ref="A301:Q301"/>
    <mergeCell ref="A302:Q302"/>
    <mergeCell ref="A303:Q303"/>
    <mergeCell ref="A304:M304"/>
    <mergeCell ref="A293:Q293"/>
    <mergeCell ref="A294:Q294"/>
    <mergeCell ref="A295:N295"/>
    <mergeCell ref="A296:N296"/>
    <mergeCell ref="A297:N297"/>
    <mergeCell ref="A298:N298"/>
    <mergeCell ref="A287:Q287"/>
    <mergeCell ref="A288:Q288"/>
    <mergeCell ref="A289:Q289"/>
    <mergeCell ref="A290:Q290"/>
    <mergeCell ref="A291:Q291"/>
    <mergeCell ref="A292:Q292"/>
    <mergeCell ref="A281:Q281"/>
    <mergeCell ref="A282:Q282"/>
    <mergeCell ref="A283:M283"/>
    <mergeCell ref="A284:Q284"/>
    <mergeCell ref="A285:Q285"/>
    <mergeCell ref="A286:Q286"/>
    <mergeCell ref="A275:Q275"/>
    <mergeCell ref="A276:Q276"/>
    <mergeCell ref="A277:N277"/>
    <mergeCell ref="A278:Q278"/>
    <mergeCell ref="A279:Q279"/>
    <mergeCell ref="A280:Q280"/>
    <mergeCell ref="A269:Q269"/>
    <mergeCell ref="A270:Q270"/>
    <mergeCell ref="A271:Q271"/>
    <mergeCell ref="A272:Q272"/>
    <mergeCell ref="A273:Q273"/>
    <mergeCell ref="A274:Q274"/>
    <mergeCell ref="A263:Q263"/>
    <mergeCell ref="A264:Q264"/>
    <mergeCell ref="A265:N265"/>
    <mergeCell ref="A266:Q266"/>
    <mergeCell ref="A267:Q267"/>
    <mergeCell ref="A268:Q268"/>
    <mergeCell ref="A257:Q257"/>
    <mergeCell ref="A258:Q258"/>
    <mergeCell ref="A259:Q259"/>
    <mergeCell ref="A260:Q260"/>
    <mergeCell ref="A261:Q261"/>
    <mergeCell ref="A262:Q262"/>
    <mergeCell ref="A254:J255"/>
    <mergeCell ref="K254:L255"/>
    <mergeCell ref="M254:Q254"/>
    <mergeCell ref="M255:Q255"/>
    <mergeCell ref="A256:J256"/>
    <mergeCell ref="K256:Q256"/>
    <mergeCell ref="A251:J251"/>
    <mergeCell ref="K251:Q251"/>
    <mergeCell ref="A252:J253"/>
    <mergeCell ref="K252:L253"/>
    <mergeCell ref="M252:Q252"/>
    <mergeCell ref="M253:Q253"/>
    <mergeCell ref="A245:Q245"/>
    <mergeCell ref="A246:Q246"/>
    <mergeCell ref="A247:N247"/>
    <mergeCell ref="A248:N248"/>
    <mergeCell ref="A249:Q249"/>
    <mergeCell ref="A250:Q250"/>
    <mergeCell ref="A241:I241"/>
    <mergeCell ref="J241:Q241"/>
    <mergeCell ref="A242:I242"/>
    <mergeCell ref="J242:Q242"/>
    <mergeCell ref="A243:Q243"/>
    <mergeCell ref="A244:Q244"/>
    <mergeCell ref="A236:I236"/>
    <mergeCell ref="J236:Q236"/>
    <mergeCell ref="A237:I237"/>
    <mergeCell ref="J237:Q237"/>
    <mergeCell ref="A238:I240"/>
    <mergeCell ref="K238:Q238"/>
    <mergeCell ref="J239:Q239"/>
    <mergeCell ref="J240:K240"/>
    <mergeCell ref="M240:Q240"/>
    <mergeCell ref="A231:Q231"/>
    <mergeCell ref="A232:Q232"/>
    <mergeCell ref="A233:I233"/>
    <mergeCell ref="J233:Q233"/>
    <mergeCell ref="A234:I235"/>
    <mergeCell ref="J234:Q234"/>
    <mergeCell ref="J235:K235"/>
    <mergeCell ref="M235:Q235"/>
    <mergeCell ref="A225:Q225"/>
    <mergeCell ref="A226:M226"/>
    <mergeCell ref="A227:Q227"/>
    <mergeCell ref="A228:Q228"/>
    <mergeCell ref="A229:Q229"/>
    <mergeCell ref="A230:Q230"/>
    <mergeCell ref="A219:Q219"/>
    <mergeCell ref="A220:N220"/>
    <mergeCell ref="A221:M221"/>
    <mergeCell ref="A222:Q222"/>
    <mergeCell ref="A223:Q223"/>
    <mergeCell ref="A224:Q224"/>
    <mergeCell ref="A213:Q213"/>
    <mergeCell ref="A214:N214"/>
    <mergeCell ref="A215:N215"/>
    <mergeCell ref="A216:Q216"/>
    <mergeCell ref="A217:Q217"/>
    <mergeCell ref="A218:Q218"/>
    <mergeCell ref="A207:Q207"/>
    <mergeCell ref="A208:Q208"/>
    <mergeCell ref="A209:M209"/>
    <mergeCell ref="A210:Q210"/>
    <mergeCell ref="A211:Q211"/>
    <mergeCell ref="A212:Q212"/>
    <mergeCell ref="A201:Q201"/>
    <mergeCell ref="A202:Q202"/>
    <mergeCell ref="A203:N203"/>
    <mergeCell ref="A204:Q204"/>
    <mergeCell ref="A205:Q205"/>
    <mergeCell ref="A206:Q206"/>
    <mergeCell ref="A195:Q195"/>
    <mergeCell ref="A196:Q196"/>
    <mergeCell ref="A197:Q197"/>
    <mergeCell ref="A198:Q198"/>
    <mergeCell ref="A199:Q199"/>
    <mergeCell ref="A200:Q200"/>
    <mergeCell ref="A189:Q189"/>
    <mergeCell ref="A190:Q190"/>
    <mergeCell ref="A191:Q191"/>
    <mergeCell ref="A192:Q192"/>
    <mergeCell ref="A193:M193"/>
    <mergeCell ref="A194:Q194"/>
    <mergeCell ref="A183:Q183"/>
    <mergeCell ref="A184:Q184"/>
    <mergeCell ref="A185:Q185"/>
    <mergeCell ref="A186:Q186"/>
    <mergeCell ref="A187:Q187"/>
    <mergeCell ref="A188:M188"/>
    <mergeCell ref="A177:N177"/>
    <mergeCell ref="A178:Q178"/>
    <mergeCell ref="A179:Q179"/>
    <mergeCell ref="A180:Q180"/>
    <mergeCell ref="A181:Q181"/>
    <mergeCell ref="A182:M182"/>
    <mergeCell ref="A171:Q171"/>
    <mergeCell ref="A172:Q172"/>
    <mergeCell ref="A173:Q173"/>
    <mergeCell ref="A174:Q174"/>
    <mergeCell ref="A175:N175"/>
    <mergeCell ref="A176:N176"/>
    <mergeCell ref="A165:Q165"/>
    <mergeCell ref="A166:N166"/>
    <mergeCell ref="A167:Q167"/>
    <mergeCell ref="A168:Q168"/>
    <mergeCell ref="A169:Q169"/>
    <mergeCell ref="A170:Q170"/>
    <mergeCell ref="A159:Q159"/>
    <mergeCell ref="A160:Q160"/>
    <mergeCell ref="A161:Q161"/>
    <mergeCell ref="A162:Q162"/>
    <mergeCell ref="A163:Q163"/>
    <mergeCell ref="A164:Q164"/>
    <mergeCell ref="A153:Q153"/>
    <mergeCell ref="A154:Q154"/>
    <mergeCell ref="A155:Q155"/>
    <mergeCell ref="A156:Q156"/>
    <mergeCell ref="A157:N157"/>
    <mergeCell ref="A158:Q158"/>
    <mergeCell ref="A147:Q147"/>
    <mergeCell ref="A148:Q148"/>
    <mergeCell ref="A149:Q149"/>
    <mergeCell ref="A150:Q150"/>
    <mergeCell ref="A151:Q151"/>
    <mergeCell ref="A152:N152"/>
    <mergeCell ref="A141:Q141"/>
    <mergeCell ref="A142:Q142"/>
    <mergeCell ref="A143:N143"/>
    <mergeCell ref="A144:Q144"/>
    <mergeCell ref="A145:Q145"/>
    <mergeCell ref="A146:Q146"/>
    <mergeCell ref="A135:M135"/>
    <mergeCell ref="A136:M136"/>
    <mergeCell ref="A137:N137"/>
    <mergeCell ref="A138:Q138"/>
    <mergeCell ref="A139:Q139"/>
    <mergeCell ref="A140:Q140"/>
    <mergeCell ref="A129:N129"/>
    <mergeCell ref="A130:Q130"/>
    <mergeCell ref="A131:Q131"/>
    <mergeCell ref="A132:Q132"/>
    <mergeCell ref="A133:Q133"/>
    <mergeCell ref="A134:N134"/>
    <mergeCell ref="A123:Q123"/>
    <mergeCell ref="A124:N124"/>
    <mergeCell ref="A125:Q125"/>
    <mergeCell ref="A126:Q126"/>
    <mergeCell ref="A127:Q127"/>
    <mergeCell ref="A128:Q128"/>
    <mergeCell ref="A117:Q117"/>
    <mergeCell ref="A118:Q118"/>
    <mergeCell ref="A119:Q119"/>
    <mergeCell ref="A120:Q120"/>
    <mergeCell ref="A121:Q121"/>
    <mergeCell ref="A122:Q122"/>
    <mergeCell ref="A110:Q110"/>
    <mergeCell ref="A111:Q111"/>
    <mergeCell ref="A112:Q112"/>
    <mergeCell ref="A113:Q113"/>
    <mergeCell ref="A114:N116"/>
    <mergeCell ref="O114:O116"/>
    <mergeCell ref="P114:P116"/>
    <mergeCell ref="Q114:Q116"/>
    <mergeCell ref="A106:J109"/>
    <mergeCell ref="K106:Q106"/>
    <mergeCell ref="K107:Q107"/>
    <mergeCell ref="K108:Q108"/>
    <mergeCell ref="K109:L109"/>
    <mergeCell ref="M109:Q109"/>
    <mergeCell ref="A100:Q100"/>
    <mergeCell ref="A101:Q101"/>
    <mergeCell ref="A102:J102"/>
    <mergeCell ref="K102:L102"/>
    <mergeCell ref="M102:Q102"/>
    <mergeCell ref="A103:J105"/>
    <mergeCell ref="K103:Q103"/>
    <mergeCell ref="K104:Q104"/>
    <mergeCell ref="K105:Q105"/>
    <mergeCell ref="A94:N94"/>
    <mergeCell ref="A95:Q95"/>
    <mergeCell ref="A96:Q96"/>
    <mergeCell ref="A97:Q97"/>
    <mergeCell ref="A98:Q98"/>
    <mergeCell ref="A99:M99"/>
    <mergeCell ref="A88:Q88"/>
    <mergeCell ref="A89:Q89"/>
    <mergeCell ref="A90:Q90"/>
    <mergeCell ref="A91:Q91"/>
    <mergeCell ref="A92:N92"/>
    <mergeCell ref="A93:N93"/>
    <mergeCell ref="A83:M83"/>
    <mergeCell ref="A84:Q84"/>
    <mergeCell ref="A85:J85"/>
    <mergeCell ref="K85:Q85"/>
    <mergeCell ref="A86:J87"/>
    <mergeCell ref="K86:Q86"/>
    <mergeCell ref="K87:Q87"/>
    <mergeCell ref="A77:Q77"/>
    <mergeCell ref="A78:N78"/>
    <mergeCell ref="A79:Q79"/>
    <mergeCell ref="A80:Q80"/>
    <mergeCell ref="A81:Q81"/>
    <mergeCell ref="A82:Q82"/>
    <mergeCell ref="A72:J72"/>
    <mergeCell ref="K72:Q72"/>
    <mergeCell ref="A73:J73"/>
    <mergeCell ref="A74:Q74"/>
    <mergeCell ref="A75:Q75"/>
    <mergeCell ref="A76:Q76"/>
    <mergeCell ref="A66:Q66"/>
    <mergeCell ref="A67:Q67"/>
    <mergeCell ref="A68:Q68"/>
    <mergeCell ref="A69:Q69"/>
    <mergeCell ref="A70:N70"/>
    <mergeCell ref="A71:Q71"/>
    <mergeCell ref="A60:M60"/>
    <mergeCell ref="A61:Q61"/>
    <mergeCell ref="A62:Q62"/>
    <mergeCell ref="A63:Q63"/>
    <mergeCell ref="A64:Q64"/>
    <mergeCell ref="A65:M65"/>
    <mergeCell ref="A54:N54"/>
    <mergeCell ref="A55:Q55"/>
    <mergeCell ref="A56:Q56"/>
    <mergeCell ref="A57:Q57"/>
    <mergeCell ref="A58:Q58"/>
    <mergeCell ref="A59:M59"/>
    <mergeCell ref="T48:T49"/>
    <mergeCell ref="A49:N49"/>
    <mergeCell ref="A50:M50"/>
    <mergeCell ref="A51:M51"/>
    <mergeCell ref="A52:M52"/>
    <mergeCell ref="A53:N53"/>
    <mergeCell ref="A46:Q46"/>
    <mergeCell ref="A47:Q47"/>
    <mergeCell ref="A48:N48"/>
    <mergeCell ref="O48:O49"/>
    <mergeCell ref="P48:P49"/>
    <mergeCell ref="Q48:Q49"/>
    <mergeCell ref="T39:T40"/>
    <mergeCell ref="A41:N41"/>
    <mergeCell ref="A42:N42"/>
    <mergeCell ref="A43:Q43"/>
    <mergeCell ref="A44:Q44"/>
    <mergeCell ref="A45:Q45"/>
    <mergeCell ref="A37:Q37"/>
    <mergeCell ref="A38:Q38"/>
    <mergeCell ref="A39:N40"/>
    <mergeCell ref="O39:O40"/>
    <mergeCell ref="P39:P40"/>
    <mergeCell ref="Q39:Q40"/>
    <mergeCell ref="A31:Q31"/>
    <mergeCell ref="A32:N32"/>
    <mergeCell ref="A33:N33"/>
    <mergeCell ref="A34:N34"/>
    <mergeCell ref="A35:Q35"/>
    <mergeCell ref="A36:Q36"/>
    <mergeCell ref="A25:N25"/>
    <mergeCell ref="A26:N26"/>
    <mergeCell ref="A27:M27"/>
    <mergeCell ref="A28:Q28"/>
    <mergeCell ref="A29:Q29"/>
    <mergeCell ref="A30:Q30"/>
    <mergeCell ref="A1:T1"/>
    <mergeCell ref="A2:T2"/>
    <mergeCell ref="A10:T10"/>
    <mergeCell ref="N20:Q20"/>
    <mergeCell ref="A23:Q23"/>
    <mergeCell ref="T23:T24"/>
    <mergeCell ref="A24:Q24"/>
  </mergeCells>
  <phoneticPr fontId="3"/>
  <printOptions horizontalCentered="1"/>
  <pageMargins left="0.23622047244094491" right="0.23622047244094491" top="0.35433070866141736" bottom="0" header="0.31496062992125984" footer="0.15748031496062992"/>
  <pageSetup paperSize="9" scale="17" fitToHeight="0" orientation="portrait" r:id="rId1"/>
  <rowBreaks count="8" manualBreakCount="8">
    <brk id="19" max="20" man="1"/>
    <brk id="45" max="19" man="1"/>
    <brk id="76" max="19" man="1"/>
    <brk id="112" max="19" man="1"/>
    <brk id="150" max="19" man="1"/>
    <brk id="191" max="19" man="1"/>
    <brk id="224" max="19" man="1"/>
    <brk id="280" max="19"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25C19EA-D3EE-4BC6-B04F-B66278D82DF4}">
  <sheetPr>
    <pageSetUpPr fitToPage="1"/>
  </sheetPr>
  <dimension ref="A1:IW444"/>
  <sheetViews>
    <sheetView showWhiteSpace="0" view="pageBreakPreview" zoomScale="25" zoomScaleNormal="20" zoomScaleSheetLayoutView="25" zoomScalePageLayoutView="70" workbookViewId="0">
      <selection sqref="A1:T1"/>
    </sheetView>
  </sheetViews>
  <sheetFormatPr defaultRowHeight="38.1" customHeight="1" x14ac:dyDescent="0.2"/>
  <cols>
    <col min="1" max="1" width="3.109375" style="541" customWidth="1"/>
    <col min="2" max="2" width="7.33203125" style="1054" customWidth="1"/>
    <col min="3" max="8" width="7.33203125" style="541" customWidth="1"/>
    <col min="9" max="9" width="45.33203125" style="1055" customWidth="1"/>
    <col min="10" max="10" width="35.33203125" style="1055" customWidth="1"/>
    <col min="11" max="11" width="35.109375" style="541" customWidth="1"/>
    <col min="12" max="12" width="44.33203125" style="1056" customWidth="1"/>
    <col min="13" max="13" width="71.21875" style="541" customWidth="1"/>
    <col min="14" max="14" width="60.6640625" style="1057" customWidth="1"/>
    <col min="15" max="17" width="60.6640625" style="1058" customWidth="1"/>
    <col min="18" max="18" width="3" style="531" customWidth="1"/>
    <col min="19" max="19" width="24.6640625" style="531" customWidth="1"/>
    <col min="20" max="256" width="8.88671875" style="531"/>
    <col min="257" max="257" width="4.21875" style="531" customWidth="1"/>
    <col min="258" max="269" width="7.33203125" style="531" customWidth="1"/>
    <col min="270" max="270" width="5.6640625" style="531" customWidth="1"/>
    <col min="271" max="271" width="1.33203125" style="531" customWidth="1"/>
    <col min="272" max="272" width="17.77734375" style="531" customWidth="1"/>
    <col min="273" max="512" width="8.88671875" style="531"/>
    <col min="513" max="513" width="4.21875" style="531" customWidth="1"/>
    <col min="514" max="525" width="7.33203125" style="531" customWidth="1"/>
    <col min="526" max="526" width="5.6640625" style="531" customWidth="1"/>
    <col min="527" max="527" width="1.33203125" style="531" customWidth="1"/>
    <col min="528" max="528" width="17.77734375" style="531" customWidth="1"/>
    <col min="529" max="768" width="8.88671875" style="531"/>
    <col min="769" max="769" width="4.21875" style="531" customWidth="1"/>
    <col min="770" max="781" width="7.33203125" style="531" customWidth="1"/>
    <col min="782" max="782" width="5.6640625" style="531" customWidth="1"/>
    <col min="783" max="783" width="1.33203125" style="531" customWidth="1"/>
    <col min="784" max="784" width="17.77734375" style="531" customWidth="1"/>
    <col min="785" max="1024" width="8.88671875" style="531"/>
    <col min="1025" max="1025" width="4.21875" style="531" customWidth="1"/>
    <col min="1026" max="1037" width="7.33203125" style="531" customWidth="1"/>
    <col min="1038" max="1038" width="5.6640625" style="531" customWidth="1"/>
    <col min="1039" max="1039" width="1.33203125" style="531" customWidth="1"/>
    <col min="1040" max="1040" width="17.77734375" style="531" customWidth="1"/>
    <col min="1041" max="1280" width="8.88671875" style="531"/>
    <col min="1281" max="1281" width="4.21875" style="531" customWidth="1"/>
    <col min="1282" max="1293" width="7.33203125" style="531" customWidth="1"/>
    <col min="1294" max="1294" width="5.6640625" style="531" customWidth="1"/>
    <col min="1295" max="1295" width="1.33203125" style="531" customWidth="1"/>
    <col min="1296" max="1296" width="17.77734375" style="531" customWidth="1"/>
    <col min="1297" max="1536" width="8.88671875" style="531"/>
    <col min="1537" max="1537" width="4.21875" style="531" customWidth="1"/>
    <col min="1538" max="1549" width="7.33203125" style="531" customWidth="1"/>
    <col min="1550" max="1550" width="5.6640625" style="531" customWidth="1"/>
    <col min="1551" max="1551" width="1.33203125" style="531" customWidth="1"/>
    <col min="1552" max="1552" width="17.77734375" style="531" customWidth="1"/>
    <col min="1553" max="1792" width="8.88671875" style="531"/>
    <col min="1793" max="1793" width="4.21875" style="531" customWidth="1"/>
    <col min="1794" max="1805" width="7.33203125" style="531" customWidth="1"/>
    <col min="1806" max="1806" width="5.6640625" style="531" customWidth="1"/>
    <col min="1807" max="1807" width="1.33203125" style="531" customWidth="1"/>
    <col min="1808" max="1808" width="17.77734375" style="531" customWidth="1"/>
    <col min="1809" max="2048" width="8.88671875" style="531"/>
    <col min="2049" max="2049" width="4.21875" style="531" customWidth="1"/>
    <col min="2050" max="2061" width="7.33203125" style="531" customWidth="1"/>
    <col min="2062" max="2062" width="5.6640625" style="531" customWidth="1"/>
    <col min="2063" max="2063" width="1.33203125" style="531" customWidth="1"/>
    <col min="2064" max="2064" width="17.77734375" style="531" customWidth="1"/>
    <col min="2065" max="2304" width="8.88671875" style="531"/>
    <col min="2305" max="2305" width="4.21875" style="531" customWidth="1"/>
    <col min="2306" max="2317" width="7.33203125" style="531" customWidth="1"/>
    <col min="2318" max="2318" width="5.6640625" style="531" customWidth="1"/>
    <col min="2319" max="2319" width="1.33203125" style="531" customWidth="1"/>
    <col min="2320" max="2320" width="17.77734375" style="531" customWidth="1"/>
    <col min="2321" max="2560" width="8.88671875" style="531"/>
    <col min="2561" max="2561" width="4.21875" style="531" customWidth="1"/>
    <col min="2562" max="2573" width="7.33203125" style="531" customWidth="1"/>
    <col min="2574" max="2574" width="5.6640625" style="531" customWidth="1"/>
    <col min="2575" max="2575" width="1.33203125" style="531" customWidth="1"/>
    <col min="2576" max="2576" width="17.77734375" style="531" customWidth="1"/>
    <col min="2577" max="2816" width="8.88671875" style="531"/>
    <col min="2817" max="2817" width="4.21875" style="531" customWidth="1"/>
    <col min="2818" max="2829" width="7.33203125" style="531" customWidth="1"/>
    <col min="2830" max="2830" width="5.6640625" style="531" customWidth="1"/>
    <col min="2831" max="2831" width="1.33203125" style="531" customWidth="1"/>
    <col min="2832" max="2832" width="17.77734375" style="531" customWidth="1"/>
    <col min="2833" max="3072" width="8.88671875" style="531"/>
    <col min="3073" max="3073" width="4.21875" style="531" customWidth="1"/>
    <col min="3074" max="3085" width="7.33203125" style="531" customWidth="1"/>
    <col min="3086" max="3086" width="5.6640625" style="531" customWidth="1"/>
    <col min="3087" max="3087" width="1.33203125" style="531" customWidth="1"/>
    <col min="3088" max="3088" width="17.77734375" style="531" customWidth="1"/>
    <col min="3089" max="3328" width="8.88671875" style="531"/>
    <col min="3329" max="3329" width="4.21875" style="531" customWidth="1"/>
    <col min="3330" max="3341" width="7.33203125" style="531" customWidth="1"/>
    <col min="3342" max="3342" width="5.6640625" style="531" customWidth="1"/>
    <col min="3343" max="3343" width="1.33203125" style="531" customWidth="1"/>
    <col min="3344" max="3344" width="17.77734375" style="531" customWidth="1"/>
    <col min="3345" max="3584" width="8.88671875" style="531"/>
    <col min="3585" max="3585" width="4.21875" style="531" customWidth="1"/>
    <col min="3586" max="3597" width="7.33203125" style="531" customWidth="1"/>
    <col min="3598" max="3598" width="5.6640625" style="531" customWidth="1"/>
    <col min="3599" max="3599" width="1.33203125" style="531" customWidth="1"/>
    <col min="3600" max="3600" width="17.77734375" style="531" customWidth="1"/>
    <col min="3601" max="3840" width="8.88671875" style="531"/>
    <col min="3841" max="3841" width="4.21875" style="531" customWidth="1"/>
    <col min="3842" max="3853" width="7.33203125" style="531" customWidth="1"/>
    <col min="3854" max="3854" width="5.6640625" style="531" customWidth="1"/>
    <col min="3855" max="3855" width="1.33203125" style="531" customWidth="1"/>
    <col min="3856" max="3856" width="17.77734375" style="531" customWidth="1"/>
    <col min="3857" max="4096" width="8.88671875" style="531"/>
    <col min="4097" max="4097" width="4.21875" style="531" customWidth="1"/>
    <col min="4098" max="4109" width="7.33203125" style="531" customWidth="1"/>
    <col min="4110" max="4110" width="5.6640625" style="531" customWidth="1"/>
    <col min="4111" max="4111" width="1.33203125" style="531" customWidth="1"/>
    <col min="4112" max="4112" width="17.77734375" style="531" customWidth="1"/>
    <col min="4113" max="4352" width="8.88671875" style="531"/>
    <col min="4353" max="4353" width="4.21875" style="531" customWidth="1"/>
    <col min="4354" max="4365" width="7.33203125" style="531" customWidth="1"/>
    <col min="4366" max="4366" width="5.6640625" style="531" customWidth="1"/>
    <col min="4367" max="4367" width="1.33203125" style="531" customWidth="1"/>
    <col min="4368" max="4368" width="17.77734375" style="531" customWidth="1"/>
    <col min="4369" max="4608" width="8.88671875" style="531"/>
    <col min="4609" max="4609" width="4.21875" style="531" customWidth="1"/>
    <col min="4610" max="4621" width="7.33203125" style="531" customWidth="1"/>
    <col min="4622" max="4622" width="5.6640625" style="531" customWidth="1"/>
    <col min="4623" max="4623" width="1.33203125" style="531" customWidth="1"/>
    <col min="4624" max="4624" width="17.77734375" style="531" customWidth="1"/>
    <col min="4625" max="4864" width="8.88671875" style="531"/>
    <col min="4865" max="4865" width="4.21875" style="531" customWidth="1"/>
    <col min="4866" max="4877" width="7.33203125" style="531" customWidth="1"/>
    <col min="4878" max="4878" width="5.6640625" style="531" customWidth="1"/>
    <col min="4879" max="4879" width="1.33203125" style="531" customWidth="1"/>
    <col min="4880" max="4880" width="17.77734375" style="531" customWidth="1"/>
    <col min="4881" max="5120" width="8.88671875" style="531"/>
    <col min="5121" max="5121" width="4.21875" style="531" customWidth="1"/>
    <col min="5122" max="5133" width="7.33203125" style="531" customWidth="1"/>
    <col min="5134" max="5134" width="5.6640625" style="531" customWidth="1"/>
    <col min="5135" max="5135" width="1.33203125" style="531" customWidth="1"/>
    <col min="5136" max="5136" width="17.77734375" style="531" customWidth="1"/>
    <col min="5137" max="5376" width="8.88671875" style="531"/>
    <col min="5377" max="5377" width="4.21875" style="531" customWidth="1"/>
    <col min="5378" max="5389" width="7.33203125" style="531" customWidth="1"/>
    <col min="5390" max="5390" width="5.6640625" style="531" customWidth="1"/>
    <col min="5391" max="5391" width="1.33203125" style="531" customWidth="1"/>
    <col min="5392" max="5392" width="17.77734375" style="531" customWidth="1"/>
    <col min="5393" max="5632" width="8.88671875" style="531"/>
    <col min="5633" max="5633" width="4.21875" style="531" customWidth="1"/>
    <col min="5634" max="5645" width="7.33203125" style="531" customWidth="1"/>
    <col min="5646" max="5646" width="5.6640625" style="531" customWidth="1"/>
    <col min="5647" max="5647" width="1.33203125" style="531" customWidth="1"/>
    <col min="5648" max="5648" width="17.77734375" style="531" customWidth="1"/>
    <col min="5649" max="5888" width="8.88671875" style="531"/>
    <col min="5889" max="5889" width="4.21875" style="531" customWidth="1"/>
    <col min="5890" max="5901" width="7.33203125" style="531" customWidth="1"/>
    <col min="5902" max="5902" width="5.6640625" style="531" customWidth="1"/>
    <col min="5903" max="5903" width="1.33203125" style="531" customWidth="1"/>
    <col min="5904" max="5904" width="17.77734375" style="531" customWidth="1"/>
    <col min="5905" max="6144" width="8.88671875" style="531"/>
    <col min="6145" max="6145" width="4.21875" style="531" customWidth="1"/>
    <col min="6146" max="6157" width="7.33203125" style="531" customWidth="1"/>
    <col min="6158" max="6158" width="5.6640625" style="531" customWidth="1"/>
    <col min="6159" max="6159" width="1.33203125" style="531" customWidth="1"/>
    <col min="6160" max="6160" width="17.77734375" style="531" customWidth="1"/>
    <col min="6161" max="6400" width="8.88671875" style="531"/>
    <col min="6401" max="6401" width="4.21875" style="531" customWidth="1"/>
    <col min="6402" max="6413" width="7.33203125" style="531" customWidth="1"/>
    <col min="6414" max="6414" width="5.6640625" style="531" customWidth="1"/>
    <col min="6415" max="6415" width="1.33203125" style="531" customWidth="1"/>
    <col min="6416" max="6416" width="17.77734375" style="531" customWidth="1"/>
    <col min="6417" max="6656" width="8.88671875" style="531"/>
    <col min="6657" max="6657" width="4.21875" style="531" customWidth="1"/>
    <col min="6658" max="6669" width="7.33203125" style="531" customWidth="1"/>
    <col min="6670" max="6670" width="5.6640625" style="531" customWidth="1"/>
    <col min="6671" max="6671" width="1.33203125" style="531" customWidth="1"/>
    <col min="6672" max="6672" width="17.77734375" style="531" customWidth="1"/>
    <col min="6673" max="6912" width="8.88671875" style="531"/>
    <col min="6913" max="6913" width="4.21875" style="531" customWidth="1"/>
    <col min="6914" max="6925" width="7.33203125" style="531" customWidth="1"/>
    <col min="6926" max="6926" width="5.6640625" style="531" customWidth="1"/>
    <col min="6927" max="6927" width="1.33203125" style="531" customWidth="1"/>
    <col min="6928" max="6928" width="17.77734375" style="531" customWidth="1"/>
    <col min="6929" max="7168" width="8.88671875" style="531"/>
    <col min="7169" max="7169" width="4.21875" style="531" customWidth="1"/>
    <col min="7170" max="7181" width="7.33203125" style="531" customWidth="1"/>
    <col min="7182" max="7182" width="5.6640625" style="531" customWidth="1"/>
    <col min="7183" max="7183" width="1.33203125" style="531" customWidth="1"/>
    <col min="7184" max="7184" width="17.77734375" style="531" customWidth="1"/>
    <col min="7185" max="7424" width="8.88671875" style="531"/>
    <col min="7425" max="7425" width="4.21875" style="531" customWidth="1"/>
    <col min="7426" max="7437" width="7.33203125" style="531" customWidth="1"/>
    <col min="7438" max="7438" width="5.6640625" style="531" customWidth="1"/>
    <col min="7439" max="7439" width="1.33203125" style="531" customWidth="1"/>
    <col min="7440" max="7440" width="17.77734375" style="531" customWidth="1"/>
    <col min="7441" max="7680" width="8.88671875" style="531"/>
    <col min="7681" max="7681" width="4.21875" style="531" customWidth="1"/>
    <col min="7682" max="7693" width="7.33203125" style="531" customWidth="1"/>
    <col min="7694" max="7694" width="5.6640625" style="531" customWidth="1"/>
    <col min="7695" max="7695" width="1.33203125" style="531" customWidth="1"/>
    <col min="7696" max="7696" width="17.77734375" style="531" customWidth="1"/>
    <col min="7697" max="7936" width="8.88671875" style="531"/>
    <col min="7937" max="7937" width="4.21875" style="531" customWidth="1"/>
    <col min="7938" max="7949" width="7.33203125" style="531" customWidth="1"/>
    <col min="7950" max="7950" width="5.6640625" style="531" customWidth="1"/>
    <col min="7951" max="7951" width="1.33203125" style="531" customWidth="1"/>
    <col min="7952" max="7952" width="17.77734375" style="531" customWidth="1"/>
    <col min="7953" max="8192" width="8.88671875" style="531"/>
    <col min="8193" max="8193" width="4.21875" style="531" customWidth="1"/>
    <col min="8194" max="8205" width="7.33203125" style="531" customWidth="1"/>
    <col min="8206" max="8206" width="5.6640625" style="531" customWidth="1"/>
    <col min="8207" max="8207" width="1.33203125" style="531" customWidth="1"/>
    <col min="8208" max="8208" width="17.77734375" style="531" customWidth="1"/>
    <col min="8209" max="8448" width="8.88671875" style="531"/>
    <col min="8449" max="8449" width="4.21875" style="531" customWidth="1"/>
    <col min="8450" max="8461" width="7.33203125" style="531" customWidth="1"/>
    <col min="8462" max="8462" width="5.6640625" style="531" customWidth="1"/>
    <col min="8463" max="8463" width="1.33203125" style="531" customWidth="1"/>
    <col min="8464" max="8464" width="17.77734375" style="531" customWidth="1"/>
    <col min="8465" max="8704" width="8.88671875" style="531"/>
    <col min="8705" max="8705" width="4.21875" style="531" customWidth="1"/>
    <col min="8706" max="8717" width="7.33203125" style="531" customWidth="1"/>
    <col min="8718" max="8718" width="5.6640625" style="531" customWidth="1"/>
    <col min="8719" max="8719" width="1.33203125" style="531" customWidth="1"/>
    <col min="8720" max="8720" width="17.77734375" style="531" customWidth="1"/>
    <col min="8721" max="8960" width="8.88671875" style="531"/>
    <col min="8961" max="8961" width="4.21875" style="531" customWidth="1"/>
    <col min="8962" max="8973" width="7.33203125" style="531" customWidth="1"/>
    <col min="8974" max="8974" width="5.6640625" style="531" customWidth="1"/>
    <col min="8975" max="8975" width="1.33203125" style="531" customWidth="1"/>
    <col min="8976" max="8976" width="17.77734375" style="531" customWidth="1"/>
    <col min="8977" max="9216" width="8.88671875" style="531"/>
    <col min="9217" max="9217" width="4.21875" style="531" customWidth="1"/>
    <col min="9218" max="9229" width="7.33203125" style="531" customWidth="1"/>
    <col min="9230" max="9230" width="5.6640625" style="531" customWidth="1"/>
    <col min="9231" max="9231" width="1.33203125" style="531" customWidth="1"/>
    <col min="9232" max="9232" width="17.77734375" style="531" customWidth="1"/>
    <col min="9233" max="9472" width="8.88671875" style="531"/>
    <col min="9473" max="9473" width="4.21875" style="531" customWidth="1"/>
    <col min="9474" max="9485" width="7.33203125" style="531" customWidth="1"/>
    <col min="9486" max="9486" width="5.6640625" style="531" customWidth="1"/>
    <col min="9487" max="9487" width="1.33203125" style="531" customWidth="1"/>
    <col min="9488" max="9488" width="17.77734375" style="531" customWidth="1"/>
    <col min="9489" max="9728" width="8.88671875" style="531"/>
    <col min="9729" max="9729" width="4.21875" style="531" customWidth="1"/>
    <col min="9730" max="9741" width="7.33203125" style="531" customWidth="1"/>
    <col min="9742" max="9742" width="5.6640625" style="531" customWidth="1"/>
    <col min="9743" max="9743" width="1.33203125" style="531" customWidth="1"/>
    <col min="9744" max="9744" width="17.77734375" style="531" customWidth="1"/>
    <col min="9745" max="9984" width="8.88671875" style="531"/>
    <col min="9985" max="9985" width="4.21875" style="531" customWidth="1"/>
    <col min="9986" max="9997" width="7.33203125" style="531" customWidth="1"/>
    <col min="9998" max="9998" width="5.6640625" style="531" customWidth="1"/>
    <col min="9999" max="9999" width="1.33203125" style="531" customWidth="1"/>
    <col min="10000" max="10000" width="17.77734375" style="531" customWidth="1"/>
    <col min="10001" max="10240" width="8.88671875" style="531"/>
    <col min="10241" max="10241" width="4.21875" style="531" customWidth="1"/>
    <col min="10242" max="10253" width="7.33203125" style="531" customWidth="1"/>
    <col min="10254" max="10254" width="5.6640625" style="531" customWidth="1"/>
    <col min="10255" max="10255" width="1.33203125" style="531" customWidth="1"/>
    <col min="10256" max="10256" width="17.77734375" style="531" customWidth="1"/>
    <col min="10257" max="10496" width="8.88671875" style="531"/>
    <col min="10497" max="10497" width="4.21875" style="531" customWidth="1"/>
    <col min="10498" max="10509" width="7.33203125" style="531" customWidth="1"/>
    <col min="10510" max="10510" width="5.6640625" style="531" customWidth="1"/>
    <col min="10511" max="10511" width="1.33203125" style="531" customWidth="1"/>
    <col min="10512" max="10512" width="17.77734375" style="531" customWidth="1"/>
    <col min="10513" max="10752" width="8.88671875" style="531"/>
    <col min="10753" max="10753" width="4.21875" style="531" customWidth="1"/>
    <col min="10754" max="10765" width="7.33203125" style="531" customWidth="1"/>
    <col min="10766" max="10766" width="5.6640625" style="531" customWidth="1"/>
    <col min="10767" max="10767" width="1.33203125" style="531" customWidth="1"/>
    <col min="10768" max="10768" width="17.77734375" style="531" customWidth="1"/>
    <col min="10769" max="11008" width="8.88671875" style="531"/>
    <col min="11009" max="11009" width="4.21875" style="531" customWidth="1"/>
    <col min="11010" max="11021" width="7.33203125" style="531" customWidth="1"/>
    <col min="11022" max="11022" width="5.6640625" style="531" customWidth="1"/>
    <col min="11023" max="11023" width="1.33203125" style="531" customWidth="1"/>
    <col min="11024" max="11024" width="17.77734375" style="531" customWidth="1"/>
    <col min="11025" max="11264" width="8.88671875" style="531"/>
    <col min="11265" max="11265" width="4.21875" style="531" customWidth="1"/>
    <col min="11266" max="11277" width="7.33203125" style="531" customWidth="1"/>
    <col min="11278" max="11278" width="5.6640625" style="531" customWidth="1"/>
    <col min="11279" max="11279" width="1.33203125" style="531" customWidth="1"/>
    <col min="11280" max="11280" width="17.77734375" style="531" customWidth="1"/>
    <col min="11281" max="11520" width="8.88671875" style="531"/>
    <col min="11521" max="11521" width="4.21875" style="531" customWidth="1"/>
    <col min="11522" max="11533" width="7.33203125" style="531" customWidth="1"/>
    <col min="11534" max="11534" width="5.6640625" style="531" customWidth="1"/>
    <col min="11535" max="11535" width="1.33203125" style="531" customWidth="1"/>
    <col min="11536" max="11536" width="17.77734375" style="531" customWidth="1"/>
    <col min="11537" max="11776" width="8.88671875" style="531"/>
    <col min="11777" max="11777" width="4.21875" style="531" customWidth="1"/>
    <col min="11778" max="11789" width="7.33203125" style="531" customWidth="1"/>
    <col min="11790" max="11790" width="5.6640625" style="531" customWidth="1"/>
    <col min="11791" max="11791" width="1.33203125" style="531" customWidth="1"/>
    <col min="11792" max="11792" width="17.77734375" style="531" customWidth="1"/>
    <col min="11793" max="12032" width="8.88671875" style="531"/>
    <col min="12033" max="12033" width="4.21875" style="531" customWidth="1"/>
    <col min="12034" max="12045" width="7.33203125" style="531" customWidth="1"/>
    <col min="12046" max="12046" width="5.6640625" style="531" customWidth="1"/>
    <col min="12047" max="12047" width="1.33203125" style="531" customWidth="1"/>
    <col min="12048" max="12048" width="17.77734375" style="531" customWidth="1"/>
    <col min="12049" max="12288" width="8.88671875" style="531"/>
    <col min="12289" max="12289" width="4.21875" style="531" customWidth="1"/>
    <col min="12290" max="12301" width="7.33203125" style="531" customWidth="1"/>
    <col min="12302" max="12302" width="5.6640625" style="531" customWidth="1"/>
    <col min="12303" max="12303" width="1.33203125" style="531" customWidth="1"/>
    <col min="12304" max="12304" width="17.77734375" style="531" customWidth="1"/>
    <col min="12305" max="12544" width="8.88671875" style="531"/>
    <col min="12545" max="12545" width="4.21875" style="531" customWidth="1"/>
    <col min="12546" max="12557" width="7.33203125" style="531" customWidth="1"/>
    <col min="12558" max="12558" width="5.6640625" style="531" customWidth="1"/>
    <col min="12559" max="12559" width="1.33203125" style="531" customWidth="1"/>
    <col min="12560" max="12560" width="17.77734375" style="531" customWidth="1"/>
    <col min="12561" max="12800" width="8.88671875" style="531"/>
    <col min="12801" max="12801" width="4.21875" style="531" customWidth="1"/>
    <col min="12802" max="12813" width="7.33203125" style="531" customWidth="1"/>
    <col min="12814" max="12814" width="5.6640625" style="531" customWidth="1"/>
    <col min="12815" max="12815" width="1.33203125" style="531" customWidth="1"/>
    <col min="12816" max="12816" width="17.77734375" style="531" customWidth="1"/>
    <col min="12817" max="13056" width="8.88671875" style="531"/>
    <col min="13057" max="13057" width="4.21875" style="531" customWidth="1"/>
    <col min="13058" max="13069" width="7.33203125" style="531" customWidth="1"/>
    <col min="13070" max="13070" width="5.6640625" style="531" customWidth="1"/>
    <col min="13071" max="13071" width="1.33203125" style="531" customWidth="1"/>
    <col min="13072" max="13072" width="17.77734375" style="531" customWidth="1"/>
    <col min="13073" max="13312" width="8.88671875" style="531"/>
    <col min="13313" max="13313" width="4.21875" style="531" customWidth="1"/>
    <col min="13314" max="13325" width="7.33203125" style="531" customWidth="1"/>
    <col min="13326" max="13326" width="5.6640625" style="531" customWidth="1"/>
    <col min="13327" max="13327" width="1.33203125" style="531" customWidth="1"/>
    <col min="13328" max="13328" width="17.77734375" style="531" customWidth="1"/>
    <col min="13329" max="13568" width="8.88671875" style="531"/>
    <col min="13569" max="13569" width="4.21875" style="531" customWidth="1"/>
    <col min="13570" max="13581" width="7.33203125" style="531" customWidth="1"/>
    <col min="13582" max="13582" width="5.6640625" style="531" customWidth="1"/>
    <col min="13583" max="13583" width="1.33203125" style="531" customWidth="1"/>
    <col min="13584" max="13584" width="17.77734375" style="531" customWidth="1"/>
    <col min="13585" max="13824" width="8.88671875" style="531"/>
    <col min="13825" max="13825" width="4.21875" style="531" customWidth="1"/>
    <col min="13826" max="13837" width="7.33203125" style="531" customWidth="1"/>
    <col min="13838" max="13838" width="5.6640625" style="531" customWidth="1"/>
    <col min="13839" max="13839" width="1.33203125" style="531" customWidth="1"/>
    <col min="13840" max="13840" width="17.77734375" style="531" customWidth="1"/>
    <col min="13841" max="14080" width="8.88671875" style="531"/>
    <col min="14081" max="14081" width="4.21875" style="531" customWidth="1"/>
    <col min="14082" max="14093" width="7.33203125" style="531" customWidth="1"/>
    <col min="14094" max="14094" width="5.6640625" style="531" customWidth="1"/>
    <col min="14095" max="14095" width="1.33203125" style="531" customWidth="1"/>
    <col min="14096" max="14096" width="17.77734375" style="531" customWidth="1"/>
    <col min="14097" max="14336" width="8.88671875" style="531"/>
    <col min="14337" max="14337" width="4.21875" style="531" customWidth="1"/>
    <col min="14338" max="14349" width="7.33203125" style="531" customWidth="1"/>
    <col min="14350" max="14350" width="5.6640625" style="531" customWidth="1"/>
    <col min="14351" max="14351" width="1.33203125" style="531" customWidth="1"/>
    <col min="14352" max="14352" width="17.77734375" style="531" customWidth="1"/>
    <col min="14353" max="14592" width="8.88671875" style="531"/>
    <col min="14593" max="14593" width="4.21875" style="531" customWidth="1"/>
    <col min="14594" max="14605" width="7.33203125" style="531" customWidth="1"/>
    <col min="14606" max="14606" width="5.6640625" style="531" customWidth="1"/>
    <col min="14607" max="14607" width="1.33203125" style="531" customWidth="1"/>
    <col min="14608" max="14608" width="17.77734375" style="531" customWidth="1"/>
    <col min="14609" max="14848" width="8.88671875" style="531"/>
    <col min="14849" max="14849" width="4.21875" style="531" customWidth="1"/>
    <col min="14850" max="14861" width="7.33203125" style="531" customWidth="1"/>
    <col min="14862" max="14862" width="5.6640625" style="531" customWidth="1"/>
    <col min="14863" max="14863" width="1.33203125" style="531" customWidth="1"/>
    <col min="14864" max="14864" width="17.77734375" style="531" customWidth="1"/>
    <col min="14865" max="15104" width="8.88671875" style="531"/>
    <col min="15105" max="15105" width="4.21875" style="531" customWidth="1"/>
    <col min="15106" max="15117" width="7.33203125" style="531" customWidth="1"/>
    <col min="15118" max="15118" width="5.6640625" style="531" customWidth="1"/>
    <col min="15119" max="15119" width="1.33203125" style="531" customWidth="1"/>
    <col min="15120" max="15120" width="17.77734375" style="531" customWidth="1"/>
    <col min="15121" max="15360" width="8.88671875" style="531"/>
    <col min="15361" max="15361" width="4.21875" style="531" customWidth="1"/>
    <col min="15362" max="15373" width="7.33203125" style="531" customWidth="1"/>
    <col min="15374" max="15374" width="5.6640625" style="531" customWidth="1"/>
    <col min="15375" max="15375" width="1.33203125" style="531" customWidth="1"/>
    <col min="15376" max="15376" width="17.77734375" style="531" customWidth="1"/>
    <col min="15377" max="15616" width="8.88671875" style="531"/>
    <col min="15617" max="15617" width="4.21875" style="531" customWidth="1"/>
    <col min="15618" max="15629" width="7.33203125" style="531" customWidth="1"/>
    <col min="15630" max="15630" width="5.6640625" style="531" customWidth="1"/>
    <col min="15631" max="15631" width="1.33203125" style="531" customWidth="1"/>
    <col min="15632" max="15632" width="17.77734375" style="531" customWidth="1"/>
    <col min="15633" max="15872" width="8.88671875" style="531"/>
    <col min="15873" max="15873" width="4.21875" style="531" customWidth="1"/>
    <col min="15874" max="15885" width="7.33203125" style="531" customWidth="1"/>
    <col min="15886" max="15886" width="5.6640625" style="531" customWidth="1"/>
    <col min="15887" max="15887" width="1.33203125" style="531" customWidth="1"/>
    <col min="15888" max="15888" width="17.77734375" style="531" customWidth="1"/>
    <col min="15889" max="16128" width="8.88671875" style="531"/>
    <col min="16129" max="16129" width="4.21875" style="531" customWidth="1"/>
    <col min="16130" max="16141" width="7.33203125" style="531" customWidth="1"/>
    <col min="16142" max="16142" width="5.6640625" style="531" customWidth="1"/>
    <col min="16143" max="16143" width="1.33203125" style="531" customWidth="1"/>
    <col min="16144" max="16144" width="17.77734375" style="531" customWidth="1"/>
    <col min="16145" max="16384" width="8.88671875" style="531"/>
  </cols>
  <sheetData>
    <row r="1" spans="1:257" ht="180" customHeight="1" x14ac:dyDescent="0.2">
      <c r="A1" s="529" t="s">
        <v>209</v>
      </c>
      <c r="B1" s="529"/>
      <c r="C1" s="529"/>
      <c r="D1" s="529"/>
      <c r="E1" s="529"/>
      <c r="F1" s="529"/>
      <c r="G1" s="529"/>
      <c r="H1" s="529"/>
      <c r="I1" s="529"/>
      <c r="J1" s="529"/>
      <c r="K1" s="529"/>
      <c r="L1" s="529"/>
      <c r="M1" s="529"/>
      <c r="N1" s="529"/>
      <c r="O1" s="529"/>
      <c r="P1" s="529"/>
      <c r="Q1" s="529"/>
      <c r="R1" s="529"/>
      <c r="S1" s="529"/>
      <c r="T1" s="530"/>
      <c r="U1" s="530"/>
      <c r="V1" s="530"/>
      <c r="W1" s="530"/>
      <c r="X1" s="530"/>
      <c r="Y1" s="530"/>
      <c r="Z1" s="530"/>
      <c r="AA1" s="530"/>
      <c r="AB1" s="530"/>
      <c r="AC1" s="530"/>
      <c r="AD1" s="530"/>
      <c r="AE1" s="530"/>
      <c r="AF1" s="530"/>
      <c r="AG1" s="530"/>
      <c r="AH1" s="530"/>
      <c r="AI1" s="530"/>
      <c r="AJ1" s="530"/>
      <c r="AK1" s="530"/>
      <c r="AL1" s="530"/>
      <c r="AM1" s="530"/>
      <c r="AN1" s="530"/>
      <c r="AO1" s="530"/>
      <c r="AP1" s="530"/>
      <c r="AQ1" s="530"/>
      <c r="AR1" s="530"/>
      <c r="AS1" s="530"/>
      <c r="AT1" s="530"/>
      <c r="AU1" s="530"/>
      <c r="AV1" s="530"/>
      <c r="AW1" s="530"/>
      <c r="AX1" s="530"/>
      <c r="AY1" s="530"/>
      <c r="AZ1" s="530"/>
      <c r="BA1" s="530"/>
      <c r="BB1" s="530"/>
      <c r="BC1" s="530"/>
      <c r="BD1" s="530"/>
      <c r="BE1" s="530"/>
      <c r="BF1" s="530"/>
      <c r="BG1" s="530"/>
      <c r="BH1" s="530"/>
      <c r="BI1" s="530"/>
      <c r="BJ1" s="530"/>
      <c r="BK1" s="530"/>
      <c r="BL1" s="530"/>
      <c r="BM1" s="530"/>
      <c r="BN1" s="530"/>
      <c r="BO1" s="530"/>
      <c r="BP1" s="530"/>
      <c r="BQ1" s="530"/>
      <c r="BR1" s="530"/>
      <c r="BS1" s="530"/>
      <c r="BT1" s="530"/>
      <c r="BU1" s="530"/>
      <c r="BV1" s="530"/>
      <c r="BW1" s="530"/>
      <c r="BX1" s="530"/>
      <c r="BY1" s="530"/>
      <c r="BZ1" s="530"/>
      <c r="CA1" s="530"/>
      <c r="CB1" s="530"/>
      <c r="CC1" s="530"/>
      <c r="CD1" s="530"/>
      <c r="CE1" s="530"/>
      <c r="CF1" s="530"/>
      <c r="CG1" s="530"/>
      <c r="CH1" s="530"/>
      <c r="CI1" s="530"/>
      <c r="CJ1" s="530"/>
      <c r="CK1" s="530"/>
      <c r="CL1" s="530"/>
      <c r="CM1" s="530"/>
      <c r="CN1" s="530"/>
      <c r="CO1" s="530"/>
      <c r="CP1" s="530"/>
      <c r="CQ1" s="530"/>
      <c r="CR1" s="530"/>
      <c r="CS1" s="530"/>
      <c r="CT1" s="530"/>
      <c r="CU1" s="530"/>
      <c r="CV1" s="530"/>
      <c r="CW1" s="530"/>
      <c r="CX1" s="530"/>
      <c r="CY1" s="530"/>
      <c r="CZ1" s="530"/>
      <c r="DA1" s="530"/>
      <c r="DB1" s="530"/>
      <c r="DC1" s="530"/>
      <c r="DD1" s="530"/>
      <c r="DE1" s="530"/>
      <c r="DF1" s="530"/>
      <c r="DG1" s="530"/>
      <c r="DH1" s="530"/>
      <c r="DI1" s="530"/>
      <c r="DJ1" s="530"/>
      <c r="DK1" s="530"/>
      <c r="DL1" s="530"/>
      <c r="DM1" s="530"/>
      <c r="DN1" s="530"/>
      <c r="DO1" s="530"/>
      <c r="DP1" s="530"/>
      <c r="DQ1" s="530"/>
      <c r="DR1" s="530"/>
      <c r="DS1" s="530"/>
      <c r="DT1" s="530"/>
      <c r="DU1" s="530"/>
      <c r="DV1" s="530"/>
      <c r="DW1" s="530"/>
      <c r="DX1" s="530"/>
      <c r="DY1" s="530"/>
      <c r="DZ1" s="530"/>
      <c r="EA1" s="530"/>
      <c r="EB1" s="530"/>
      <c r="EC1" s="530"/>
      <c r="ED1" s="530"/>
      <c r="EE1" s="530"/>
      <c r="EF1" s="530"/>
      <c r="EG1" s="530"/>
      <c r="EH1" s="530"/>
      <c r="EI1" s="530"/>
      <c r="EJ1" s="530"/>
      <c r="EK1" s="530"/>
      <c r="EL1" s="530"/>
      <c r="EM1" s="530"/>
      <c r="EN1" s="530"/>
      <c r="EO1" s="530"/>
      <c r="EP1" s="530"/>
      <c r="EQ1" s="530"/>
      <c r="ER1" s="530"/>
      <c r="ES1" s="530"/>
      <c r="ET1" s="530"/>
      <c r="EU1" s="530"/>
      <c r="EV1" s="530"/>
      <c r="EW1" s="530"/>
      <c r="EX1" s="530"/>
      <c r="EY1" s="530"/>
      <c r="EZ1" s="530"/>
      <c r="FA1" s="530"/>
      <c r="FB1" s="530"/>
      <c r="FC1" s="530"/>
      <c r="FD1" s="530"/>
      <c r="FE1" s="530"/>
      <c r="FF1" s="530"/>
      <c r="FG1" s="530"/>
      <c r="FH1" s="530"/>
      <c r="FI1" s="530"/>
      <c r="FJ1" s="530"/>
      <c r="FK1" s="530"/>
      <c r="FL1" s="530"/>
      <c r="FM1" s="530"/>
      <c r="FN1" s="530"/>
      <c r="FO1" s="530"/>
      <c r="FP1" s="530"/>
      <c r="FQ1" s="530"/>
      <c r="FR1" s="530"/>
      <c r="FS1" s="530"/>
      <c r="FT1" s="530"/>
      <c r="FU1" s="530"/>
      <c r="FV1" s="530"/>
      <c r="FW1" s="530"/>
      <c r="FX1" s="530"/>
      <c r="FY1" s="530"/>
      <c r="FZ1" s="530"/>
      <c r="GA1" s="530"/>
      <c r="GB1" s="530"/>
      <c r="GC1" s="530"/>
      <c r="GD1" s="530"/>
      <c r="GE1" s="530"/>
      <c r="GF1" s="530"/>
      <c r="GG1" s="530"/>
      <c r="GH1" s="530"/>
      <c r="GI1" s="530"/>
      <c r="GJ1" s="530"/>
      <c r="GK1" s="530"/>
      <c r="GL1" s="530"/>
      <c r="GM1" s="530"/>
      <c r="GN1" s="530"/>
      <c r="GO1" s="530"/>
      <c r="GP1" s="530"/>
      <c r="GQ1" s="530"/>
      <c r="GR1" s="530"/>
      <c r="GS1" s="530"/>
      <c r="GT1" s="530"/>
      <c r="GU1" s="530"/>
      <c r="GV1" s="530"/>
      <c r="GW1" s="530"/>
      <c r="GX1" s="530"/>
      <c r="GY1" s="530"/>
      <c r="GZ1" s="530"/>
      <c r="HA1" s="530"/>
      <c r="HB1" s="530"/>
      <c r="HC1" s="530"/>
      <c r="HD1" s="530"/>
      <c r="HE1" s="530"/>
      <c r="HF1" s="530"/>
      <c r="HG1" s="530"/>
      <c r="HH1" s="530"/>
      <c r="HI1" s="530"/>
      <c r="HJ1" s="530"/>
      <c r="HK1" s="530"/>
      <c r="HL1" s="530"/>
      <c r="HM1" s="530"/>
      <c r="HN1" s="530"/>
      <c r="HO1" s="530"/>
      <c r="HP1" s="530"/>
      <c r="HQ1" s="530"/>
      <c r="HR1" s="530"/>
      <c r="HS1" s="530"/>
      <c r="HT1" s="530"/>
      <c r="HU1" s="530"/>
      <c r="HV1" s="530"/>
      <c r="HW1" s="530"/>
      <c r="HX1" s="530"/>
      <c r="HY1" s="530"/>
      <c r="HZ1" s="530"/>
      <c r="IA1" s="530"/>
      <c r="IB1" s="530"/>
      <c r="IC1" s="530"/>
      <c r="ID1" s="530"/>
      <c r="IE1" s="530"/>
      <c r="IF1" s="530"/>
      <c r="IG1" s="530"/>
      <c r="IH1" s="530"/>
      <c r="II1" s="530"/>
      <c r="IJ1" s="530"/>
      <c r="IK1" s="530"/>
      <c r="IL1" s="530"/>
      <c r="IM1" s="530"/>
      <c r="IN1" s="530"/>
      <c r="IO1" s="530"/>
      <c r="IP1" s="530"/>
      <c r="IQ1" s="530"/>
      <c r="IR1" s="530"/>
      <c r="IS1" s="530"/>
      <c r="IT1" s="530"/>
      <c r="IU1" s="530"/>
      <c r="IV1" s="530"/>
    </row>
    <row r="2" spans="1:257" ht="409.5" customHeight="1" x14ac:dyDescent="0.2">
      <c r="A2" s="532" t="s">
        <v>210</v>
      </c>
      <c r="B2" s="532"/>
      <c r="C2" s="532"/>
      <c r="D2" s="532"/>
      <c r="E2" s="532"/>
      <c r="F2" s="532"/>
      <c r="G2" s="532"/>
      <c r="H2" s="532"/>
      <c r="I2" s="532"/>
      <c r="J2" s="532"/>
      <c r="K2" s="532"/>
      <c r="L2" s="532"/>
      <c r="M2" s="532"/>
      <c r="N2" s="532"/>
      <c r="O2" s="532"/>
      <c r="P2" s="532"/>
      <c r="Q2" s="532"/>
      <c r="R2" s="532"/>
      <c r="S2" s="532"/>
      <c r="T2" s="530"/>
      <c r="U2" s="530"/>
      <c r="V2" s="530"/>
      <c r="W2" s="530"/>
      <c r="X2" s="530"/>
      <c r="Y2" s="530"/>
      <c r="Z2" s="530"/>
      <c r="AA2" s="530"/>
      <c r="AB2" s="530"/>
      <c r="AC2" s="530"/>
      <c r="AD2" s="530"/>
      <c r="AE2" s="530"/>
      <c r="AF2" s="530"/>
      <c r="AG2" s="530"/>
      <c r="AH2" s="530"/>
      <c r="AI2" s="530"/>
      <c r="AJ2" s="530"/>
      <c r="AK2" s="530"/>
      <c r="AL2" s="530"/>
      <c r="AM2" s="530"/>
      <c r="AN2" s="530"/>
      <c r="AO2" s="530"/>
      <c r="AP2" s="530"/>
      <c r="AQ2" s="530"/>
      <c r="AR2" s="530"/>
      <c r="AS2" s="530"/>
      <c r="AT2" s="530"/>
      <c r="AU2" s="530"/>
      <c r="AV2" s="530"/>
      <c r="AW2" s="530"/>
      <c r="AX2" s="530"/>
      <c r="AY2" s="530"/>
      <c r="AZ2" s="530"/>
      <c r="BA2" s="530"/>
      <c r="BB2" s="530"/>
      <c r="BC2" s="530"/>
      <c r="BD2" s="530"/>
      <c r="BE2" s="530"/>
      <c r="BF2" s="530"/>
      <c r="BG2" s="530"/>
      <c r="BH2" s="530"/>
      <c r="BI2" s="530"/>
      <c r="BJ2" s="530"/>
      <c r="BK2" s="530"/>
      <c r="BL2" s="530"/>
      <c r="BM2" s="530"/>
      <c r="BN2" s="530"/>
      <c r="BO2" s="530"/>
      <c r="BP2" s="530"/>
      <c r="BQ2" s="530"/>
      <c r="BR2" s="530"/>
      <c r="BS2" s="530"/>
      <c r="BT2" s="530"/>
      <c r="BU2" s="530"/>
      <c r="BV2" s="530"/>
      <c r="BW2" s="530"/>
      <c r="BX2" s="530"/>
      <c r="BY2" s="530"/>
      <c r="BZ2" s="530"/>
      <c r="CA2" s="530"/>
      <c r="CB2" s="530"/>
      <c r="CC2" s="530"/>
      <c r="CD2" s="530"/>
      <c r="CE2" s="530"/>
      <c r="CF2" s="530"/>
      <c r="CG2" s="530"/>
      <c r="CH2" s="530"/>
      <c r="CI2" s="530"/>
      <c r="CJ2" s="530"/>
      <c r="CK2" s="530"/>
      <c r="CL2" s="530"/>
      <c r="CM2" s="530"/>
      <c r="CN2" s="530"/>
      <c r="CO2" s="530"/>
      <c r="CP2" s="530"/>
      <c r="CQ2" s="530"/>
      <c r="CR2" s="530"/>
      <c r="CS2" s="530"/>
      <c r="CT2" s="530"/>
      <c r="CU2" s="530"/>
      <c r="CV2" s="530"/>
      <c r="CW2" s="530"/>
      <c r="CX2" s="530"/>
      <c r="CY2" s="530"/>
      <c r="CZ2" s="530"/>
      <c r="DA2" s="530"/>
      <c r="DB2" s="530"/>
      <c r="DC2" s="530"/>
      <c r="DD2" s="530"/>
      <c r="DE2" s="530"/>
      <c r="DF2" s="530"/>
      <c r="DG2" s="530"/>
      <c r="DH2" s="530"/>
      <c r="DI2" s="530"/>
      <c r="DJ2" s="530"/>
      <c r="DK2" s="530"/>
      <c r="DL2" s="530"/>
      <c r="DM2" s="530"/>
      <c r="DN2" s="530"/>
      <c r="DO2" s="530"/>
      <c r="DP2" s="530"/>
      <c r="DQ2" s="530"/>
      <c r="DR2" s="530"/>
      <c r="DS2" s="530"/>
      <c r="DT2" s="530"/>
      <c r="DU2" s="530"/>
      <c r="DV2" s="530"/>
      <c r="DW2" s="530"/>
      <c r="DX2" s="530"/>
      <c r="DY2" s="530"/>
      <c r="DZ2" s="530"/>
      <c r="EA2" s="530"/>
      <c r="EB2" s="530"/>
      <c r="EC2" s="530"/>
      <c r="ED2" s="530"/>
      <c r="EE2" s="530"/>
      <c r="EF2" s="530"/>
      <c r="EG2" s="530"/>
      <c r="EH2" s="530"/>
      <c r="EI2" s="530"/>
      <c r="EJ2" s="530"/>
      <c r="EK2" s="530"/>
      <c r="EL2" s="530"/>
      <c r="EM2" s="530"/>
      <c r="EN2" s="530"/>
      <c r="EO2" s="530"/>
      <c r="EP2" s="530"/>
      <c r="EQ2" s="530"/>
      <c r="ER2" s="530"/>
      <c r="ES2" s="530"/>
      <c r="ET2" s="530"/>
      <c r="EU2" s="530"/>
      <c r="EV2" s="530"/>
      <c r="EW2" s="530"/>
      <c r="EX2" s="530"/>
      <c r="EY2" s="530"/>
      <c r="EZ2" s="530"/>
      <c r="FA2" s="530"/>
      <c r="FB2" s="530"/>
      <c r="FC2" s="530"/>
      <c r="FD2" s="530"/>
      <c r="FE2" s="530"/>
      <c r="FF2" s="530"/>
      <c r="FG2" s="530"/>
      <c r="FH2" s="530"/>
      <c r="FI2" s="530"/>
      <c r="FJ2" s="530"/>
      <c r="FK2" s="530"/>
      <c r="FL2" s="530"/>
      <c r="FM2" s="530"/>
      <c r="FN2" s="530"/>
      <c r="FO2" s="530"/>
      <c r="FP2" s="530"/>
      <c r="FQ2" s="530"/>
      <c r="FR2" s="530"/>
      <c r="FS2" s="530"/>
      <c r="FT2" s="530"/>
      <c r="FU2" s="530"/>
      <c r="FV2" s="530"/>
      <c r="FW2" s="530"/>
      <c r="FX2" s="530"/>
      <c r="FY2" s="530"/>
      <c r="FZ2" s="530"/>
      <c r="GA2" s="530"/>
      <c r="GB2" s="530"/>
      <c r="GC2" s="530"/>
      <c r="GD2" s="530"/>
      <c r="GE2" s="530"/>
      <c r="GF2" s="530"/>
      <c r="GG2" s="530"/>
      <c r="GH2" s="530"/>
      <c r="GI2" s="530"/>
      <c r="GJ2" s="530"/>
      <c r="GK2" s="530"/>
      <c r="GL2" s="530"/>
      <c r="GM2" s="530"/>
      <c r="GN2" s="530"/>
      <c r="GO2" s="530"/>
      <c r="GP2" s="530"/>
      <c r="GQ2" s="530"/>
      <c r="GR2" s="530"/>
      <c r="GS2" s="530"/>
      <c r="GT2" s="530"/>
      <c r="GU2" s="530"/>
      <c r="GV2" s="530"/>
      <c r="GW2" s="530"/>
      <c r="GX2" s="530"/>
      <c r="GY2" s="530"/>
      <c r="GZ2" s="530"/>
      <c r="HA2" s="530"/>
      <c r="HB2" s="530"/>
      <c r="HC2" s="530"/>
      <c r="HD2" s="530"/>
      <c r="HE2" s="530"/>
      <c r="HF2" s="530"/>
      <c r="HG2" s="530"/>
      <c r="HH2" s="530"/>
      <c r="HI2" s="530"/>
      <c r="HJ2" s="530"/>
      <c r="HK2" s="530"/>
      <c r="HL2" s="530"/>
      <c r="HM2" s="530"/>
      <c r="HN2" s="530"/>
      <c r="HO2" s="530"/>
      <c r="HP2" s="530"/>
      <c r="HQ2" s="530"/>
      <c r="HR2" s="530"/>
      <c r="HS2" s="530"/>
      <c r="HT2" s="530"/>
      <c r="HU2" s="530"/>
      <c r="HV2" s="530"/>
      <c r="HW2" s="530"/>
      <c r="HX2" s="530"/>
      <c r="HY2" s="530"/>
      <c r="HZ2" s="530"/>
      <c r="IA2" s="530"/>
      <c r="IB2" s="530"/>
      <c r="IC2" s="530"/>
      <c r="ID2" s="530"/>
      <c r="IE2" s="530"/>
      <c r="IF2" s="530"/>
      <c r="IG2" s="530"/>
      <c r="IH2" s="530"/>
      <c r="II2" s="530"/>
      <c r="IJ2" s="530"/>
      <c r="IK2" s="530"/>
      <c r="IL2" s="530"/>
      <c r="IM2" s="530"/>
      <c r="IN2" s="530"/>
      <c r="IO2" s="530"/>
      <c r="IP2" s="530"/>
      <c r="IQ2" s="530"/>
      <c r="IR2" s="530"/>
      <c r="IS2" s="530"/>
      <c r="IT2" s="530"/>
      <c r="IU2" s="530"/>
      <c r="IV2" s="530"/>
    </row>
    <row r="3" spans="1:257" s="4" customFormat="1" ht="304.5" customHeight="1" x14ac:dyDescent="0.2">
      <c r="A3" s="6"/>
      <c r="B3" s="6"/>
      <c r="C3" s="6"/>
      <c r="D3" s="6"/>
      <c r="E3" s="6"/>
      <c r="F3" s="6"/>
      <c r="G3" s="6"/>
      <c r="H3" s="6"/>
      <c r="I3" s="6"/>
      <c r="J3" s="6"/>
      <c r="K3" s="6"/>
      <c r="L3" s="6"/>
      <c r="M3" s="6"/>
      <c r="N3" s="7"/>
      <c r="O3" s="533"/>
      <c r="P3" s="533"/>
      <c r="Q3" s="533"/>
      <c r="R3" s="6"/>
      <c r="S3" s="6"/>
      <c r="T3" s="3"/>
      <c r="U3" s="3"/>
      <c r="V3" s="3"/>
      <c r="W3" s="3"/>
      <c r="X3" s="3"/>
      <c r="Y3" s="3"/>
      <c r="Z3" s="3"/>
      <c r="AA3" s="3"/>
      <c r="AB3" s="3"/>
      <c r="AC3" s="3"/>
      <c r="AD3" s="3"/>
      <c r="AE3" s="3"/>
      <c r="AF3" s="3"/>
      <c r="AG3" s="3"/>
      <c r="AH3" s="3"/>
      <c r="AI3" s="3"/>
      <c r="AJ3" s="3"/>
      <c r="AK3" s="3"/>
      <c r="AL3" s="3"/>
      <c r="AM3" s="3"/>
      <c r="AN3" s="3"/>
      <c r="AO3" s="3"/>
      <c r="AP3" s="3"/>
      <c r="AQ3" s="3"/>
      <c r="AR3" s="3"/>
      <c r="AS3" s="3"/>
      <c r="AT3" s="3"/>
      <c r="AU3" s="3"/>
      <c r="AV3" s="3"/>
      <c r="AW3" s="3"/>
      <c r="AX3" s="3"/>
      <c r="AY3" s="3"/>
      <c r="AZ3" s="3"/>
      <c r="BA3" s="3"/>
      <c r="BB3" s="3"/>
      <c r="BC3" s="3"/>
      <c r="BD3" s="3"/>
      <c r="BE3" s="3"/>
      <c r="BF3" s="3"/>
      <c r="BG3" s="3"/>
      <c r="BH3" s="3"/>
      <c r="BI3" s="3"/>
      <c r="BJ3" s="3"/>
      <c r="BK3" s="3"/>
      <c r="BL3" s="3"/>
      <c r="BM3" s="3"/>
      <c r="BN3" s="3"/>
      <c r="BO3" s="3"/>
      <c r="BP3" s="3"/>
      <c r="BQ3" s="3"/>
      <c r="BR3" s="3"/>
      <c r="BS3" s="3"/>
      <c r="BT3" s="3"/>
      <c r="BU3" s="3"/>
      <c r="BV3" s="3"/>
      <c r="BW3" s="3"/>
      <c r="BX3" s="3"/>
      <c r="BY3" s="3"/>
      <c r="BZ3" s="3"/>
      <c r="CA3" s="3"/>
      <c r="CB3" s="3"/>
      <c r="CC3" s="3"/>
      <c r="CD3" s="3"/>
      <c r="CE3" s="3"/>
      <c r="CF3" s="3"/>
      <c r="CG3" s="3"/>
      <c r="CH3" s="3"/>
      <c r="CI3" s="3"/>
      <c r="CJ3" s="3"/>
      <c r="CK3" s="3"/>
      <c r="CL3" s="3"/>
      <c r="CM3" s="3"/>
      <c r="CN3" s="3"/>
      <c r="CO3" s="3"/>
      <c r="CP3" s="3"/>
      <c r="CQ3" s="3"/>
      <c r="CR3" s="3"/>
      <c r="CS3" s="3"/>
      <c r="CT3" s="3"/>
      <c r="CU3" s="3"/>
      <c r="CV3" s="3"/>
      <c r="CW3" s="3"/>
      <c r="CX3" s="3"/>
      <c r="CY3" s="3"/>
      <c r="CZ3" s="3"/>
      <c r="DA3" s="3"/>
      <c r="DB3" s="3"/>
      <c r="DC3" s="3"/>
      <c r="DD3" s="3"/>
      <c r="DE3" s="3"/>
      <c r="DF3" s="3"/>
      <c r="DG3" s="3"/>
      <c r="DH3" s="3"/>
      <c r="DI3" s="3"/>
      <c r="DJ3" s="3"/>
      <c r="DK3" s="3"/>
      <c r="DL3" s="3"/>
      <c r="DM3" s="3"/>
      <c r="DN3" s="3"/>
      <c r="DO3" s="3"/>
      <c r="DP3" s="3"/>
      <c r="DQ3" s="3"/>
      <c r="DR3" s="3"/>
      <c r="DS3" s="3"/>
      <c r="DT3" s="3"/>
      <c r="DU3" s="3"/>
      <c r="DV3" s="3"/>
      <c r="DW3" s="3"/>
      <c r="DX3" s="3"/>
      <c r="DY3" s="3"/>
      <c r="DZ3" s="3"/>
      <c r="EA3" s="3"/>
      <c r="EB3" s="3"/>
      <c r="EC3" s="3"/>
      <c r="ED3" s="3"/>
      <c r="EE3" s="3"/>
      <c r="EF3" s="3"/>
      <c r="EG3" s="3"/>
      <c r="EH3" s="3"/>
      <c r="EI3" s="3"/>
      <c r="EJ3" s="3"/>
      <c r="EK3" s="3"/>
      <c r="EL3" s="3"/>
      <c r="EM3" s="3"/>
      <c r="EN3" s="3"/>
      <c r="EO3" s="3"/>
      <c r="EP3" s="3"/>
      <c r="EQ3" s="3"/>
      <c r="ER3" s="3"/>
      <c r="ES3" s="3"/>
      <c r="ET3" s="3"/>
      <c r="EU3" s="3"/>
      <c r="EV3" s="3"/>
      <c r="EW3" s="3"/>
      <c r="EX3" s="3"/>
      <c r="EY3" s="3"/>
      <c r="EZ3" s="3"/>
      <c r="FA3" s="3"/>
      <c r="FB3" s="3"/>
      <c r="FC3" s="3"/>
      <c r="FD3" s="3"/>
      <c r="FE3" s="3"/>
      <c r="FF3" s="3"/>
      <c r="FG3" s="3"/>
      <c r="FH3" s="3"/>
      <c r="FI3" s="3"/>
      <c r="FJ3" s="3"/>
      <c r="FK3" s="3"/>
      <c r="FL3" s="3"/>
      <c r="FM3" s="3"/>
      <c r="FN3" s="3"/>
      <c r="FO3" s="3"/>
      <c r="FP3" s="3"/>
      <c r="FQ3" s="3"/>
      <c r="FR3" s="3"/>
      <c r="FS3" s="3"/>
      <c r="FT3" s="3"/>
      <c r="FU3" s="3"/>
      <c r="FV3" s="3"/>
      <c r="FW3" s="3"/>
      <c r="FX3" s="3"/>
      <c r="FY3" s="3"/>
      <c r="FZ3" s="3"/>
      <c r="GA3" s="3"/>
      <c r="GB3" s="3"/>
      <c r="GC3" s="3"/>
      <c r="GD3" s="3"/>
      <c r="GE3" s="3"/>
      <c r="GF3" s="3"/>
      <c r="GG3" s="3"/>
      <c r="GH3" s="3"/>
      <c r="GI3" s="3"/>
      <c r="GJ3" s="3"/>
      <c r="GK3" s="3"/>
      <c r="GL3" s="3"/>
      <c r="GM3" s="3"/>
      <c r="GN3" s="3"/>
      <c r="GO3" s="3"/>
      <c r="GP3" s="3"/>
      <c r="GQ3" s="3"/>
      <c r="GR3" s="3"/>
      <c r="GS3" s="3"/>
      <c r="GT3" s="3"/>
      <c r="GU3" s="3"/>
      <c r="GV3" s="3"/>
      <c r="GW3" s="3"/>
      <c r="GX3" s="3"/>
      <c r="GY3" s="3"/>
      <c r="GZ3" s="3"/>
      <c r="HA3" s="3"/>
      <c r="HB3" s="3"/>
      <c r="HC3" s="3"/>
      <c r="HD3" s="3"/>
      <c r="HE3" s="3"/>
      <c r="HF3" s="3"/>
      <c r="HG3" s="3"/>
      <c r="HH3" s="3"/>
      <c r="HI3" s="3"/>
      <c r="HJ3" s="3"/>
      <c r="HK3" s="3"/>
      <c r="HL3" s="3"/>
      <c r="HM3" s="3"/>
      <c r="HN3" s="3"/>
      <c r="HO3" s="3"/>
      <c r="HP3" s="3"/>
      <c r="HQ3" s="3"/>
      <c r="HR3" s="3"/>
      <c r="HS3" s="3"/>
      <c r="HT3" s="3"/>
      <c r="HU3" s="3"/>
      <c r="HV3" s="3"/>
      <c r="HW3" s="3"/>
      <c r="HX3" s="3"/>
      <c r="HY3" s="3"/>
      <c r="HZ3" s="3"/>
      <c r="IA3" s="3"/>
      <c r="IB3" s="3"/>
      <c r="IC3" s="3"/>
      <c r="ID3" s="3"/>
      <c r="IE3" s="3"/>
      <c r="IF3" s="3"/>
      <c r="IG3" s="3"/>
      <c r="IH3" s="3"/>
      <c r="II3" s="3"/>
      <c r="IJ3" s="3"/>
      <c r="IK3" s="3"/>
      <c r="IL3" s="3"/>
      <c r="IM3" s="3"/>
      <c r="IN3" s="3"/>
      <c r="IO3" s="3"/>
      <c r="IP3" s="3"/>
      <c r="IQ3" s="3"/>
      <c r="IR3" s="3"/>
      <c r="IS3" s="3"/>
      <c r="IT3" s="3"/>
      <c r="IU3" s="3"/>
      <c r="IV3" s="3"/>
      <c r="IW3" s="3"/>
    </row>
    <row r="4" spans="1:257" s="4" customFormat="1" ht="10.5" customHeight="1" x14ac:dyDescent="0.2">
      <c r="A4" s="6"/>
      <c r="B4" s="6"/>
      <c r="C4" s="6"/>
      <c r="D4" s="6"/>
      <c r="E4" s="6"/>
      <c r="F4" s="6"/>
      <c r="G4" s="6"/>
      <c r="H4" s="6"/>
      <c r="I4" s="6"/>
      <c r="J4" s="6"/>
      <c r="K4" s="6"/>
      <c r="L4" s="6"/>
      <c r="M4" s="6"/>
      <c r="N4" s="7"/>
      <c r="O4" s="533"/>
      <c r="P4" s="533"/>
      <c r="Q4" s="533"/>
      <c r="R4" s="6"/>
      <c r="S4" s="6"/>
      <c r="T4" s="3"/>
      <c r="U4" s="3"/>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3"/>
      <c r="BE4" s="3"/>
      <c r="BF4" s="3"/>
      <c r="BG4" s="3"/>
      <c r="BH4" s="3"/>
      <c r="BI4" s="3"/>
      <c r="BJ4" s="3"/>
      <c r="BK4" s="3"/>
      <c r="BL4" s="3"/>
      <c r="BM4" s="3"/>
      <c r="BN4" s="3"/>
      <c r="BO4" s="3"/>
      <c r="BP4" s="3"/>
      <c r="BQ4" s="3"/>
      <c r="BR4" s="3"/>
      <c r="BS4" s="3"/>
      <c r="BT4" s="3"/>
      <c r="BU4" s="3"/>
      <c r="BV4" s="3"/>
      <c r="BW4" s="3"/>
      <c r="BX4" s="3"/>
      <c r="BY4" s="3"/>
      <c r="BZ4" s="3"/>
      <c r="CA4" s="3"/>
      <c r="CB4" s="3"/>
      <c r="CC4" s="3"/>
      <c r="CD4" s="3"/>
      <c r="CE4" s="3"/>
      <c r="CF4" s="3"/>
      <c r="CG4" s="3"/>
      <c r="CH4" s="3"/>
      <c r="CI4" s="3"/>
      <c r="CJ4" s="3"/>
      <c r="CK4" s="3"/>
      <c r="CL4" s="3"/>
      <c r="CM4" s="3"/>
      <c r="CN4" s="3"/>
      <c r="CO4" s="3"/>
      <c r="CP4" s="3"/>
      <c r="CQ4" s="3"/>
      <c r="CR4" s="3"/>
      <c r="CS4" s="3"/>
      <c r="CT4" s="3"/>
      <c r="CU4" s="3"/>
      <c r="CV4" s="3"/>
      <c r="CW4" s="3"/>
      <c r="CX4" s="3"/>
      <c r="CY4" s="3"/>
      <c r="CZ4" s="3"/>
      <c r="DA4" s="3"/>
      <c r="DB4" s="3"/>
      <c r="DC4" s="3"/>
      <c r="DD4" s="3"/>
      <c r="DE4" s="3"/>
      <c r="DF4" s="3"/>
      <c r="DG4" s="3"/>
      <c r="DH4" s="3"/>
      <c r="DI4" s="3"/>
      <c r="DJ4" s="3"/>
      <c r="DK4" s="3"/>
      <c r="DL4" s="3"/>
      <c r="DM4" s="3"/>
      <c r="DN4" s="3"/>
      <c r="DO4" s="3"/>
      <c r="DP4" s="3"/>
      <c r="DQ4" s="3"/>
      <c r="DR4" s="3"/>
      <c r="DS4" s="3"/>
      <c r="DT4" s="3"/>
      <c r="DU4" s="3"/>
      <c r="DV4" s="3"/>
      <c r="DW4" s="3"/>
      <c r="DX4" s="3"/>
      <c r="DY4" s="3"/>
      <c r="DZ4" s="3"/>
      <c r="EA4" s="3"/>
      <c r="EB4" s="3"/>
      <c r="EC4" s="3"/>
      <c r="ED4" s="3"/>
      <c r="EE4" s="3"/>
      <c r="EF4" s="3"/>
      <c r="EG4" s="3"/>
      <c r="EH4" s="3"/>
      <c r="EI4" s="3"/>
      <c r="EJ4" s="3"/>
      <c r="EK4" s="3"/>
      <c r="EL4" s="3"/>
      <c r="EM4" s="3"/>
      <c r="EN4" s="3"/>
      <c r="EO4" s="3"/>
      <c r="EP4" s="3"/>
      <c r="EQ4" s="3"/>
      <c r="ER4" s="3"/>
      <c r="ES4" s="3"/>
      <c r="ET4" s="3"/>
      <c r="EU4" s="3"/>
      <c r="EV4" s="3"/>
      <c r="EW4" s="3"/>
      <c r="EX4" s="3"/>
      <c r="EY4" s="3"/>
      <c r="EZ4" s="3"/>
      <c r="FA4" s="3"/>
      <c r="FB4" s="3"/>
      <c r="FC4" s="3"/>
      <c r="FD4" s="3"/>
      <c r="FE4" s="3"/>
      <c r="FF4" s="3"/>
      <c r="FG4" s="3"/>
      <c r="FH4" s="3"/>
      <c r="FI4" s="3"/>
      <c r="FJ4" s="3"/>
      <c r="FK4" s="3"/>
      <c r="FL4" s="3"/>
      <c r="FM4" s="3"/>
      <c r="FN4" s="3"/>
      <c r="FO4" s="3"/>
      <c r="FP4" s="3"/>
      <c r="FQ4" s="3"/>
      <c r="FR4" s="3"/>
      <c r="FS4" s="3"/>
      <c r="FT4" s="3"/>
      <c r="FU4" s="3"/>
      <c r="FV4" s="3"/>
      <c r="FW4" s="3"/>
      <c r="FX4" s="3"/>
      <c r="FY4" s="3"/>
      <c r="FZ4" s="3"/>
      <c r="GA4" s="3"/>
      <c r="GB4" s="3"/>
      <c r="GC4" s="3"/>
      <c r="GD4" s="3"/>
      <c r="GE4" s="3"/>
      <c r="GF4" s="3"/>
      <c r="GG4" s="3"/>
      <c r="GH4" s="3"/>
      <c r="GI4" s="3"/>
      <c r="GJ4" s="3"/>
      <c r="GK4" s="3"/>
      <c r="GL4" s="3"/>
      <c r="GM4" s="3"/>
      <c r="GN4" s="3"/>
      <c r="GO4" s="3"/>
      <c r="GP4" s="3"/>
      <c r="GQ4" s="3"/>
      <c r="GR4" s="3"/>
      <c r="GS4" s="3"/>
      <c r="GT4" s="3"/>
      <c r="GU4" s="3"/>
      <c r="GV4" s="3"/>
      <c r="GW4" s="3"/>
      <c r="GX4" s="3"/>
      <c r="GY4" s="3"/>
      <c r="GZ4" s="3"/>
      <c r="HA4" s="3"/>
      <c r="HB4" s="3"/>
      <c r="HC4" s="3"/>
      <c r="HD4" s="3"/>
      <c r="HE4" s="3"/>
      <c r="HF4" s="3"/>
      <c r="HG4" s="3"/>
      <c r="HH4" s="3"/>
      <c r="HI4" s="3"/>
      <c r="HJ4" s="3"/>
      <c r="HK4" s="3"/>
      <c r="HL4" s="3"/>
      <c r="HM4" s="3"/>
      <c r="HN4" s="3"/>
      <c r="HO4" s="3"/>
      <c r="HP4" s="3"/>
      <c r="HQ4" s="3"/>
      <c r="HR4" s="3"/>
      <c r="HS4" s="3"/>
      <c r="HT4" s="3"/>
      <c r="HU4" s="3"/>
      <c r="HV4" s="3"/>
      <c r="HW4" s="3"/>
      <c r="HX4" s="3"/>
      <c r="HY4" s="3"/>
      <c r="HZ4" s="3"/>
      <c r="IA4" s="3"/>
      <c r="IB4" s="3"/>
      <c r="IC4" s="3"/>
      <c r="ID4" s="3"/>
      <c r="IE4" s="3"/>
      <c r="IF4" s="3"/>
      <c r="IG4" s="3"/>
      <c r="IH4" s="3"/>
      <c r="II4" s="3"/>
      <c r="IJ4" s="3"/>
      <c r="IK4" s="3"/>
      <c r="IL4" s="3"/>
      <c r="IM4" s="3"/>
      <c r="IN4" s="3"/>
      <c r="IO4" s="3"/>
      <c r="IP4" s="3"/>
      <c r="IQ4" s="3"/>
      <c r="IR4" s="3"/>
      <c r="IS4" s="3"/>
      <c r="IT4" s="3"/>
      <c r="IU4" s="3"/>
      <c r="IV4" s="3"/>
      <c r="IW4" s="3"/>
    </row>
    <row r="5" spans="1:257" s="4" customFormat="1" ht="28.5" customHeight="1" x14ac:dyDescent="0.2">
      <c r="A5" s="6"/>
      <c r="B5" s="6"/>
      <c r="C5" s="6"/>
      <c r="D5" s="6"/>
      <c r="E5" s="6"/>
      <c r="F5" s="6"/>
      <c r="G5" s="6"/>
      <c r="H5" s="6"/>
      <c r="I5" s="6"/>
      <c r="J5" s="6"/>
      <c r="K5" s="6"/>
      <c r="L5" s="6"/>
      <c r="M5" s="6"/>
      <c r="N5" s="7"/>
      <c r="O5" s="533"/>
      <c r="P5" s="533"/>
      <c r="Q5" s="533"/>
      <c r="R5" s="6"/>
      <c r="S5" s="6"/>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c r="CA5" s="3"/>
      <c r="CB5" s="3"/>
      <c r="CC5" s="3"/>
      <c r="CD5" s="3"/>
      <c r="CE5" s="3"/>
      <c r="CF5" s="3"/>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3"/>
      <c r="IR5" s="3"/>
      <c r="IS5" s="3"/>
      <c r="IT5" s="3"/>
      <c r="IU5" s="3"/>
      <c r="IV5" s="3"/>
      <c r="IW5" s="3"/>
    </row>
    <row r="6" spans="1:257" s="4" customFormat="1" ht="22.5" customHeight="1" x14ac:dyDescent="0.2">
      <c r="A6" s="6"/>
      <c r="B6" s="6"/>
      <c r="C6" s="6"/>
      <c r="D6" s="6"/>
      <c r="E6" s="6"/>
      <c r="F6" s="6"/>
      <c r="G6" s="6"/>
      <c r="H6" s="6"/>
      <c r="I6" s="6"/>
      <c r="J6" s="6"/>
      <c r="K6" s="6"/>
      <c r="L6" s="6"/>
      <c r="M6" s="6"/>
      <c r="N6" s="7"/>
      <c r="O6" s="533"/>
      <c r="P6" s="533"/>
      <c r="Q6" s="533"/>
      <c r="R6" s="6"/>
      <c r="S6" s="6"/>
      <c r="T6" s="3"/>
      <c r="U6" s="3"/>
      <c r="V6" s="3"/>
      <c r="W6" s="3"/>
      <c r="X6" s="3"/>
      <c r="Y6" s="3"/>
      <c r="Z6" s="3"/>
      <c r="AA6" s="3"/>
      <c r="AB6" s="3"/>
      <c r="AC6" s="3"/>
      <c r="AD6" s="3"/>
      <c r="AE6" s="3"/>
      <c r="AF6" s="3"/>
      <c r="AG6" s="3"/>
      <c r="AH6" s="3"/>
      <c r="AI6" s="3"/>
      <c r="AJ6" s="3"/>
      <c r="AK6" s="3"/>
      <c r="AL6" s="3"/>
      <c r="AM6" s="3"/>
      <c r="AN6" s="3"/>
      <c r="AO6" s="3"/>
      <c r="AP6" s="3"/>
      <c r="AQ6" s="3"/>
      <c r="AR6" s="3"/>
      <c r="AS6" s="3"/>
      <c r="AT6" s="3"/>
      <c r="AU6" s="3"/>
      <c r="AV6" s="3"/>
      <c r="AW6" s="3"/>
      <c r="AX6" s="3"/>
      <c r="AY6" s="3"/>
      <c r="AZ6" s="3"/>
      <c r="BA6" s="3"/>
      <c r="BB6" s="3"/>
      <c r="BC6" s="3"/>
      <c r="BD6" s="3"/>
      <c r="BE6" s="3"/>
      <c r="BF6" s="3"/>
      <c r="BG6" s="3"/>
      <c r="BH6" s="3"/>
      <c r="BI6" s="3"/>
      <c r="BJ6" s="3"/>
      <c r="BK6" s="3"/>
      <c r="BL6" s="3"/>
      <c r="BM6" s="3"/>
      <c r="BN6" s="3"/>
      <c r="BO6" s="3"/>
      <c r="BP6" s="3"/>
      <c r="BQ6" s="3"/>
      <c r="BR6" s="3"/>
      <c r="BS6" s="3"/>
      <c r="BT6" s="3"/>
      <c r="BU6" s="3"/>
      <c r="BV6" s="3"/>
      <c r="BW6" s="3"/>
      <c r="BX6" s="3"/>
      <c r="BY6" s="3"/>
      <c r="BZ6" s="3"/>
      <c r="CA6" s="3"/>
      <c r="CB6" s="3"/>
      <c r="CC6" s="3"/>
      <c r="CD6" s="3"/>
      <c r="CE6" s="3"/>
      <c r="CF6" s="3"/>
      <c r="CG6" s="3"/>
      <c r="CH6" s="3"/>
      <c r="CI6" s="3"/>
      <c r="CJ6" s="3"/>
      <c r="CK6" s="3"/>
      <c r="CL6" s="3"/>
      <c r="CM6" s="3"/>
      <c r="CN6" s="3"/>
      <c r="CO6" s="3"/>
      <c r="CP6" s="3"/>
      <c r="CQ6" s="3"/>
      <c r="CR6" s="3"/>
      <c r="CS6" s="3"/>
      <c r="CT6" s="3"/>
      <c r="CU6" s="3"/>
      <c r="CV6" s="3"/>
      <c r="CW6" s="3"/>
      <c r="CX6" s="3"/>
      <c r="CY6" s="3"/>
      <c r="CZ6" s="3"/>
      <c r="DA6" s="3"/>
      <c r="DB6" s="3"/>
      <c r="DC6" s="3"/>
      <c r="DD6" s="3"/>
      <c r="DE6" s="3"/>
      <c r="DF6" s="3"/>
      <c r="DG6" s="3"/>
      <c r="DH6" s="3"/>
      <c r="DI6" s="3"/>
      <c r="DJ6" s="3"/>
      <c r="DK6" s="3"/>
      <c r="DL6" s="3"/>
      <c r="DM6" s="3"/>
      <c r="DN6" s="3"/>
      <c r="DO6" s="3"/>
      <c r="DP6" s="3"/>
      <c r="DQ6" s="3"/>
      <c r="DR6" s="3"/>
      <c r="DS6" s="3"/>
      <c r="DT6" s="3"/>
      <c r="DU6" s="3"/>
      <c r="DV6" s="3"/>
      <c r="DW6" s="3"/>
      <c r="DX6" s="3"/>
      <c r="DY6" s="3"/>
      <c r="DZ6" s="3"/>
      <c r="EA6" s="3"/>
      <c r="EB6" s="3"/>
      <c r="EC6" s="3"/>
      <c r="ED6" s="3"/>
      <c r="EE6" s="3"/>
      <c r="EF6" s="3"/>
      <c r="EG6" s="3"/>
      <c r="EH6" s="3"/>
      <c r="EI6" s="3"/>
      <c r="EJ6" s="3"/>
      <c r="EK6" s="3"/>
      <c r="EL6" s="3"/>
      <c r="EM6" s="3"/>
      <c r="EN6" s="3"/>
      <c r="EO6" s="3"/>
      <c r="EP6" s="3"/>
      <c r="EQ6" s="3"/>
      <c r="ER6" s="3"/>
      <c r="ES6" s="3"/>
      <c r="ET6" s="3"/>
      <c r="EU6" s="3"/>
      <c r="EV6" s="3"/>
      <c r="EW6" s="3"/>
      <c r="EX6" s="3"/>
      <c r="EY6" s="3"/>
      <c r="EZ6" s="3"/>
      <c r="FA6" s="3"/>
      <c r="FB6" s="3"/>
      <c r="FC6" s="3"/>
      <c r="FD6" s="3"/>
      <c r="FE6" s="3"/>
      <c r="FF6" s="3"/>
      <c r="FG6" s="3"/>
      <c r="FH6" s="3"/>
      <c r="FI6" s="3"/>
      <c r="FJ6" s="3"/>
      <c r="FK6" s="3"/>
      <c r="FL6" s="3"/>
      <c r="FM6" s="3"/>
      <c r="FN6" s="3"/>
      <c r="FO6" s="3"/>
      <c r="FP6" s="3"/>
      <c r="FQ6" s="3"/>
      <c r="FR6" s="3"/>
      <c r="FS6" s="3"/>
      <c r="FT6" s="3"/>
      <c r="FU6" s="3"/>
      <c r="FV6" s="3"/>
      <c r="FW6" s="3"/>
      <c r="FX6" s="3"/>
      <c r="FY6" s="3"/>
      <c r="FZ6" s="3"/>
      <c r="GA6" s="3"/>
      <c r="GB6" s="3"/>
      <c r="GC6" s="3"/>
      <c r="GD6" s="3"/>
      <c r="GE6" s="3"/>
      <c r="GF6" s="3"/>
      <c r="GG6" s="3"/>
      <c r="GH6" s="3"/>
      <c r="GI6" s="3"/>
      <c r="GJ6" s="3"/>
      <c r="GK6" s="3"/>
      <c r="GL6" s="3"/>
      <c r="GM6" s="3"/>
      <c r="GN6" s="3"/>
      <c r="GO6" s="3"/>
      <c r="GP6" s="3"/>
      <c r="GQ6" s="3"/>
      <c r="GR6" s="3"/>
      <c r="GS6" s="3"/>
      <c r="GT6" s="3"/>
      <c r="GU6" s="3"/>
      <c r="GV6" s="3"/>
      <c r="GW6" s="3"/>
      <c r="GX6" s="3"/>
      <c r="GY6" s="3"/>
      <c r="GZ6" s="3"/>
      <c r="HA6" s="3"/>
      <c r="HB6" s="3"/>
      <c r="HC6" s="3"/>
      <c r="HD6" s="3"/>
      <c r="HE6" s="3"/>
      <c r="HF6" s="3"/>
      <c r="HG6" s="3"/>
      <c r="HH6" s="3"/>
      <c r="HI6" s="3"/>
      <c r="HJ6" s="3"/>
      <c r="HK6" s="3"/>
      <c r="HL6" s="3"/>
      <c r="HM6" s="3"/>
      <c r="HN6" s="3"/>
      <c r="HO6" s="3"/>
      <c r="HP6" s="3"/>
      <c r="HQ6" s="3"/>
      <c r="HR6" s="3"/>
      <c r="HS6" s="3"/>
      <c r="HT6" s="3"/>
      <c r="HU6" s="3"/>
      <c r="HV6" s="3"/>
      <c r="HW6" s="3"/>
      <c r="HX6" s="3"/>
      <c r="HY6" s="3"/>
      <c r="HZ6" s="3"/>
      <c r="IA6" s="3"/>
      <c r="IB6" s="3"/>
      <c r="IC6" s="3"/>
      <c r="ID6" s="3"/>
      <c r="IE6" s="3"/>
      <c r="IF6" s="3"/>
      <c r="IG6" s="3"/>
      <c r="IH6" s="3"/>
      <c r="II6" s="3"/>
      <c r="IJ6" s="3"/>
      <c r="IK6" s="3"/>
      <c r="IL6" s="3"/>
      <c r="IM6" s="3"/>
      <c r="IN6" s="3"/>
      <c r="IO6" s="3"/>
      <c r="IP6" s="3"/>
      <c r="IQ6" s="3"/>
      <c r="IR6" s="3"/>
      <c r="IS6" s="3"/>
      <c r="IT6" s="3"/>
      <c r="IU6" s="3"/>
      <c r="IV6" s="3"/>
      <c r="IW6" s="3"/>
    </row>
    <row r="7" spans="1:257" ht="301.5" customHeight="1" x14ac:dyDescent="0.2">
      <c r="A7" s="534"/>
      <c r="B7" s="534"/>
      <c r="C7" s="534"/>
      <c r="D7" s="534"/>
      <c r="E7" s="534"/>
      <c r="F7" s="534"/>
      <c r="G7" s="534"/>
      <c r="H7" s="534"/>
      <c r="I7" s="534"/>
      <c r="J7" s="534"/>
      <c r="K7" s="534"/>
      <c r="L7" s="535"/>
      <c r="M7" s="534"/>
      <c r="N7" s="536"/>
      <c r="O7" s="537"/>
      <c r="P7" s="537"/>
      <c r="Q7" s="537"/>
      <c r="R7" s="534"/>
      <c r="S7" s="534"/>
      <c r="T7" s="530"/>
      <c r="U7" s="530"/>
      <c r="V7" s="530"/>
      <c r="W7" s="530"/>
      <c r="X7" s="530"/>
      <c r="Y7" s="530"/>
      <c r="Z7" s="530"/>
      <c r="AA7" s="530"/>
      <c r="AB7" s="530"/>
      <c r="AC7" s="530"/>
      <c r="AD7" s="530"/>
      <c r="AE7" s="530"/>
      <c r="AF7" s="530"/>
      <c r="AG7" s="530"/>
      <c r="AH7" s="530"/>
      <c r="AI7" s="530"/>
      <c r="AJ7" s="530"/>
      <c r="AK7" s="530"/>
      <c r="AL7" s="530"/>
      <c r="AM7" s="530"/>
      <c r="AN7" s="530"/>
      <c r="AO7" s="530"/>
      <c r="AP7" s="530"/>
      <c r="AQ7" s="530"/>
      <c r="AR7" s="530"/>
      <c r="AS7" s="530"/>
      <c r="AT7" s="530"/>
      <c r="AU7" s="530"/>
      <c r="AV7" s="530"/>
      <c r="AW7" s="530"/>
      <c r="AX7" s="530"/>
      <c r="AY7" s="530"/>
      <c r="AZ7" s="530"/>
      <c r="BA7" s="530"/>
      <c r="BB7" s="530"/>
      <c r="BC7" s="530"/>
      <c r="BD7" s="530"/>
      <c r="BE7" s="530"/>
      <c r="BF7" s="530"/>
      <c r="BG7" s="530"/>
      <c r="BH7" s="530"/>
      <c r="BI7" s="530"/>
      <c r="BJ7" s="530"/>
      <c r="BK7" s="530"/>
      <c r="BL7" s="530"/>
      <c r="BM7" s="530"/>
      <c r="BN7" s="530"/>
      <c r="BO7" s="530"/>
      <c r="BP7" s="530"/>
      <c r="BQ7" s="530"/>
      <c r="BR7" s="530"/>
      <c r="BS7" s="530"/>
      <c r="BT7" s="530"/>
      <c r="BU7" s="530"/>
      <c r="BV7" s="530"/>
      <c r="BW7" s="530"/>
      <c r="BX7" s="530"/>
      <c r="BY7" s="530"/>
      <c r="BZ7" s="530"/>
      <c r="CA7" s="530"/>
      <c r="CB7" s="530"/>
      <c r="CC7" s="530"/>
      <c r="CD7" s="530"/>
      <c r="CE7" s="530"/>
      <c r="CF7" s="530"/>
      <c r="CG7" s="530"/>
      <c r="CH7" s="530"/>
      <c r="CI7" s="530"/>
      <c r="CJ7" s="530"/>
      <c r="CK7" s="530"/>
      <c r="CL7" s="530"/>
      <c r="CM7" s="530"/>
      <c r="CN7" s="530"/>
      <c r="CO7" s="530"/>
      <c r="CP7" s="530"/>
      <c r="CQ7" s="530"/>
      <c r="CR7" s="530"/>
      <c r="CS7" s="530"/>
      <c r="CT7" s="530"/>
      <c r="CU7" s="530"/>
      <c r="CV7" s="530"/>
      <c r="CW7" s="530"/>
      <c r="CX7" s="530"/>
      <c r="CY7" s="530"/>
      <c r="CZ7" s="530"/>
      <c r="DA7" s="530"/>
      <c r="DB7" s="530"/>
      <c r="DC7" s="530"/>
      <c r="DD7" s="530"/>
      <c r="DE7" s="530"/>
      <c r="DF7" s="530"/>
      <c r="DG7" s="530"/>
      <c r="DH7" s="530"/>
      <c r="DI7" s="530"/>
      <c r="DJ7" s="530"/>
      <c r="DK7" s="530"/>
      <c r="DL7" s="530"/>
      <c r="DM7" s="530"/>
      <c r="DN7" s="530"/>
      <c r="DO7" s="530"/>
      <c r="DP7" s="530"/>
      <c r="DQ7" s="530"/>
      <c r="DR7" s="530"/>
      <c r="DS7" s="530"/>
      <c r="DT7" s="530"/>
      <c r="DU7" s="530"/>
      <c r="DV7" s="530"/>
      <c r="DW7" s="530"/>
      <c r="DX7" s="530"/>
      <c r="DY7" s="530"/>
      <c r="DZ7" s="530"/>
      <c r="EA7" s="530"/>
      <c r="EB7" s="530"/>
      <c r="EC7" s="530"/>
      <c r="ED7" s="530"/>
      <c r="EE7" s="530"/>
      <c r="EF7" s="530"/>
      <c r="EG7" s="530"/>
      <c r="EH7" s="530"/>
      <c r="EI7" s="530"/>
      <c r="EJ7" s="530"/>
      <c r="EK7" s="530"/>
      <c r="EL7" s="530"/>
      <c r="EM7" s="530"/>
      <c r="EN7" s="530"/>
      <c r="EO7" s="530"/>
      <c r="EP7" s="530"/>
      <c r="EQ7" s="530"/>
      <c r="ER7" s="530"/>
      <c r="ES7" s="530"/>
      <c r="ET7" s="530"/>
      <c r="EU7" s="530"/>
      <c r="EV7" s="530"/>
      <c r="EW7" s="530"/>
      <c r="EX7" s="530"/>
      <c r="EY7" s="530"/>
      <c r="EZ7" s="530"/>
      <c r="FA7" s="530"/>
      <c r="FB7" s="530"/>
      <c r="FC7" s="530"/>
      <c r="FD7" s="530"/>
      <c r="FE7" s="530"/>
      <c r="FF7" s="530"/>
      <c r="FG7" s="530"/>
      <c r="FH7" s="530"/>
      <c r="FI7" s="530"/>
      <c r="FJ7" s="530"/>
      <c r="FK7" s="530"/>
      <c r="FL7" s="530"/>
      <c r="FM7" s="530"/>
      <c r="FN7" s="530"/>
      <c r="FO7" s="530"/>
      <c r="FP7" s="530"/>
      <c r="FQ7" s="530"/>
      <c r="FR7" s="530"/>
      <c r="FS7" s="530"/>
      <c r="FT7" s="530"/>
      <c r="FU7" s="530"/>
      <c r="FV7" s="530"/>
      <c r="FW7" s="530"/>
      <c r="FX7" s="530"/>
      <c r="FY7" s="530"/>
      <c r="FZ7" s="530"/>
      <c r="GA7" s="530"/>
      <c r="GB7" s="530"/>
      <c r="GC7" s="530"/>
      <c r="GD7" s="530"/>
      <c r="GE7" s="530"/>
      <c r="GF7" s="530"/>
      <c r="GG7" s="530"/>
      <c r="GH7" s="530"/>
      <c r="GI7" s="530"/>
      <c r="GJ7" s="530"/>
      <c r="GK7" s="530"/>
      <c r="GL7" s="530"/>
      <c r="GM7" s="530"/>
      <c r="GN7" s="530"/>
      <c r="GO7" s="530"/>
      <c r="GP7" s="530"/>
      <c r="GQ7" s="530"/>
      <c r="GR7" s="530"/>
      <c r="GS7" s="530"/>
      <c r="GT7" s="530"/>
      <c r="GU7" s="530"/>
      <c r="GV7" s="530"/>
      <c r="GW7" s="530"/>
      <c r="GX7" s="530"/>
      <c r="GY7" s="530"/>
      <c r="GZ7" s="530"/>
      <c r="HA7" s="530"/>
      <c r="HB7" s="530"/>
      <c r="HC7" s="530"/>
      <c r="HD7" s="530"/>
      <c r="HE7" s="530"/>
      <c r="HF7" s="530"/>
      <c r="HG7" s="530"/>
      <c r="HH7" s="530"/>
      <c r="HI7" s="530"/>
      <c r="HJ7" s="530"/>
      <c r="HK7" s="530"/>
      <c r="HL7" s="530"/>
      <c r="HM7" s="530"/>
      <c r="HN7" s="530"/>
      <c r="HO7" s="530"/>
      <c r="HP7" s="530"/>
      <c r="HQ7" s="530"/>
      <c r="HR7" s="530"/>
      <c r="HS7" s="530"/>
      <c r="HT7" s="530"/>
      <c r="HU7" s="530"/>
      <c r="HV7" s="530"/>
      <c r="HW7" s="530"/>
      <c r="HX7" s="530"/>
      <c r="HY7" s="530"/>
      <c r="HZ7" s="530"/>
      <c r="IA7" s="530"/>
      <c r="IB7" s="530"/>
      <c r="IC7" s="530"/>
      <c r="ID7" s="530"/>
      <c r="IE7" s="530"/>
      <c r="IF7" s="530"/>
      <c r="IG7" s="530"/>
      <c r="IH7" s="530"/>
      <c r="II7" s="530"/>
      <c r="IJ7" s="530"/>
      <c r="IK7" s="530"/>
      <c r="IL7" s="530"/>
      <c r="IM7" s="530"/>
      <c r="IN7" s="530"/>
      <c r="IO7" s="530"/>
      <c r="IP7" s="530"/>
      <c r="IQ7" s="530"/>
      <c r="IR7" s="530"/>
      <c r="IS7" s="530"/>
      <c r="IT7" s="530"/>
      <c r="IU7" s="530"/>
      <c r="IV7" s="530"/>
    </row>
    <row r="8" spans="1:257" ht="301.5" customHeight="1" x14ac:dyDescent="0.2">
      <c r="A8" s="534"/>
      <c r="B8" s="534"/>
      <c r="C8" s="534"/>
      <c r="D8" s="534"/>
      <c r="E8" s="534"/>
      <c r="F8" s="534"/>
      <c r="G8" s="534"/>
      <c r="H8" s="534"/>
      <c r="I8" s="534"/>
      <c r="J8" s="534"/>
      <c r="K8" s="534"/>
      <c r="L8" s="535"/>
      <c r="M8" s="534"/>
      <c r="N8" s="536"/>
      <c r="O8" s="537"/>
      <c r="P8" s="537"/>
      <c r="Q8" s="537"/>
      <c r="R8" s="534"/>
      <c r="S8" s="534"/>
      <c r="T8" s="530"/>
      <c r="U8" s="530"/>
      <c r="V8" s="530"/>
      <c r="W8" s="530"/>
      <c r="X8" s="530"/>
      <c r="Y8" s="530"/>
      <c r="Z8" s="530"/>
      <c r="AA8" s="530"/>
      <c r="AB8" s="530"/>
      <c r="AC8" s="530"/>
      <c r="AD8" s="530"/>
      <c r="AE8" s="530"/>
      <c r="AF8" s="530"/>
      <c r="AG8" s="530"/>
      <c r="AH8" s="530"/>
      <c r="AI8" s="530"/>
      <c r="AJ8" s="530"/>
      <c r="AK8" s="530"/>
      <c r="AL8" s="530"/>
      <c r="AM8" s="530"/>
      <c r="AN8" s="530"/>
      <c r="AO8" s="530"/>
      <c r="AP8" s="530"/>
      <c r="AQ8" s="530"/>
      <c r="AR8" s="530"/>
      <c r="AS8" s="530"/>
      <c r="AT8" s="530"/>
      <c r="AU8" s="530"/>
      <c r="AV8" s="530"/>
      <c r="AW8" s="530"/>
      <c r="AX8" s="530"/>
      <c r="AY8" s="530"/>
      <c r="AZ8" s="530"/>
      <c r="BA8" s="530"/>
      <c r="BB8" s="530"/>
      <c r="BC8" s="530"/>
      <c r="BD8" s="530"/>
      <c r="BE8" s="530"/>
      <c r="BF8" s="530"/>
      <c r="BG8" s="530"/>
      <c r="BH8" s="530"/>
      <c r="BI8" s="530"/>
      <c r="BJ8" s="530"/>
      <c r="BK8" s="530"/>
      <c r="BL8" s="530"/>
      <c r="BM8" s="530"/>
      <c r="BN8" s="530"/>
      <c r="BO8" s="530"/>
      <c r="BP8" s="530"/>
      <c r="BQ8" s="530"/>
      <c r="BR8" s="530"/>
      <c r="BS8" s="530"/>
      <c r="BT8" s="530"/>
      <c r="BU8" s="530"/>
      <c r="BV8" s="530"/>
      <c r="BW8" s="530"/>
      <c r="BX8" s="530"/>
      <c r="BY8" s="530"/>
      <c r="BZ8" s="530"/>
      <c r="CA8" s="530"/>
      <c r="CB8" s="530"/>
      <c r="CC8" s="530"/>
      <c r="CD8" s="530"/>
      <c r="CE8" s="530"/>
      <c r="CF8" s="530"/>
      <c r="CG8" s="530"/>
      <c r="CH8" s="530"/>
      <c r="CI8" s="530"/>
      <c r="CJ8" s="530"/>
      <c r="CK8" s="530"/>
      <c r="CL8" s="530"/>
      <c r="CM8" s="530"/>
      <c r="CN8" s="530"/>
      <c r="CO8" s="530"/>
      <c r="CP8" s="530"/>
      <c r="CQ8" s="530"/>
      <c r="CR8" s="530"/>
      <c r="CS8" s="530"/>
      <c r="CT8" s="530"/>
      <c r="CU8" s="530"/>
      <c r="CV8" s="530"/>
      <c r="CW8" s="530"/>
      <c r="CX8" s="530"/>
      <c r="CY8" s="530"/>
      <c r="CZ8" s="530"/>
      <c r="DA8" s="530"/>
      <c r="DB8" s="530"/>
      <c r="DC8" s="530"/>
      <c r="DD8" s="530"/>
      <c r="DE8" s="530"/>
      <c r="DF8" s="530"/>
      <c r="DG8" s="530"/>
      <c r="DH8" s="530"/>
      <c r="DI8" s="530"/>
      <c r="DJ8" s="530"/>
      <c r="DK8" s="530"/>
      <c r="DL8" s="530"/>
      <c r="DM8" s="530"/>
      <c r="DN8" s="530"/>
      <c r="DO8" s="530"/>
      <c r="DP8" s="530"/>
      <c r="DQ8" s="530"/>
      <c r="DR8" s="530"/>
      <c r="DS8" s="530"/>
      <c r="DT8" s="530"/>
      <c r="DU8" s="530"/>
      <c r="DV8" s="530"/>
      <c r="DW8" s="530"/>
      <c r="DX8" s="530"/>
      <c r="DY8" s="530"/>
      <c r="DZ8" s="530"/>
      <c r="EA8" s="530"/>
      <c r="EB8" s="530"/>
      <c r="EC8" s="530"/>
      <c r="ED8" s="530"/>
      <c r="EE8" s="530"/>
      <c r="EF8" s="530"/>
      <c r="EG8" s="530"/>
      <c r="EH8" s="530"/>
      <c r="EI8" s="530"/>
      <c r="EJ8" s="530"/>
      <c r="EK8" s="530"/>
      <c r="EL8" s="530"/>
      <c r="EM8" s="530"/>
      <c r="EN8" s="530"/>
      <c r="EO8" s="530"/>
      <c r="EP8" s="530"/>
      <c r="EQ8" s="530"/>
      <c r="ER8" s="530"/>
      <c r="ES8" s="530"/>
      <c r="ET8" s="530"/>
      <c r="EU8" s="530"/>
      <c r="EV8" s="530"/>
      <c r="EW8" s="530"/>
      <c r="EX8" s="530"/>
      <c r="EY8" s="530"/>
      <c r="EZ8" s="530"/>
      <c r="FA8" s="530"/>
      <c r="FB8" s="530"/>
      <c r="FC8" s="530"/>
      <c r="FD8" s="530"/>
      <c r="FE8" s="530"/>
      <c r="FF8" s="530"/>
      <c r="FG8" s="530"/>
      <c r="FH8" s="530"/>
      <c r="FI8" s="530"/>
      <c r="FJ8" s="530"/>
      <c r="FK8" s="530"/>
      <c r="FL8" s="530"/>
      <c r="FM8" s="530"/>
      <c r="FN8" s="530"/>
      <c r="FO8" s="530"/>
      <c r="FP8" s="530"/>
      <c r="FQ8" s="530"/>
      <c r="FR8" s="530"/>
      <c r="FS8" s="530"/>
      <c r="FT8" s="530"/>
      <c r="FU8" s="530"/>
      <c r="FV8" s="530"/>
      <c r="FW8" s="530"/>
      <c r="FX8" s="530"/>
      <c r="FY8" s="530"/>
      <c r="FZ8" s="530"/>
      <c r="GA8" s="530"/>
      <c r="GB8" s="530"/>
      <c r="GC8" s="530"/>
      <c r="GD8" s="530"/>
      <c r="GE8" s="530"/>
      <c r="GF8" s="530"/>
      <c r="GG8" s="530"/>
      <c r="GH8" s="530"/>
      <c r="GI8" s="530"/>
      <c r="GJ8" s="530"/>
      <c r="GK8" s="530"/>
      <c r="GL8" s="530"/>
      <c r="GM8" s="530"/>
      <c r="GN8" s="530"/>
      <c r="GO8" s="530"/>
      <c r="GP8" s="530"/>
      <c r="GQ8" s="530"/>
      <c r="GR8" s="530"/>
      <c r="GS8" s="530"/>
      <c r="GT8" s="530"/>
      <c r="GU8" s="530"/>
      <c r="GV8" s="530"/>
      <c r="GW8" s="530"/>
      <c r="GX8" s="530"/>
      <c r="GY8" s="530"/>
      <c r="GZ8" s="530"/>
      <c r="HA8" s="530"/>
      <c r="HB8" s="530"/>
      <c r="HC8" s="530"/>
      <c r="HD8" s="530"/>
      <c r="HE8" s="530"/>
      <c r="HF8" s="530"/>
      <c r="HG8" s="530"/>
      <c r="HH8" s="530"/>
      <c r="HI8" s="530"/>
      <c r="HJ8" s="530"/>
      <c r="HK8" s="530"/>
      <c r="HL8" s="530"/>
      <c r="HM8" s="530"/>
      <c r="HN8" s="530"/>
      <c r="HO8" s="530"/>
      <c r="HP8" s="530"/>
      <c r="HQ8" s="530"/>
      <c r="HR8" s="530"/>
      <c r="HS8" s="530"/>
      <c r="HT8" s="530"/>
      <c r="HU8" s="530"/>
      <c r="HV8" s="530"/>
      <c r="HW8" s="530"/>
      <c r="HX8" s="530"/>
      <c r="HY8" s="530"/>
      <c r="HZ8" s="530"/>
      <c r="IA8" s="530"/>
      <c r="IB8" s="530"/>
      <c r="IC8" s="530"/>
      <c r="ID8" s="530"/>
      <c r="IE8" s="530"/>
      <c r="IF8" s="530"/>
      <c r="IG8" s="530"/>
      <c r="IH8" s="530"/>
      <c r="II8" s="530"/>
      <c r="IJ8" s="530"/>
      <c r="IK8" s="530"/>
      <c r="IL8" s="530"/>
      <c r="IM8" s="530"/>
      <c r="IN8" s="530"/>
      <c r="IO8" s="530"/>
      <c r="IP8" s="530"/>
      <c r="IQ8" s="530"/>
      <c r="IR8" s="530"/>
      <c r="IS8" s="530"/>
      <c r="IT8" s="530"/>
      <c r="IU8" s="530"/>
      <c r="IV8" s="530"/>
    </row>
    <row r="9" spans="1:257" ht="361.5" customHeight="1" x14ac:dyDescent="0.2">
      <c r="A9" s="534"/>
      <c r="B9" s="534"/>
      <c r="C9" s="534"/>
      <c r="D9" s="534"/>
      <c r="E9" s="534"/>
      <c r="F9" s="534"/>
      <c r="G9" s="534"/>
      <c r="H9" s="534"/>
      <c r="I9" s="534"/>
      <c r="J9" s="534"/>
      <c r="K9" s="534"/>
      <c r="L9" s="535"/>
      <c r="M9" s="534"/>
      <c r="N9" s="536"/>
      <c r="O9" s="537"/>
      <c r="P9" s="537"/>
      <c r="Q9" s="537"/>
      <c r="R9" s="534"/>
      <c r="S9" s="534"/>
      <c r="T9" s="530"/>
      <c r="U9" s="530"/>
      <c r="V9" s="530"/>
      <c r="W9" s="530"/>
      <c r="X9" s="530"/>
      <c r="Y9" s="530"/>
      <c r="Z9" s="530"/>
      <c r="AA9" s="530"/>
      <c r="AB9" s="530"/>
      <c r="AC9" s="530"/>
      <c r="AD9" s="530"/>
      <c r="AE9" s="530"/>
      <c r="AF9" s="530"/>
      <c r="AG9" s="530"/>
      <c r="AH9" s="530"/>
      <c r="AI9" s="530"/>
      <c r="AJ9" s="530"/>
      <c r="AK9" s="530"/>
      <c r="AL9" s="530"/>
      <c r="AM9" s="530"/>
      <c r="AN9" s="530"/>
      <c r="AO9" s="530"/>
      <c r="AP9" s="530"/>
      <c r="AQ9" s="530"/>
      <c r="AR9" s="530"/>
      <c r="AS9" s="530"/>
      <c r="AT9" s="530"/>
      <c r="AU9" s="530"/>
      <c r="AV9" s="530"/>
      <c r="AW9" s="530"/>
      <c r="AX9" s="530"/>
      <c r="AY9" s="530"/>
      <c r="AZ9" s="530"/>
      <c r="BA9" s="530"/>
      <c r="BB9" s="530"/>
      <c r="BC9" s="530"/>
      <c r="BD9" s="530"/>
      <c r="BE9" s="530"/>
      <c r="BF9" s="530"/>
      <c r="BG9" s="530"/>
      <c r="BH9" s="530"/>
      <c r="BI9" s="530"/>
      <c r="BJ9" s="530"/>
      <c r="BK9" s="530"/>
      <c r="BL9" s="530"/>
      <c r="BM9" s="530"/>
      <c r="BN9" s="530"/>
      <c r="BO9" s="530"/>
      <c r="BP9" s="530"/>
      <c r="BQ9" s="530"/>
      <c r="BR9" s="530"/>
      <c r="BS9" s="530"/>
      <c r="BT9" s="530"/>
      <c r="BU9" s="530"/>
      <c r="BV9" s="530"/>
      <c r="BW9" s="530"/>
      <c r="BX9" s="530"/>
      <c r="BY9" s="530"/>
      <c r="BZ9" s="530"/>
      <c r="CA9" s="530"/>
      <c r="CB9" s="530"/>
      <c r="CC9" s="530"/>
      <c r="CD9" s="530"/>
      <c r="CE9" s="530"/>
      <c r="CF9" s="530"/>
      <c r="CG9" s="530"/>
      <c r="CH9" s="530"/>
      <c r="CI9" s="530"/>
      <c r="CJ9" s="530"/>
      <c r="CK9" s="530"/>
      <c r="CL9" s="530"/>
      <c r="CM9" s="530"/>
      <c r="CN9" s="530"/>
      <c r="CO9" s="530"/>
      <c r="CP9" s="530"/>
      <c r="CQ9" s="530"/>
      <c r="CR9" s="530"/>
      <c r="CS9" s="530"/>
      <c r="CT9" s="530"/>
      <c r="CU9" s="530"/>
      <c r="CV9" s="530"/>
      <c r="CW9" s="530"/>
      <c r="CX9" s="530"/>
      <c r="CY9" s="530"/>
      <c r="CZ9" s="530"/>
      <c r="DA9" s="530"/>
      <c r="DB9" s="530"/>
      <c r="DC9" s="530"/>
      <c r="DD9" s="530"/>
      <c r="DE9" s="530"/>
      <c r="DF9" s="530"/>
      <c r="DG9" s="530"/>
      <c r="DH9" s="530"/>
      <c r="DI9" s="530"/>
      <c r="DJ9" s="530"/>
      <c r="DK9" s="530"/>
      <c r="DL9" s="530"/>
      <c r="DM9" s="530"/>
      <c r="DN9" s="530"/>
      <c r="DO9" s="530"/>
      <c r="DP9" s="530"/>
      <c r="DQ9" s="530"/>
      <c r="DR9" s="530"/>
      <c r="DS9" s="530"/>
      <c r="DT9" s="530"/>
      <c r="DU9" s="530"/>
      <c r="DV9" s="530"/>
      <c r="DW9" s="530"/>
      <c r="DX9" s="530"/>
      <c r="DY9" s="530"/>
      <c r="DZ9" s="530"/>
      <c r="EA9" s="530"/>
      <c r="EB9" s="530"/>
      <c r="EC9" s="530"/>
      <c r="ED9" s="530"/>
      <c r="EE9" s="530"/>
      <c r="EF9" s="530"/>
      <c r="EG9" s="530"/>
      <c r="EH9" s="530"/>
      <c r="EI9" s="530"/>
      <c r="EJ9" s="530"/>
      <c r="EK9" s="530"/>
      <c r="EL9" s="530"/>
      <c r="EM9" s="530"/>
      <c r="EN9" s="530"/>
      <c r="EO9" s="530"/>
      <c r="EP9" s="530"/>
      <c r="EQ9" s="530"/>
      <c r="ER9" s="530"/>
      <c r="ES9" s="530"/>
      <c r="ET9" s="530"/>
      <c r="EU9" s="530"/>
      <c r="EV9" s="530"/>
      <c r="EW9" s="530"/>
      <c r="EX9" s="530"/>
      <c r="EY9" s="530"/>
      <c r="EZ9" s="530"/>
      <c r="FA9" s="530"/>
      <c r="FB9" s="530"/>
      <c r="FC9" s="530"/>
      <c r="FD9" s="530"/>
      <c r="FE9" s="530"/>
      <c r="FF9" s="530"/>
      <c r="FG9" s="530"/>
      <c r="FH9" s="530"/>
      <c r="FI9" s="530"/>
      <c r="FJ9" s="530"/>
      <c r="FK9" s="530"/>
      <c r="FL9" s="530"/>
      <c r="FM9" s="530"/>
      <c r="FN9" s="530"/>
      <c r="FO9" s="530"/>
      <c r="FP9" s="530"/>
      <c r="FQ9" s="530"/>
      <c r="FR9" s="530"/>
      <c r="FS9" s="530"/>
      <c r="FT9" s="530"/>
      <c r="FU9" s="530"/>
      <c r="FV9" s="530"/>
      <c r="FW9" s="530"/>
      <c r="FX9" s="530"/>
      <c r="FY9" s="530"/>
      <c r="FZ9" s="530"/>
      <c r="GA9" s="530"/>
      <c r="GB9" s="530"/>
      <c r="GC9" s="530"/>
      <c r="GD9" s="530"/>
      <c r="GE9" s="530"/>
      <c r="GF9" s="530"/>
      <c r="GG9" s="530"/>
      <c r="GH9" s="530"/>
      <c r="GI9" s="530"/>
      <c r="GJ9" s="530"/>
      <c r="GK9" s="530"/>
      <c r="GL9" s="530"/>
      <c r="GM9" s="530"/>
      <c r="GN9" s="530"/>
      <c r="GO9" s="530"/>
      <c r="GP9" s="530"/>
      <c r="GQ9" s="530"/>
      <c r="GR9" s="530"/>
      <c r="GS9" s="530"/>
      <c r="GT9" s="530"/>
      <c r="GU9" s="530"/>
      <c r="GV9" s="530"/>
      <c r="GW9" s="530"/>
      <c r="GX9" s="530"/>
      <c r="GY9" s="530"/>
      <c r="GZ9" s="530"/>
      <c r="HA9" s="530"/>
      <c r="HB9" s="530"/>
      <c r="HC9" s="530"/>
      <c r="HD9" s="530"/>
      <c r="HE9" s="530"/>
      <c r="HF9" s="530"/>
      <c r="HG9" s="530"/>
      <c r="HH9" s="530"/>
      <c r="HI9" s="530"/>
      <c r="HJ9" s="530"/>
      <c r="HK9" s="530"/>
      <c r="HL9" s="530"/>
      <c r="HM9" s="530"/>
      <c r="HN9" s="530"/>
      <c r="HO9" s="530"/>
      <c r="HP9" s="530"/>
      <c r="HQ9" s="530"/>
      <c r="HR9" s="530"/>
      <c r="HS9" s="530"/>
      <c r="HT9" s="530"/>
      <c r="HU9" s="530"/>
      <c r="HV9" s="530"/>
      <c r="HW9" s="530"/>
      <c r="HX9" s="530"/>
      <c r="HY9" s="530"/>
      <c r="HZ9" s="530"/>
      <c r="IA9" s="530"/>
      <c r="IB9" s="530"/>
      <c r="IC9" s="530"/>
      <c r="ID9" s="530"/>
      <c r="IE9" s="530"/>
      <c r="IF9" s="530"/>
      <c r="IG9" s="530"/>
      <c r="IH9" s="530"/>
      <c r="II9" s="530"/>
      <c r="IJ9" s="530"/>
      <c r="IK9" s="530"/>
      <c r="IL9" s="530"/>
      <c r="IM9" s="530"/>
      <c r="IN9" s="530"/>
      <c r="IO9" s="530"/>
      <c r="IP9" s="530"/>
      <c r="IQ9" s="530"/>
      <c r="IR9" s="530"/>
      <c r="IS9" s="530"/>
      <c r="IT9" s="530"/>
      <c r="IU9" s="530"/>
      <c r="IV9" s="530"/>
    </row>
    <row r="10" spans="1:257" ht="187.5" customHeight="1" x14ac:dyDescent="0.2">
      <c r="A10" s="532" t="s">
        <v>211</v>
      </c>
      <c r="B10" s="532"/>
      <c r="C10" s="532"/>
      <c r="D10" s="532"/>
      <c r="E10" s="532"/>
      <c r="F10" s="532"/>
      <c r="G10" s="532"/>
      <c r="H10" s="532"/>
      <c r="I10" s="532"/>
      <c r="J10" s="532"/>
      <c r="K10" s="532"/>
      <c r="L10" s="532"/>
      <c r="M10" s="532"/>
      <c r="N10" s="532"/>
      <c r="O10" s="532"/>
      <c r="P10" s="532"/>
      <c r="Q10" s="532"/>
      <c r="R10" s="532"/>
      <c r="S10" s="532"/>
      <c r="T10" s="530"/>
      <c r="U10" s="530"/>
      <c r="V10" s="530"/>
      <c r="W10" s="530"/>
      <c r="X10" s="530"/>
      <c r="Y10" s="530"/>
      <c r="Z10" s="530"/>
      <c r="AA10" s="530"/>
      <c r="AB10" s="530"/>
      <c r="AC10" s="530"/>
      <c r="AD10" s="530"/>
      <c r="AE10" s="530"/>
      <c r="AF10" s="530"/>
      <c r="AG10" s="530"/>
      <c r="AH10" s="530"/>
      <c r="AI10" s="530"/>
      <c r="AJ10" s="530"/>
      <c r="AK10" s="530"/>
      <c r="AL10" s="530"/>
      <c r="AM10" s="530"/>
      <c r="AN10" s="530"/>
      <c r="AO10" s="530"/>
      <c r="AP10" s="530"/>
      <c r="AQ10" s="530"/>
      <c r="AR10" s="530"/>
      <c r="AS10" s="530"/>
      <c r="AT10" s="530"/>
      <c r="AU10" s="530"/>
      <c r="AV10" s="530"/>
      <c r="AW10" s="530"/>
      <c r="AX10" s="530"/>
      <c r="AY10" s="530"/>
      <c r="AZ10" s="530"/>
      <c r="BA10" s="530"/>
      <c r="BB10" s="530"/>
      <c r="BC10" s="530"/>
      <c r="BD10" s="530"/>
      <c r="BE10" s="530"/>
      <c r="BF10" s="530"/>
      <c r="BG10" s="530"/>
      <c r="BH10" s="530"/>
      <c r="BI10" s="530"/>
      <c r="BJ10" s="530"/>
      <c r="BK10" s="530"/>
      <c r="BL10" s="530"/>
      <c r="BM10" s="530"/>
      <c r="BN10" s="530"/>
      <c r="BO10" s="530"/>
      <c r="BP10" s="530"/>
      <c r="BQ10" s="530"/>
      <c r="BR10" s="530"/>
      <c r="BS10" s="530"/>
      <c r="BT10" s="530"/>
      <c r="BU10" s="530"/>
      <c r="BV10" s="530"/>
      <c r="BW10" s="530"/>
      <c r="BX10" s="530"/>
      <c r="BY10" s="530"/>
      <c r="BZ10" s="530"/>
      <c r="CA10" s="530"/>
      <c r="CB10" s="530"/>
      <c r="CC10" s="530"/>
      <c r="CD10" s="530"/>
      <c r="CE10" s="530"/>
      <c r="CF10" s="530"/>
      <c r="CG10" s="530"/>
      <c r="CH10" s="530"/>
      <c r="CI10" s="530"/>
      <c r="CJ10" s="530"/>
      <c r="CK10" s="530"/>
      <c r="CL10" s="530"/>
      <c r="CM10" s="530"/>
      <c r="CN10" s="530"/>
      <c r="CO10" s="530"/>
      <c r="CP10" s="530"/>
      <c r="CQ10" s="530"/>
      <c r="CR10" s="530"/>
      <c r="CS10" s="530"/>
      <c r="CT10" s="530"/>
      <c r="CU10" s="530"/>
      <c r="CV10" s="530"/>
      <c r="CW10" s="530"/>
      <c r="CX10" s="530"/>
      <c r="CY10" s="530"/>
      <c r="CZ10" s="530"/>
      <c r="DA10" s="530"/>
      <c r="DB10" s="530"/>
      <c r="DC10" s="530"/>
      <c r="DD10" s="530"/>
      <c r="DE10" s="530"/>
      <c r="DF10" s="530"/>
      <c r="DG10" s="530"/>
      <c r="DH10" s="530"/>
      <c r="DI10" s="530"/>
      <c r="DJ10" s="530"/>
      <c r="DK10" s="530"/>
      <c r="DL10" s="530"/>
      <c r="DM10" s="530"/>
      <c r="DN10" s="530"/>
      <c r="DO10" s="530"/>
      <c r="DP10" s="530"/>
      <c r="DQ10" s="530"/>
      <c r="DR10" s="530"/>
      <c r="DS10" s="530"/>
      <c r="DT10" s="530"/>
      <c r="DU10" s="530"/>
      <c r="DV10" s="530"/>
      <c r="DW10" s="530"/>
      <c r="DX10" s="530"/>
      <c r="DY10" s="530"/>
      <c r="DZ10" s="530"/>
      <c r="EA10" s="530"/>
      <c r="EB10" s="530"/>
      <c r="EC10" s="530"/>
      <c r="ED10" s="530"/>
      <c r="EE10" s="530"/>
      <c r="EF10" s="530"/>
      <c r="EG10" s="530"/>
      <c r="EH10" s="530"/>
      <c r="EI10" s="530"/>
      <c r="EJ10" s="530"/>
      <c r="EK10" s="530"/>
      <c r="EL10" s="530"/>
      <c r="EM10" s="530"/>
      <c r="EN10" s="530"/>
      <c r="EO10" s="530"/>
      <c r="EP10" s="530"/>
      <c r="EQ10" s="530"/>
      <c r="ER10" s="530"/>
      <c r="ES10" s="530"/>
      <c r="ET10" s="530"/>
      <c r="EU10" s="530"/>
      <c r="EV10" s="530"/>
      <c r="EW10" s="530"/>
      <c r="EX10" s="530"/>
      <c r="EY10" s="530"/>
      <c r="EZ10" s="530"/>
      <c r="FA10" s="530"/>
      <c r="FB10" s="530"/>
      <c r="FC10" s="530"/>
      <c r="FD10" s="530"/>
      <c r="FE10" s="530"/>
      <c r="FF10" s="530"/>
      <c r="FG10" s="530"/>
      <c r="FH10" s="530"/>
      <c r="FI10" s="530"/>
      <c r="FJ10" s="530"/>
      <c r="FK10" s="530"/>
      <c r="FL10" s="530"/>
      <c r="FM10" s="530"/>
      <c r="FN10" s="530"/>
      <c r="FO10" s="530"/>
      <c r="FP10" s="530"/>
      <c r="FQ10" s="530"/>
      <c r="FR10" s="530"/>
      <c r="FS10" s="530"/>
      <c r="FT10" s="530"/>
      <c r="FU10" s="530"/>
      <c r="FV10" s="530"/>
      <c r="FW10" s="530"/>
      <c r="FX10" s="530"/>
      <c r="FY10" s="530"/>
      <c r="FZ10" s="530"/>
      <c r="GA10" s="530"/>
      <c r="GB10" s="530"/>
      <c r="GC10" s="530"/>
      <c r="GD10" s="530"/>
      <c r="GE10" s="530"/>
      <c r="GF10" s="530"/>
      <c r="GG10" s="530"/>
      <c r="GH10" s="530"/>
      <c r="GI10" s="530"/>
      <c r="GJ10" s="530"/>
      <c r="GK10" s="530"/>
      <c r="GL10" s="530"/>
      <c r="GM10" s="530"/>
      <c r="GN10" s="530"/>
      <c r="GO10" s="530"/>
      <c r="GP10" s="530"/>
      <c r="GQ10" s="530"/>
      <c r="GR10" s="530"/>
      <c r="GS10" s="530"/>
      <c r="GT10" s="530"/>
      <c r="GU10" s="530"/>
      <c r="GV10" s="530"/>
      <c r="GW10" s="530"/>
      <c r="GX10" s="530"/>
      <c r="GY10" s="530"/>
      <c r="GZ10" s="530"/>
      <c r="HA10" s="530"/>
      <c r="HB10" s="530"/>
      <c r="HC10" s="530"/>
      <c r="HD10" s="530"/>
      <c r="HE10" s="530"/>
      <c r="HF10" s="530"/>
      <c r="HG10" s="530"/>
      <c r="HH10" s="530"/>
      <c r="HI10" s="530"/>
      <c r="HJ10" s="530"/>
      <c r="HK10" s="530"/>
      <c r="HL10" s="530"/>
      <c r="HM10" s="530"/>
      <c r="HN10" s="530"/>
      <c r="HO10" s="530"/>
      <c r="HP10" s="530"/>
      <c r="HQ10" s="530"/>
      <c r="HR10" s="530"/>
      <c r="HS10" s="530"/>
      <c r="HT10" s="530"/>
      <c r="HU10" s="530"/>
      <c r="HV10" s="530"/>
      <c r="HW10" s="530"/>
      <c r="HX10" s="530"/>
      <c r="HY10" s="530"/>
      <c r="HZ10" s="530"/>
      <c r="IA10" s="530"/>
      <c r="IB10" s="530"/>
      <c r="IC10" s="530"/>
      <c r="ID10" s="530"/>
      <c r="IE10" s="530"/>
      <c r="IF10" s="530"/>
      <c r="IG10" s="530"/>
      <c r="IH10" s="530"/>
      <c r="II10" s="530"/>
      <c r="IJ10" s="530"/>
      <c r="IK10" s="530"/>
      <c r="IL10" s="530"/>
      <c r="IM10" s="530"/>
      <c r="IN10" s="530"/>
      <c r="IO10" s="530"/>
      <c r="IP10" s="530"/>
      <c r="IQ10" s="530"/>
      <c r="IR10" s="530"/>
      <c r="IS10" s="530"/>
      <c r="IT10" s="530"/>
      <c r="IU10" s="530"/>
      <c r="IV10" s="530"/>
    </row>
    <row r="11" spans="1:257" ht="55.2" x14ac:dyDescent="0.2">
      <c r="A11" s="534"/>
      <c r="B11" s="538" t="s">
        <v>3</v>
      </c>
      <c r="C11" s="539"/>
      <c r="D11" s="539" t="s">
        <v>212</v>
      </c>
      <c r="E11" s="538"/>
      <c r="F11" s="538"/>
      <c r="G11" s="538"/>
      <c r="H11" s="538"/>
      <c r="I11" s="538"/>
      <c r="J11" s="538"/>
      <c r="K11" s="538"/>
      <c r="L11" s="540"/>
      <c r="M11" s="538"/>
      <c r="N11" s="536"/>
      <c r="O11" s="537"/>
      <c r="P11" s="537"/>
      <c r="Q11" s="537"/>
      <c r="R11" s="534"/>
      <c r="S11" s="534"/>
      <c r="T11" s="530"/>
      <c r="U11" s="530"/>
      <c r="V11" s="530"/>
      <c r="W11" s="530"/>
      <c r="X11" s="530"/>
      <c r="Y11" s="530"/>
      <c r="Z11" s="530"/>
      <c r="AA11" s="530"/>
      <c r="AB11" s="530"/>
      <c r="AC11" s="530"/>
      <c r="AD11" s="530"/>
      <c r="AE11" s="530"/>
      <c r="AF11" s="530"/>
      <c r="AG11" s="530"/>
      <c r="AH11" s="530"/>
      <c r="AI11" s="530"/>
      <c r="AJ11" s="530"/>
      <c r="AK11" s="530"/>
      <c r="AL11" s="530"/>
      <c r="AM11" s="530"/>
      <c r="AN11" s="530"/>
      <c r="AO11" s="530"/>
      <c r="AP11" s="530"/>
      <c r="AQ11" s="530"/>
      <c r="AR11" s="530"/>
      <c r="AS11" s="530"/>
      <c r="AT11" s="530"/>
      <c r="AU11" s="530"/>
      <c r="AV11" s="530"/>
      <c r="AW11" s="530"/>
      <c r="AX11" s="530"/>
      <c r="AY11" s="530"/>
      <c r="AZ11" s="530"/>
      <c r="BA11" s="530"/>
      <c r="BB11" s="530"/>
      <c r="BC11" s="530"/>
      <c r="BD11" s="530"/>
      <c r="BE11" s="530"/>
      <c r="BF11" s="530"/>
      <c r="BG11" s="530"/>
      <c r="BH11" s="530"/>
      <c r="BI11" s="530"/>
      <c r="BJ11" s="530"/>
      <c r="BK11" s="530"/>
      <c r="BL11" s="530"/>
      <c r="BM11" s="530"/>
      <c r="BN11" s="530"/>
      <c r="BO11" s="530"/>
      <c r="BP11" s="530"/>
      <c r="BQ11" s="530"/>
      <c r="BR11" s="530"/>
      <c r="BS11" s="530"/>
      <c r="BT11" s="530"/>
      <c r="BU11" s="530"/>
      <c r="BV11" s="530"/>
      <c r="BW11" s="530"/>
      <c r="BX11" s="530"/>
      <c r="BY11" s="530"/>
      <c r="BZ11" s="530"/>
      <c r="CA11" s="530"/>
      <c r="CB11" s="530"/>
      <c r="CC11" s="530"/>
      <c r="CD11" s="530"/>
      <c r="CE11" s="530"/>
      <c r="CF11" s="530"/>
      <c r="CG11" s="530"/>
      <c r="CH11" s="530"/>
      <c r="CI11" s="530"/>
      <c r="CJ11" s="530"/>
      <c r="CK11" s="530"/>
      <c r="CL11" s="530"/>
      <c r="CM11" s="530"/>
      <c r="CN11" s="530"/>
      <c r="CO11" s="530"/>
      <c r="CP11" s="530"/>
      <c r="CQ11" s="530"/>
      <c r="CR11" s="530"/>
      <c r="CS11" s="530"/>
      <c r="CT11" s="530"/>
      <c r="CU11" s="530"/>
      <c r="CV11" s="530"/>
      <c r="CW11" s="530"/>
      <c r="CX11" s="530"/>
      <c r="CY11" s="530"/>
      <c r="CZ11" s="530"/>
      <c r="DA11" s="530"/>
      <c r="DB11" s="530"/>
      <c r="DC11" s="530"/>
      <c r="DD11" s="530"/>
      <c r="DE11" s="530"/>
      <c r="DF11" s="530"/>
      <c r="DG11" s="530"/>
      <c r="DH11" s="530"/>
      <c r="DI11" s="530"/>
      <c r="DJ11" s="530"/>
      <c r="DK11" s="530"/>
      <c r="DL11" s="530"/>
      <c r="DM11" s="530"/>
      <c r="DN11" s="530"/>
      <c r="DO11" s="530"/>
      <c r="DP11" s="530"/>
      <c r="DQ11" s="530"/>
      <c r="DR11" s="530"/>
      <c r="DS11" s="530"/>
      <c r="DT11" s="530"/>
      <c r="DU11" s="530"/>
      <c r="DV11" s="530"/>
      <c r="DW11" s="530"/>
      <c r="DX11" s="530"/>
      <c r="DY11" s="530"/>
      <c r="DZ11" s="530"/>
      <c r="EA11" s="530"/>
      <c r="EB11" s="530"/>
      <c r="EC11" s="530"/>
      <c r="ED11" s="530"/>
      <c r="EE11" s="530"/>
      <c r="EF11" s="530"/>
      <c r="EG11" s="530"/>
      <c r="EH11" s="530"/>
      <c r="EI11" s="530"/>
      <c r="EJ11" s="530"/>
      <c r="EK11" s="530"/>
      <c r="EL11" s="530"/>
      <c r="EM11" s="530"/>
      <c r="EN11" s="530"/>
      <c r="EO11" s="530"/>
      <c r="EP11" s="530"/>
      <c r="EQ11" s="530"/>
      <c r="ER11" s="530"/>
      <c r="ES11" s="530"/>
      <c r="ET11" s="530"/>
      <c r="EU11" s="530"/>
      <c r="EV11" s="530"/>
      <c r="EW11" s="530"/>
      <c r="EX11" s="530"/>
      <c r="EY11" s="530"/>
      <c r="EZ11" s="530"/>
      <c r="FA11" s="530"/>
      <c r="FB11" s="530"/>
      <c r="FC11" s="530"/>
      <c r="FD11" s="530"/>
      <c r="FE11" s="530"/>
      <c r="FF11" s="530"/>
      <c r="FG11" s="530"/>
      <c r="FH11" s="530"/>
      <c r="FI11" s="530"/>
      <c r="FJ11" s="530"/>
      <c r="FK11" s="530"/>
      <c r="FL11" s="530"/>
      <c r="FM11" s="530"/>
      <c r="FN11" s="530"/>
      <c r="FO11" s="530"/>
      <c r="FP11" s="530"/>
      <c r="FQ11" s="530"/>
      <c r="FR11" s="530"/>
      <c r="FS11" s="530"/>
      <c r="FT11" s="530"/>
      <c r="FU11" s="530"/>
      <c r="FV11" s="530"/>
      <c r="FW11" s="530"/>
      <c r="FX11" s="530"/>
      <c r="FY11" s="530"/>
      <c r="FZ11" s="530"/>
      <c r="GA11" s="530"/>
      <c r="GB11" s="530"/>
      <c r="GC11" s="530"/>
      <c r="GD11" s="530"/>
      <c r="GE11" s="530"/>
      <c r="GF11" s="530"/>
      <c r="GG11" s="530"/>
      <c r="GH11" s="530"/>
      <c r="GI11" s="530"/>
      <c r="GJ11" s="530"/>
      <c r="GK11" s="530"/>
      <c r="GL11" s="530"/>
      <c r="GM11" s="530"/>
      <c r="GN11" s="530"/>
      <c r="GO11" s="530"/>
      <c r="GP11" s="530"/>
      <c r="GQ11" s="530"/>
      <c r="GR11" s="530"/>
      <c r="GS11" s="530"/>
      <c r="GT11" s="530"/>
      <c r="GU11" s="530"/>
      <c r="GV11" s="530"/>
      <c r="GW11" s="530"/>
      <c r="GX11" s="530"/>
      <c r="GY11" s="530"/>
      <c r="GZ11" s="530"/>
      <c r="HA11" s="530"/>
      <c r="HB11" s="530"/>
      <c r="HC11" s="530"/>
      <c r="HD11" s="530"/>
      <c r="HE11" s="530"/>
      <c r="HF11" s="530"/>
      <c r="HG11" s="530"/>
      <c r="HH11" s="530"/>
      <c r="HI11" s="530"/>
      <c r="HJ11" s="530"/>
      <c r="HK11" s="530"/>
      <c r="HL11" s="530"/>
      <c r="HM11" s="530"/>
      <c r="HN11" s="530"/>
      <c r="HO11" s="530"/>
      <c r="HP11" s="530"/>
      <c r="HQ11" s="530"/>
      <c r="HR11" s="530"/>
      <c r="HS11" s="530"/>
      <c r="HT11" s="530"/>
      <c r="HU11" s="530"/>
      <c r="HV11" s="530"/>
      <c r="HW11" s="530"/>
      <c r="HX11" s="530"/>
      <c r="HY11" s="530"/>
      <c r="HZ11" s="530"/>
      <c r="IA11" s="530"/>
      <c r="IB11" s="530"/>
      <c r="IC11" s="530"/>
      <c r="ID11" s="530"/>
      <c r="IE11" s="530"/>
      <c r="IF11" s="530"/>
      <c r="IG11" s="530"/>
      <c r="IH11" s="530"/>
      <c r="II11" s="530"/>
      <c r="IJ11" s="530"/>
      <c r="IK11" s="530"/>
      <c r="IL11" s="530"/>
      <c r="IM11" s="530"/>
      <c r="IN11" s="530"/>
      <c r="IO11" s="530"/>
      <c r="IP11" s="530"/>
      <c r="IQ11" s="530"/>
      <c r="IR11" s="530"/>
      <c r="IS11" s="530"/>
      <c r="IT11" s="530"/>
      <c r="IU11" s="530"/>
      <c r="IV11" s="530"/>
    </row>
    <row r="12" spans="1:257" ht="55.2" x14ac:dyDescent="0.2">
      <c r="A12" s="534"/>
      <c r="B12" s="538" t="s">
        <v>5</v>
      </c>
      <c r="C12" s="539"/>
      <c r="D12" s="539" t="s">
        <v>213</v>
      </c>
      <c r="E12" s="538"/>
      <c r="F12" s="538"/>
      <c r="G12" s="538"/>
      <c r="H12" s="538"/>
      <c r="I12" s="538"/>
      <c r="J12" s="538"/>
      <c r="K12" s="540"/>
      <c r="L12" s="540"/>
      <c r="M12" s="538"/>
      <c r="N12" s="536"/>
      <c r="O12" s="537"/>
      <c r="P12" s="537"/>
      <c r="Q12" s="537"/>
      <c r="R12" s="534"/>
      <c r="S12" s="534"/>
      <c r="T12" s="530"/>
      <c r="U12" s="530"/>
      <c r="V12" s="530"/>
      <c r="W12" s="530"/>
      <c r="X12" s="530"/>
      <c r="Y12" s="530"/>
      <c r="Z12" s="530"/>
      <c r="AA12" s="530"/>
      <c r="AB12" s="530"/>
      <c r="AC12" s="530"/>
      <c r="AD12" s="530"/>
      <c r="AE12" s="530"/>
      <c r="AF12" s="530"/>
      <c r="AG12" s="530"/>
      <c r="AH12" s="530"/>
      <c r="AI12" s="530"/>
      <c r="AJ12" s="530"/>
      <c r="AK12" s="530"/>
      <c r="AL12" s="530"/>
      <c r="AM12" s="530"/>
      <c r="AN12" s="530"/>
      <c r="AO12" s="530"/>
      <c r="AP12" s="530"/>
      <c r="AQ12" s="530"/>
      <c r="AR12" s="530"/>
      <c r="AS12" s="530"/>
      <c r="AT12" s="530"/>
      <c r="AU12" s="530"/>
      <c r="AV12" s="530"/>
      <c r="AW12" s="530"/>
      <c r="AX12" s="530"/>
      <c r="AY12" s="530"/>
      <c r="AZ12" s="530"/>
      <c r="BA12" s="530"/>
      <c r="BB12" s="530"/>
      <c r="BC12" s="530"/>
      <c r="BD12" s="530"/>
      <c r="BE12" s="530"/>
      <c r="BF12" s="530"/>
      <c r="BG12" s="530"/>
      <c r="BH12" s="530"/>
      <c r="BI12" s="530"/>
      <c r="BJ12" s="530"/>
      <c r="BK12" s="530"/>
      <c r="BL12" s="530"/>
      <c r="BM12" s="530"/>
      <c r="BN12" s="530"/>
      <c r="BO12" s="530"/>
      <c r="BP12" s="530"/>
      <c r="BQ12" s="530"/>
      <c r="BR12" s="530"/>
      <c r="BS12" s="530"/>
      <c r="BT12" s="530"/>
      <c r="BU12" s="530"/>
      <c r="BV12" s="530"/>
      <c r="BW12" s="530"/>
      <c r="BX12" s="530"/>
      <c r="BY12" s="530"/>
      <c r="BZ12" s="530"/>
      <c r="CA12" s="530"/>
      <c r="CB12" s="530"/>
      <c r="CC12" s="530"/>
      <c r="CD12" s="530"/>
      <c r="CE12" s="530"/>
      <c r="CF12" s="530"/>
      <c r="CG12" s="530"/>
      <c r="CH12" s="530"/>
      <c r="CI12" s="530"/>
      <c r="CJ12" s="530"/>
      <c r="CK12" s="530"/>
      <c r="CL12" s="530"/>
      <c r="CM12" s="530"/>
      <c r="CN12" s="530"/>
      <c r="CO12" s="530"/>
      <c r="CP12" s="530"/>
      <c r="CQ12" s="530"/>
      <c r="CR12" s="530"/>
      <c r="CS12" s="530"/>
      <c r="CT12" s="530"/>
      <c r="CU12" s="530"/>
      <c r="CV12" s="530"/>
      <c r="CW12" s="530"/>
      <c r="CX12" s="530"/>
      <c r="CY12" s="530"/>
      <c r="CZ12" s="530"/>
      <c r="DA12" s="530"/>
      <c r="DB12" s="530"/>
      <c r="DC12" s="530"/>
      <c r="DD12" s="530"/>
      <c r="DE12" s="530"/>
      <c r="DF12" s="530"/>
      <c r="DG12" s="530"/>
      <c r="DH12" s="530"/>
      <c r="DI12" s="530"/>
      <c r="DJ12" s="530"/>
      <c r="DK12" s="530"/>
      <c r="DL12" s="530"/>
      <c r="DM12" s="530"/>
      <c r="DN12" s="530"/>
      <c r="DO12" s="530"/>
      <c r="DP12" s="530"/>
      <c r="DQ12" s="530"/>
      <c r="DR12" s="530"/>
      <c r="DS12" s="530"/>
      <c r="DT12" s="530"/>
      <c r="DU12" s="530"/>
      <c r="DV12" s="530"/>
      <c r="DW12" s="530"/>
      <c r="DX12" s="530"/>
      <c r="DY12" s="530"/>
      <c r="DZ12" s="530"/>
      <c r="EA12" s="530"/>
      <c r="EB12" s="530"/>
      <c r="EC12" s="530"/>
      <c r="ED12" s="530"/>
      <c r="EE12" s="530"/>
      <c r="EF12" s="530"/>
      <c r="EG12" s="530"/>
      <c r="EH12" s="530"/>
      <c r="EI12" s="530"/>
      <c r="EJ12" s="530"/>
      <c r="EK12" s="530"/>
      <c r="EL12" s="530"/>
      <c r="EM12" s="530"/>
      <c r="EN12" s="530"/>
      <c r="EO12" s="530"/>
      <c r="EP12" s="530"/>
      <c r="EQ12" s="530"/>
      <c r="ER12" s="530"/>
      <c r="ES12" s="530"/>
      <c r="ET12" s="530"/>
      <c r="EU12" s="530"/>
      <c r="EV12" s="530"/>
      <c r="EW12" s="530"/>
      <c r="EX12" s="530"/>
      <c r="EY12" s="530"/>
      <c r="EZ12" s="530"/>
      <c r="FA12" s="530"/>
      <c r="FB12" s="530"/>
      <c r="FC12" s="530"/>
      <c r="FD12" s="530"/>
      <c r="FE12" s="530"/>
      <c r="FF12" s="530"/>
      <c r="FG12" s="530"/>
      <c r="FH12" s="530"/>
      <c r="FI12" s="530"/>
      <c r="FJ12" s="530"/>
      <c r="FK12" s="530"/>
      <c r="FL12" s="530"/>
      <c r="FM12" s="530"/>
      <c r="FN12" s="530"/>
      <c r="FO12" s="530"/>
      <c r="FP12" s="530"/>
      <c r="FQ12" s="530"/>
      <c r="FR12" s="530"/>
      <c r="FS12" s="530"/>
      <c r="FT12" s="530"/>
      <c r="FU12" s="530"/>
      <c r="FV12" s="530"/>
      <c r="FW12" s="530"/>
      <c r="FX12" s="530"/>
      <c r="FY12" s="530"/>
      <c r="FZ12" s="530"/>
      <c r="GA12" s="530"/>
      <c r="GB12" s="530"/>
      <c r="GC12" s="530"/>
      <c r="GD12" s="530"/>
      <c r="GE12" s="530"/>
      <c r="GF12" s="530"/>
      <c r="GG12" s="530"/>
      <c r="GH12" s="530"/>
      <c r="GI12" s="530"/>
      <c r="GJ12" s="530"/>
      <c r="GK12" s="530"/>
      <c r="GL12" s="530"/>
      <c r="GM12" s="530"/>
      <c r="GN12" s="530"/>
      <c r="GO12" s="530"/>
      <c r="GP12" s="530"/>
      <c r="GQ12" s="530"/>
      <c r="GR12" s="530"/>
      <c r="GS12" s="530"/>
      <c r="GT12" s="530"/>
      <c r="GU12" s="530"/>
      <c r="GV12" s="530"/>
      <c r="GW12" s="530"/>
      <c r="GX12" s="530"/>
      <c r="GY12" s="530"/>
      <c r="GZ12" s="530"/>
      <c r="HA12" s="530"/>
      <c r="HB12" s="530"/>
      <c r="HC12" s="530"/>
      <c r="HD12" s="530"/>
      <c r="HE12" s="530"/>
      <c r="HF12" s="530"/>
      <c r="HG12" s="530"/>
      <c r="HH12" s="530"/>
      <c r="HI12" s="530"/>
      <c r="HJ12" s="530"/>
      <c r="HK12" s="530"/>
      <c r="HL12" s="530"/>
      <c r="HM12" s="530"/>
      <c r="HN12" s="530"/>
      <c r="HO12" s="530"/>
      <c r="HP12" s="530"/>
      <c r="HQ12" s="530"/>
      <c r="HR12" s="530"/>
      <c r="HS12" s="530"/>
      <c r="HT12" s="530"/>
      <c r="HU12" s="530"/>
      <c r="HV12" s="530"/>
      <c r="HW12" s="530"/>
      <c r="HX12" s="530"/>
      <c r="HY12" s="530"/>
      <c r="HZ12" s="530"/>
      <c r="IA12" s="530"/>
      <c r="IB12" s="530"/>
      <c r="IC12" s="530"/>
      <c r="ID12" s="530"/>
      <c r="IE12" s="530"/>
      <c r="IF12" s="530"/>
      <c r="IG12" s="530"/>
      <c r="IH12" s="530"/>
      <c r="II12" s="530"/>
      <c r="IJ12" s="530"/>
      <c r="IK12" s="530"/>
      <c r="IL12" s="530"/>
      <c r="IM12" s="530"/>
      <c r="IN12" s="530"/>
      <c r="IO12" s="530"/>
      <c r="IP12" s="530"/>
      <c r="IQ12" s="530"/>
      <c r="IR12" s="530"/>
      <c r="IS12" s="530"/>
      <c r="IT12" s="530"/>
      <c r="IU12" s="530"/>
      <c r="IV12" s="530"/>
    </row>
    <row r="13" spans="1:257" ht="55.2" x14ac:dyDescent="0.2">
      <c r="A13" s="534"/>
      <c r="B13" s="538" t="s">
        <v>7</v>
      </c>
      <c r="C13" s="539"/>
      <c r="D13" s="539" t="s">
        <v>214</v>
      </c>
      <c r="E13" s="538"/>
      <c r="F13" s="538"/>
      <c r="G13" s="538"/>
      <c r="H13" s="538"/>
      <c r="I13" s="538"/>
      <c r="J13" s="538"/>
      <c r="K13" s="538"/>
      <c r="L13" s="541"/>
      <c r="M13" s="540"/>
      <c r="N13" s="536"/>
      <c r="O13" s="537"/>
      <c r="P13" s="537"/>
      <c r="Q13" s="537"/>
      <c r="R13" s="534"/>
      <c r="S13" s="534"/>
      <c r="T13" s="530"/>
      <c r="U13" s="530"/>
      <c r="V13" s="530"/>
      <c r="W13" s="530"/>
      <c r="X13" s="530"/>
      <c r="Y13" s="530"/>
      <c r="Z13" s="530"/>
      <c r="AA13" s="530"/>
      <c r="AB13" s="530"/>
      <c r="AC13" s="530"/>
      <c r="AD13" s="530"/>
      <c r="AE13" s="530"/>
      <c r="AF13" s="530"/>
      <c r="AG13" s="530"/>
      <c r="AH13" s="530"/>
      <c r="AI13" s="530"/>
      <c r="AJ13" s="530"/>
      <c r="AK13" s="530"/>
      <c r="AL13" s="530"/>
      <c r="AM13" s="530"/>
      <c r="AN13" s="530"/>
      <c r="AO13" s="530"/>
      <c r="AP13" s="530"/>
      <c r="AQ13" s="530"/>
      <c r="AR13" s="530"/>
      <c r="AS13" s="530"/>
      <c r="AT13" s="530"/>
      <c r="AU13" s="530"/>
      <c r="AV13" s="530"/>
      <c r="AW13" s="530"/>
      <c r="AX13" s="530"/>
      <c r="AY13" s="530"/>
      <c r="AZ13" s="530"/>
      <c r="BA13" s="530"/>
      <c r="BB13" s="530"/>
      <c r="BC13" s="530"/>
      <c r="BD13" s="530"/>
      <c r="BE13" s="530"/>
      <c r="BF13" s="530"/>
      <c r="BG13" s="530"/>
      <c r="BH13" s="530"/>
      <c r="BI13" s="530"/>
      <c r="BJ13" s="530"/>
      <c r="BK13" s="530"/>
      <c r="BL13" s="530"/>
      <c r="BM13" s="530"/>
      <c r="BN13" s="530"/>
      <c r="BO13" s="530"/>
      <c r="BP13" s="530"/>
      <c r="BQ13" s="530"/>
      <c r="BR13" s="530"/>
      <c r="BS13" s="530"/>
      <c r="BT13" s="530"/>
      <c r="BU13" s="530"/>
      <c r="BV13" s="530"/>
      <c r="BW13" s="530"/>
      <c r="BX13" s="530"/>
      <c r="BY13" s="530"/>
      <c r="BZ13" s="530"/>
      <c r="CA13" s="530"/>
      <c r="CB13" s="530"/>
      <c r="CC13" s="530"/>
      <c r="CD13" s="530"/>
      <c r="CE13" s="530"/>
      <c r="CF13" s="530"/>
      <c r="CG13" s="530"/>
      <c r="CH13" s="530"/>
      <c r="CI13" s="530"/>
      <c r="CJ13" s="530"/>
      <c r="CK13" s="530"/>
      <c r="CL13" s="530"/>
      <c r="CM13" s="530"/>
      <c r="CN13" s="530"/>
      <c r="CO13" s="530"/>
      <c r="CP13" s="530"/>
      <c r="CQ13" s="530"/>
      <c r="CR13" s="530"/>
      <c r="CS13" s="530"/>
      <c r="CT13" s="530"/>
      <c r="CU13" s="530"/>
      <c r="CV13" s="530"/>
      <c r="CW13" s="530"/>
      <c r="CX13" s="530"/>
      <c r="CY13" s="530"/>
      <c r="CZ13" s="530"/>
      <c r="DA13" s="530"/>
      <c r="DB13" s="530"/>
      <c r="DC13" s="530"/>
      <c r="DD13" s="530"/>
      <c r="DE13" s="530"/>
      <c r="DF13" s="530"/>
      <c r="DG13" s="530"/>
      <c r="DH13" s="530"/>
      <c r="DI13" s="530"/>
      <c r="DJ13" s="530"/>
      <c r="DK13" s="530"/>
      <c r="DL13" s="530"/>
      <c r="DM13" s="530"/>
      <c r="DN13" s="530"/>
      <c r="DO13" s="530"/>
      <c r="DP13" s="530"/>
      <c r="DQ13" s="530"/>
      <c r="DR13" s="530"/>
      <c r="DS13" s="530"/>
      <c r="DT13" s="530"/>
      <c r="DU13" s="530"/>
      <c r="DV13" s="530"/>
      <c r="DW13" s="530"/>
      <c r="DX13" s="530"/>
      <c r="DY13" s="530"/>
      <c r="DZ13" s="530"/>
      <c r="EA13" s="530"/>
      <c r="EB13" s="530"/>
      <c r="EC13" s="530"/>
      <c r="ED13" s="530"/>
      <c r="EE13" s="530"/>
      <c r="EF13" s="530"/>
      <c r="EG13" s="530"/>
      <c r="EH13" s="530"/>
      <c r="EI13" s="530"/>
      <c r="EJ13" s="530"/>
      <c r="EK13" s="530"/>
      <c r="EL13" s="530"/>
      <c r="EM13" s="530"/>
      <c r="EN13" s="530"/>
      <c r="EO13" s="530"/>
      <c r="EP13" s="530"/>
      <c r="EQ13" s="530"/>
      <c r="ER13" s="530"/>
      <c r="ES13" s="530"/>
      <c r="ET13" s="530"/>
      <c r="EU13" s="530"/>
      <c r="EV13" s="530"/>
      <c r="EW13" s="530"/>
      <c r="EX13" s="530"/>
      <c r="EY13" s="530"/>
      <c r="EZ13" s="530"/>
      <c r="FA13" s="530"/>
      <c r="FB13" s="530"/>
      <c r="FC13" s="530"/>
      <c r="FD13" s="530"/>
      <c r="FE13" s="530"/>
      <c r="FF13" s="530"/>
      <c r="FG13" s="530"/>
      <c r="FH13" s="530"/>
      <c r="FI13" s="530"/>
      <c r="FJ13" s="530"/>
      <c r="FK13" s="530"/>
      <c r="FL13" s="530"/>
      <c r="FM13" s="530"/>
      <c r="FN13" s="530"/>
      <c r="FO13" s="530"/>
      <c r="FP13" s="530"/>
      <c r="FQ13" s="530"/>
      <c r="FR13" s="530"/>
      <c r="FS13" s="530"/>
      <c r="FT13" s="530"/>
      <c r="FU13" s="530"/>
      <c r="FV13" s="530"/>
      <c r="FW13" s="530"/>
      <c r="FX13" s="530"/>
      <c r="FY13" s="530"/>
      <c r="FZ13" s="530"/>
      <c r="GA13" s="530"/>
      <c r="GB13" s="530"/>
      <c r="GC13" s="530"/>
      <c r="GD13" s="530"/>
      <c r="GE13" s="530"/>
      <c r="GF13" s="530"/>
      <c r="GG13" s="530"/>
      <c r="GH13" s="530"/>
      <c r="GI13" s="530"/>
      <c r="GJ13" s="530"/>
      <c r="GK13" s="530"/>
      <c r="GL13" s="530"/>
      <c r="GM13" s="530"/>
      <c r="GN13" s="530"/>
      <c r="GO13" s="530"/>
      <c r="GP13" s="530"/>
      <c r="GQ13" s="530"/>
      <c r="GR13" s="530"/>
      <c r="GS13" s="530"/>
      <c r="GT13" s="530"/>
      <c r="GU13" s="530"/>
      <c r="GV13" s="530"/>
      <c r="GW13" s="530"/>
      <c r="GX13" s="530"/>
      <c r="GY13" s="530"/>
      <c r="GZ13" s="530"/>
      <c r="HA13" s="530"/>
      <c r="HB13" s="530"/>
      <c r="HC13" s="530"/>
      <c r="HD13" s="530"/>
      <c r="HE13" s="530"/>
      <c r="HF13" s="530"/>
      <c r="HG13" s="530"/>
      <c r="HH13" s="530"/>
      <c r="HI13" s="530"/>
      <c r="HJ13" s="530"/>
      <c r="HK13" s="530"/>
      <c r="HL13" s="530"/>
      <c r="HM13" s="530"/>
      <c r="HN13" s="530"/>
      <c r="HO13" s="530"/>
      <c r="HP13" s="530"/>
      <c r="HQ13" s="530"/>
      <c r="HR13" s="530"/>
      <c r="HS13" s="530"/>
      <c r="HT13" s="530"/>
      <c r="HU13" s="530"/>
      <c r="HV13" s="530"/>
      <c r="HW13" s="530"/>
      <c r="HX13" s="530"/>
      <c r="HY13" s="530"/>
      <c r="HZ13" s="530"/>
      <c r="IA13" s="530"/>
      <c r="IB13" s="530"/>
      <c r="IC13" s="530"/>
      <c r="ID13" s="530"/>
      <c r="IE13" s="530"/>
      <c r="IF13" s="530"/>
      <c r="IG13" s="530"/>
      <c r="IH13" s="530"/>
      <c r="II13" s="530"/>
      <c r="IJ13" s="530"/>
      <c r="IK13" s="530"/>
      <c r="IL13" s="530"/>
      <c r="IM13" s="530"/>
      <c r="IN13" s="530"/>
      <c r="IO13" s="530"/>
      <c r="IP13" s="530"/>
      <c r="IQ13" s="530"/>
      <c r="IR13" s="530"/>
      <c r="IS13" s="530"/>
      <c r="IT13" s="530"/>
      <c r="IU13" s="530"/>
      <c r="IV13" s="530"/>
    </row>
    <row r="14" spans="1:257" ht="55.2" x14ac:dyDescent="0.2">
      <c r="A14" s="534"/>
      <c r="B14" s="538" t="s">
        <v>9</v>
      </c>
      <c r="C14" s="539"/>
      <c r="D14" s="539" t="s">
        <v>215</v>
      </c>
      <c r="E14" s="538"/>
      <c r="F14" s="538"/>
      <c r="G14" s="538"/>
      <c r="H14" s="538"/>
      <c r="I14" s="538"/>
      <c r="J14" s="538"/>
      <c r="K14" s="538"/>
      <c r="L14" s="540"/>
      <c r="M14" s="538"/>
      <c r="N14" s="536"/>
      <c r="O14" s="537"/>
      <c r="P14" s="537"/>
      <c r="Q14" s="537"/>
      <c r="R14" s="534"/>
      <c r="S14" s="534"/>
      <c r="T14" s="530"/>
      <c r="U14" s="530"/>
      <c r="V14" s="530"/>
      <c r="W14" s="530"/>
      <c r="X14" s="530"/>
      <c r="Y14" s="530"/>
      <c r="Z14" s="530"/>
      <c r="AA14" s="530"/>
      <c r="AB14" s="530"/>
      <c r="AC14" s="530"/>
      <c r="AD14" s="530"/>
      <c r="AE14" s="530"/>
      <c r="AF14" s="530"/>
      <c r="AG14" s="530"/>
      <c r="AH14" s="530"/>
      <c r="AI14" s="530"/>
      <c r="AJ14" s="530"/>
      <c r="AK14" s="530"/>
      <c r="AL14" s="530"/>
      <c r="AM14" s="530"/>
      <c r="AN14" s="530"/>
      <c r="AO14" s="530"/>
      <c r="AP14" s="530"/>
      <c r="AQ14" s="530"/>
      <c r="AR14" s="530"/>
      <c r="AS14" s="530"/>
      <c r="AT14" s="530"/>
      <c r="AU14" s="530"/>
      <c r="AV14" s="530"/>
      <c r="AW14" s="530"/>
      <c r="AX14" s="530"/>
      <c r="AY14" s="530"/>
      <c r="AZ14" s="530"/>
      <c r="BA14" s="530"/>
      <c r="BB14" s="530"/>
      <c r="BC14" s="530"/>
      <c r="BD14" s="530"/>
      <c r="BE14" s="530"/>
      <c r="BF14" s="530"/>
      <c r="BG14" s="530"/>
      <c r="BH14" s="530"/>
      <c r="BI14" s="530"/>
      <c r="BJ14" s="530"/>
      <c r="BK14" s="530"/>
      <c r="BL14" s="530"/>
      <c r="BM14" s="530"/>
      <c r="BN14" s="530"/>
      <c r="BO14" s="530"/>
      <c r="BP14" s="530"/>
      <c r="BQ14" s="530"/>
      <c r="BR14" s="530"/>
      <c r="BS14" s="530"/>
      <c r="BT14" s="530"/>
      <c r="BU14" s="530"/>
      <c r="BV14" s="530"/>
      <c r="BW14" s="530"/>
      <c r="BX14" s="530"/>
      <c r="BY14" s="530"/>
      <c r="BZ14" s="530"/>
      <c r="CA14" s="530"/>
      <c r="CB14" s="530"/>
      <c r="CC14" s="530"/>
      <c r="CD14" s="530"/>
      <c r="CE14" s="530"/>
      <c r="CF14" s="530"/>
      <c r="CG14" s="530"/>
      <c r="CH14" s="530"/>
      <c r="CI14" s="530"/>
      <c r="CJ14" s="530"/>
      <c r="CK14" s="530"/>
      <c r="CL14" s="530"/>
      <c r="CM14" s="530"/>
      <c r="CN14" s="530"/>
      <c r="CO14" s="530"/>
      <c r="CP14" s="530"/>
      <c r="CQ14" s="530"/>
      <c r="CR14" s="530"/>
      <c r="CS14" s="530"/>
      <c r="CT14" s="530"/>
      <c r="CU14" s="530"/>
      <c r="CV14" s="530"/>
      <c r="CW14" s="530"/>
      <c r="CX14" s="530"/>
      <c r="CY14" s="530"/>
      <c r="CZ14" s="530"/>
      <c r="DA14" s="530"/>
      <c r="DB14" s="530"/>
      <c r="DC14" s="530"/>
      <c r="DD14" s="530"/>
      <c r="DE14" s="530"/>
      <c r="DF14" s="530"/>
      <c r="DG14" s="530"/>
      <c r="DH14" s="530"/>
      <c r="DI14" s="530"/>
      <c r="DJ14" s="530"/>
      <c r="DK14" s="530"/>
      <c r="DL14" s="530"/>
      <c r="DM14" s="530"/>
      <c r="DN14" s="530"/>
      <c r="DO14" s="530"/>
      <c r="DP14" s="530"/>
      <c r="DQ14" s="530"/>
      <c r="DR14" s="530"/>
      <c r="DS14" s="530"/>
      <c r="DT14" s="530"/>
      <c r="DU14" s="530"/>
      <c r="DV14" s="530"/>
      <c r="DW14" s="530"/>
      <c r="DX14" s="530"/>
      <c r="DY14" s="530"/>
      <c r="DZ14" s="530"/>
      <c r="EA14" s="530"/>
      <c r="EB14" s="530"/>
      <c r="EC14" s="530"/>
      <c r="ED14" s="530"/>
      <c r="EE14" s="530"/>
      <c r="EF14" s="530"/>
      <c r="EG14" s="530"/>
      <c r="EH14" s="530"/>
      <c r="EI14" s="530"/>
      <c r="EJ14" s="530"/>
      <c r="EK14" s="530"/>
      <c r="EL14" s="530"/>
      <c r="EM14" s="530"/>
      <c r="EN14" s="530"/>
      <c r="EO14" s="530"/>
      <c r="EP14" s="530"/>
      <c r="EQ14" s="530"/>
      <c r="ER14" s="530"/>
      <c r="ES14" s="530"/>
      <c r="ET14" s="530"/>
      <c r="EU14" s="530"/>
      <c r="EV14" s="530"/>
      <c r="EW14" s="530"/>
      <c r="EX14" s="530"/>
      <c r="EY14" s="530"/>
      <c r="EZ14" s="530"/>
      <c r="FA14" s="530"/>
      <c r="FB14" s="530"/>
      <c r="FC14" s="530"/>
      <c r="FD14" s="530"/>
      <c r="FE14" s="530"/>
      <c r="FF14" s="530"/>
      <c r="FG14" s="530"/>
      <c r="FH14" s="530"/>
      <c r="FI14" s="530"/>
      <c r="FJ14" s="530"/>
      <c r="FK14" s="530"/>
      <c r="FL14" s="530"/>
      <c r="FM14" s="530"/>
      <c r="FN14" s="530"/>
      <c r="FO14" s="530"/>
      <c r="FP14" s="530"/>
      <c r="FQ14" s="530"/>
      <c r="FR14" s="530"/>
      <c r="FS14" s="530"/>
      <c r="FT14" s="530"/>
      <c r="FU14" s="530"/>
      <c r="FV14" s="530"/>
      <c r="FW14" s="530"/>
      <c r="FX14" s="530"/>
      <c r="FY14" s="530"/>
      <c r="FZ14" s="530"/>
      <c r="GA14" s="530"/>
      <c r="GB14" s="530"/>
      <c r="GC14" s="530"/>
      <c r="GD14" s="530"/>
      <c r="GE14" s="530"/>
      <c r="GF14" s="530"/>
      <c r="GG14" s="530"/>
      <c r="GH14" s="530"/>
      <c r="GI14" s="530"/>
      <c r="GJ14" s="530"/>
      <c r="GK14" s="530"/>
      <c r="GL14" s="530"/>
      <c r="GM14" s="530"/>
      <c r="GN14" s="530"/>
      <c r="GO14" s="530"/>
      <c r="GP14" s="530"/>
      <c r="GQ14" s="530"/>
      <c r="GR14" s="530"/>
      <c r="GS14" s="530"/>
      <c r="GT14" s="530"/>
      <c r="GU14" s="530"/>
      <c r="GV14" s="530"/>
      <c r="GW14" s="530"/>
      <c r="GX14" s="530"/>
      <c r="GY14" s="530"/>
      <c r="GZ14" s="530"/>
      <c r="HA14" s="530"/>
      <c r="HB14" s="530"/>
      <c r="HC14" s="530"/>
      <c r="HD14" s="530"/>
      <c r="HE14" s="530"/>
      <c r="HF14" s="530"/>
      <c r="HG14" s="530"/>
      <c r="HH14" s="530"/>
      <c r="HI14" s="530"/>
      <c r="HJ14" s="530"/>
      <c r="HK14" s="530"/>
      <c r="HL14" s="530"/>
      <c r="HM14" s="530"/>
      <c r="HN14" s="530"/>
      <c r="HO14" s="530"/>
      <c r="HP14" s="530"/>
      <c r="HQ14" s="530"/>
      <c r="HR14" s="530"/>
      <c r="HS14" s="530"/>
      <c r="HT14" s="530"/>
      <c r="HU14" s="530"/>
      <c r="HV14" s="530"/>
      <c r="HW14" s="530"/>
      <c r="HX14" s="530"/>
      <c r="HY14" s="530"/>
      <c r="HZ14" s="530"/>
      <c r="IA14" s="530"/>
      <c r="IB14" s="530"/>
      <c r="IC14" s="530"/>
      <c r="ID14" s="530"/>
      <c r="IE14" s="530"/>
      <c r="IF14" s="530"/>
      <c r="IG14" s="530"/>
      <c r="IH14" s="530"/>
      <c r="II14" s="530"/>
      <c r="IJ14" s="530"/>
      <c r="IK14" s="530"/>
      <c r="IL14" s="530"/>
      <c r="IM14" s="530"/>
      <c r="IN14" s="530"/>
      <c r="IO14" s="530"/>
      <c r="IP14" s="530"/>
      <c r="IQ14" s="530"/>
      <c r="IR14" s="530"/>
      <c r="IS14" s="530"/>
      <c r="IT14" s="530"/>
      <c r="IU14" s="530"/>
      <c r="IV14" s="530"/>
    </row>
    <row r="15" spans="1:257" s="546" customFormat="1" ht="64.5" customHeight="1" x14ac:dyDescent="0.55000000000000004">
      <c r="A15" s="542"/>
      <c r="B15" s="543" t="s">
        <v>11</v>
      </c>
      <c r="C15" s="542"/>
      <c r="D15" s="542"/>
      <c r="E15" s="542"/>
      <c r="F15" s="542"/>
      <c r="G15" s="542"/>
      <c r="H15" s="542"/>
      <c r="I15" s="542"/>
      <c r="J15" s="542"/>
      <c r="K15" s="542"/>
      <c r="L15" s="544"/>
      <c r="M15" s="542"/>
      <c r="N15" s="536"/>
      <c r="O15" s="537"/>
      <c r="P15" s="537"/>
      <c r="Q15" s="537"/>
      <c r="R15" s="542"/>
      <c r="S15" s="542"/>
      <c r="T15" s="545"/>
      <c r="U15" s="545"/>
      <c r="V15" s="545"/>
      <c r="W15" s="545"/>
      <c r="X15" s="545"/>
      <c r="Y15" s="545"/>
      <c r="Z15" s="545"/>
      <c r="AA15" s="545"/>
      <c r="AB15" s="545"/>
      <c r="AC15" s="545"/>
      <c r="AD15" s="545"/>
      <c r="AE15" s="545"/>
      <c r="AF15" s="545"/>
      <c r="AG15" s="545"/>
      <c r="AH15" s="545"/>
      <c r="AI15" s="545"/>
      <c r="AJ15" s="545"/>
      <c r="AK15" s="545"/>
      <c r="AL15" s="545"/>
      <c r="AM15" s="545"/>
      <c r="AN15" s="545"/>
      <c r="AO15" s="545"/>
      <c r="AP15" s="545"/>
      <c r="AQ15" s="545"/>
      <c r="AR15" s="545"/>
      <c r="AS15" s="545"/>
      <c r="AT15" s="545"/>
      <c r="AU15" s="545"/>
      <c r="AV15" s="545"/>
      <c r="AW15" s="545"/>
      <c r="AX15" s="545"/>
      <c r="AY15" s="545"/>
      <c r="AZ15" s="545"/>
      <c r="BA15" s="545"/>
      <c r="BB15" s="545"/>
      <c r="BC15" s="545"/>
      <c r="BD15" s="545"/>
      <c r="BE15" s="545"/>
      <c r="BF15" s="545"/>
      <c r="BG15" s="545"/>
      <c r="BH15" s="545"/>
      <c r="BI15" s="545"/>
      <c r="BJ15" s="545"/>
      <c r="BK15" s="545"/>
      <c r="BL15" s="545"/>
      <c r="BM15" s="545"/>
      <c r="BN15" s="545"/>
      <c r="BO15" s="545"/>
      <c r="BP15" s="545"/>
      <c r="BQ15" s="545"/>
      <c r="BR15" s="545"/>
      <c r="BS15" s="545"/>
      <c r="BT15" s="545"/>
      <c r="BU15" s="545"/>
      <c r="BV15" s="545"/>
      <c r="BW15" s="545"/>
      <c r="BX15" s="545"/>
      <c r="BY15" s="545"/>
      <c r="BZ15" s="545"/>
      <c r="CA15" s="545"/>
      <c r="CB15" s="545"/>
      <c r="CC15" s="545"/>
      <c r="CD15" s="545"/>
      <c r="CE15" s="545"/>
      <c r="CF15" s="545"/>
      <c r="CG15" s="545"/>
      <c r="CH15" s="545"/>
      <c r="CI15" s="545"/>
      <c r="CJ15" s="545"/>
      <c r="CK15" s="545"/>
      <c r="CL15" s="545"/>
      <c r="CM15" s="545"/>
      <c r="CN15" s="545"/>
      <c r="CO15" s="545"/>
      <c r="CP15" s="545"/>
      <c r="CQ15" s="545"/>
      <c r="CR15" s="545"/>
      <c r="CS15" s="545"/>
      <c r="CT15" s="545"/>
      <c r="CU15" s="545"/>
      <c r="CV15" s="545"/>
      <c r="CW15" s="545"/>
      <c r="CX15" s="545"/>
      <c r="CY15" s="545"/>
      <c r="CZ15" s="545"/>
      <c r="DA15" s="545"/>
      <c r="DB15" s="545"/>
      <c r="DC15" s="545"/>
      <c r="DD15" s="545"/>
      <c r="DE15" s="545"/>
      <c r="DF15" s="545"/>
      <c r="DG15" s="545"/>
      <c r="DH15" s="545"/>
      <c r="DI15" s="545"/>
      <c r="DJ15" s="545"/>
      <c r="DK15" s="545"/>
      <c r="DL15" s="545"/>
      <c r="DM15" s="545"/>
      <c r="DN15" s="545"/>
      <c r="DO15" s="545"/>
      <c r="DP15" s="545"/>
      <c r="DQ15" s="545"/>
      <c r="DR15" s="545"/>
      <c r="DS15" s="545"/>
      <c r="DT15" s="545"/>
      <c r="DU15" s="545"/>
      <c r="DV15" s="545"/>
      <c r="DW15" s="545"/>
      <c r="DX15" s="545"/>
      <c r="DY15" s="545"/>
      <c r="DZ15" s="545"/>
      <c r="EA15" s="545"/>
      <c r="EB15" s="545"/>
      <c r="EC15" s="545"/>
      <c r="ED15" s="545"/>
      <c r="EE15" s="545"/>
      <c r="EF15" s="545"/>
      <c r="EG15" s="545"/>
      <c r="EH15" s="545"/>
      <c r="EI15" s="545"/>
      <c r="EJ15" s="545"/>
      <c r="EK15" s="545"/>
      <c r="EL15" s="545"/>
      <c r="EM15" s="545"/>
      <c r="EN15" s="545"/>
      <c r="EO15" s="545"/>
      <c r="EP15" s="545"/>
      <c r="EQ15" s="545"/>
      <c r="ER15" s="545"/>
      <c r="ES15" s="545"/>
      <c r="ET15" s="545"/>
      <c r="EU15" s="545"/>
      <c r="EV15" s="545"/>
      <c r="EW15" s="545"/>
      <c r="EX15" s="545"/>
      <c r="EY15" s="545"/>
      <c r="EZ15" s="545"/>
      <c r="FA15" s="545"/>
      <c r="FB15" s="545"/>
      <c r="FC15" s="545"/>
      <c r="FD15" s="545"/>
      <c r="FE15" s="545"/>
      <c r="FF15" s="545"/>
      <c r="FG15" s="545"/>
      <c r="FH15" s="545"/>
      <c r="FI15" s="545"/>
      <c r="FJ15" s="545"/>
      <c r="FK15" s="545"/>
      <c r="FL15" s="545"/>
      <c r="FM15" s="545"/>
      <c r="FN15" s="545"/>
      <c r="FO15" s="545"/>
      <c r="FP15" s="545"/>
      <c r="FQ15" s="545"/>
      <c r="FR15" s="545"/>
      <c r="FS15" s="545"/>
      <c r="FT15" s="545"/>
      <c r="FU15" s="545"/>
      <c r="FV15" s="545"/>
      <c r="FW15" s="545"/>
      <c r="FX15" s="545"/>
      <c r="FY15" s="545"/>
      <c r="FZ15" s="545"/>
      <c r="GA15" s="545"/>
      <c r="GB15" s="545"/>
      <c r="GC15" s="545"/>
      <c r="GD15" s="545"/>
      <c r="GE15" s="545"/>
      <c r="GF15" s="545"/>
      <c r="GG15" s="545"/>
      <c r="GH15" s="545"/>
      <c r="GI15" s="545"/>
      <c r="GJ15" s="545"/>
      <c r="GK15" s="545"/>
      <c r="GL15" s="545"/>
      <c r="GM15" s="545"/>
      <c r="GN15" s="545"/>
      <c r="GO15" s="545"/>
      <c r="GP15" s="545"/>
      <c r="GQ15" s="545"/>
      <c r="GR15" s="545"/>
      <c r="GS15" s="545"/>
      <c r="GT15" s="545"/>
      <c r="GU15" s="545"/>
      <c r="GV15" s="545"/>
      <c r="GW15" s="545"/>
      <c r="GX15" s="545"/>
      <c r="GY15" s="545"/>
      <c r="GZ15" s="545"/>
      <c r="HA15" s="545"/>
      <c r="HB15" s="545"/>
      <c r="HC15" s="545"/>
      <c r="HD15" s="545"/>
      <c r="HE15" s="545"/>
      <c r="HF15" s="545"/>
      <c r="HG15" s="545"/>
      <c r="HH15" s="545"/>
      <c r="HI15" s="545"/>
      <c r="HJ15" s="545"/>
      <c r="HK15" s="545"/>
      <c r="HL15" s="545"/>
      <c r="HM15" s="545"/>
      <c r="HN15" s="545"/>
      <c r="HO15" s="545"/>
      <c r="HP15" s="545"/>
      <c r="HQ15" s="545"/>
      <c r="HR15" s="545"/>
      <c r="HS15" s="545"/>
      <c r="HT15" s="545"/>
      <c r="HU15" s="545"/>
      <c r="HV15" s="545"/>
      <c r="HW15" s="545"/>
      <c r="HX15" s="545"/>
      <c r="HY15" s="545"/>
      <c r="HZ15" s="545"/>
      <c r="IA15" s="545"/>
      <c r="IB15" s="545"/>
      <c r="IC15" s="545"/>
      <c r="ID15" s="545"/>
      <c r="IE15" s="545"/>
      <c r="IF15" s="545"/>
      <c r="IG15" s="545"/>
      <c r="IH15" s="545"/>
      <c r="II15" s="545"/>
      <c r="IJ15" s="545"/>
      <c r="IK15" s="545"/>
      <c r="IL15" s="545"/>
      <c r="IM15" s="545"/>
      <c r="IN15" s="545"/>
      <c r="IO15" s="545"/>
      <c r="IP15" s="545"/>
      <c r="IQ15" s="545"/>
      <c r="IR15" s="545"/>
      <c r="IS15" s="545"/>
      <c r="IT15" s="545"/>
      <c r="IU15" s="545"/>
      <c r="IV15" s="545"/>
    </row>
    <row r="16" spans="1:257" ht="64.5" customHeight="1" x14ac:dyDescent="0.2">
      <c r="A16" s="534"/>
      <c r="B16" s="534"/>
      <c r="C16" s="534"/>
      <c r="D16" s="534"/>
      <c r="E16" s="534"/>
      <c r="F16" s="534"/>
      <c r="G16" s="534"/>
      <c r="H16" s="534"/>
      <c r="I16" s="534"/>
      <c r="J16" s="534"/>
      <c r="K16" s="534"/>
      <c r="L16" s="535"/>
      <c r="M16" s="534"/>
      <c r="N16" s="536"/>
      <c r="O16" s="537"/>
      <c r="P16" s="537"/>
      <c r="Q16" s="537"/>
      <c r="R16" s="534"/>
      <c r="S16" s="534"/>
      <c r="T16" s="530"/>
      <c r="U16" s="530"/>
      <c r="V16" s="530"/>
      <c r="W16" s="530"/>
      <c r="X16" s="530"/>
      <c r="Y16" s="530"/>
      <c r="Z16" s="530"/>
      <c r="AA16" s="530"/>
      <c r="AB16" s="530"/>
      <c r="AC16" s="530"/>
      <c r="AD16" s="530"/>
      <c r="AE16" s="530"/>
      <c r="AF16" s="530"/>
      <c r="AG16" s="530"/>
      <c r="AH16" s="530"/>
      <c r="AI16" s="530"/>
      <c r="AJ16" s="530"/>
      <c r="AK16" s="530"/>
      <c r="AL16" s="530"/>
      <c r="AM16" s="530"/>
      <c r="AN16" s="530"/>
      <c r="AO16" s="530"/>
      <c r="AP16" s="530"/>
      <c r="AQ16" s="530"/>
      <c r="AR16" s="530"/>
      <c r="AS16" s="530"/>
      <c r="AT16" s="530"/>
      <c r="AU16" s="530"/>
      <c r="AV16" s="530"/>
      <c r="AW16" s="530"/>
      <c r="AX16" s="530"/>
      <c r="AY16" s="530"/>
      <c r="AZ16" s="530"/>
      <c r="BA16" s="530"/>
      <c r="BB16" s="530"/>
      <c r="BC16" s="530"/>
      <c r="BD16" s="530"/>
      <c r="BE16" s="530"/>
      <c r="BF16" s="530"/>
      <c r="BG16" s="530"/>
      <c r="BH16" s="530"/>
      <c r="BI16" s="530"/>
      <c r="BJ16" s="530"/>
      <c r="BK16" s="530"/>
      <c r="BL16" s="530"/>
      <c r="BM16" s="530"/>
      <c r="BN16" s="530"/>
      <c r="BO16" s="530"/>
      <c r="BP16" s="530"/>
      <c r="BQ16" s="530"/>
      <c r="BR16" s="530"/>
      <c r="BS16" s="530"/>
      <c r="BT16" s="530"/>
      <c r="BU16" s="530"/>
      <c r="BV16" s="530"/>
      <c r="BW16" s="530"/>
      <c r="BX16" s="530"/>
      <c r="BY16" s="530"/>
      <c r="BZ16" s="530"/>
      <c r="CA16" s="530"/>
      <c r="CB16" s="530"/>
      <c r="CC16" s="530"/>
      <c r="CD16" s="530"/>
      <c r="CE16" s="530"/>
      <c r="CF16" s="530"/>
      <c r="CG16" s="530"/>
      <c r="CH16" s="530"/>
      <c r="CI16" s="530"/>
      <c r="CJ16" s="530"/>
      <c r="CK16" s="530"/>
      <c r="CL16" s="530"/>
      <c r="CM16" s="530"/>
      <c r="CN16" s="530"/>
      <c r="CO16" s="530"/>
      <c r="CP16" s="530"/>
      <c r="CQ16" s="530"/>
      <c r="CR16" s="530"/>
      <c r="CS16" s="530"/>
      <c r="CT16" s="530"/>
      <c r="CU16" s="530"/>
      <c r="CV16" s="530"/>
      <c r="CW16" s="530"/>
      <c r="CX16" s="530"/>
      <c r="CY16" s="530"/>
      <c r="CZ16" s="530"/>
      <c r="DA16" s="530"/>
      <c r="DB16" s="530"/>
      <c r="DC16" s="530"/>
      <c r="DD16" s="530"/>
      <c r="DE16" s="530"/>
      <c r="DF16" s="530"/>
      <c r="DG16" s="530"/>
      <c r="DH16" s="530"/>
      <c r="DI16" s="530"/>
      <c r="DJ16" s="530"/>
      <c r="DK16" s="530"/>
      <c r="DL16" s="530"/>
      <c r="DM16" s="530"/>
      <c r="DN16" s="530"/>
      <c r="DO16" s="530"/>
      <c r="DP16" s="530"/>
      <c r="DQ16" s="530"/>
      <c r="DR16" s="530"/>
      <c r="DS16" s="530"/>
      <c r="DT16" s="530"/>
      <c r="DU16" s="530"/>
      <c r="DV16" s="530"/>
      <c r="DW16" s="530"/>
      <c r="DX16" s="530"/>
      <c r="DY16" s="530"/>
      <c r="DZ16" s="530"/>
      <c r="EA16" s="530"/>
      <c r="EB16" s="530"/>
      <c r="EC16" s="530"/>
      <c r="ED16" s="530"/>
      <c r="EE16" s="530"/>
      <c r="EF16" s="530"/>
      <c r="EG16" s="530"/>
      <c r="EH16" s="530"/>
      <c r="EI16" s="530"/>
      <c r="EJ16" s="530"/>
      <c r="EK16" s="530"/>
      <c r="EL16" s="530"/>
      <c r="EM16" s="530"/>
      <c r="EN16" s="530"/>
      <c r="EO16" s="530"/>
      <c r="EP16" s="530"/>
      <c r="EQ16" s="530"/>
      <c r="ER16" s="530"/>
      <c r="ES16" s="530"/>
      <c r="ET16" s="530"/>
      <c r="EU16" s="530"/>
      <c r="EV16" s="530"/>
      <c r="EW16" s="530"/>
      <c r="EX16" s="530"/>
      <c r="EY16" s="530"/>
      <c r="EZ16" s="530"/>
      <c r="FA16" s="530"/>
      <c r="FB16" s="530"/>
      <c r="FC16" s="530"/>
      <c r="FD16" s="530"/>
      <c r="FE16" s="530"/>
      <c r="FF16" s="530"/>
      <c r="FG16" s="530"/>
      <c r="FH16" s="530"/>
      <c r="FI16" s="530"/>
      <c r="FJ16" s="530"/>
      <c r="FK16" s="530"/>
      <c r="FL16" s="530"/>
      <c r="FM16" s="530"/>
      <c r="FN16" s="530"/>
      <c r="FO16" s="530"/>
      <c r="FP16" s="530"/>
      <c r="FQ16" s="530"/>
      <c r="FR16" s="530"/>
      <c r="FS16" s="530"/>
      <c r="FT16" s="530"/>
      <c r="FU16" s="530"/>
      <c r="FV16" s="530"/>
      <c r="FW16" s="530"/>
      <c r="FX16" s="530"/>
      <c r="FY16" s="530"/>
      <c r="FZ16" s="530"/>
      <c r="GA16" s="530"/>
      <c r="GB16" s="530"/>
      <c r="GC16" s="530"/>
      <c r="GD16" s="530"/>
      <c r="GE16" s="530"/>
      <c r="GF16" s="530"/>
      <c r="GG16" s="530"/>
      <c r="GH16" s="530"/>
      <c r="GI16" s="530"/>
      <c r="GJ16" s="530"/>
      <c r="GK16" s="530"/>
      <c r="GL16" s="530"/>
      <c r="GM16" s="530"/>
      <c r="GN16" s="530"/>
      <c r="GO16" s="530"/>
      <c r="GP16" s="530"/>
      <c r="GQ16" s="530"/>
      <c r="GR16" s="530"/>
      <c r="GS16" s="530"/>
      <c r="GT16" s="530"/>
      <c r="GU16" s="530"/>
      <c r="GV16" s="530"/>
      <c r="GW16" s="530"/>
      <c r="GX16" s="530"/>
      <c r="GY16" s="530"/>
      <c r="GZ16" s="530"/>
      <c r="HA16" s="530"/>
      <c r="HB16" s="530"/>
      <c r="HC16" s="530"/>
      <c r="HD16" s="530"/>
      <c r="HE16" s="530"/>
      <c r="HF16" s="530"/>
      <c r="HG16" s="530"/>
      <c r="HH16" s="530"/>
      <c r="HI16" s="530"/>
      <c r="HJ16" s="530"/>
      <c r="HK16" s="530"/>
      <c r="HL16" s="530"/>
      <c r="HM16" s="530"/>
      <c r="HN16" s="530"/>
      <c r="HO16" s="530"/>
      <c r="HP16" s="530"/>
      <c r="HQ16" s="530"/>
      <c r="HR16" s="530"/>
      <c r="HS16" s="530"/>
      <c r="HT16" s="530"/>
      <c r="HU16" s="530"/>
      <c r="HV16" s="530"/>
      <c r="HW16" s="530"/>
      <c r="HX16" s="530"/>
      <c r="HY16" s="530"/>
      <c r="HZ16" s="530"/>
      <c r="IA16" s="530"/>
      <c r="IB16" s="530"/>
      <c r="IC16" s="530"/>
      <c r="ID16" s="530"/>
      <c r="IE16" s="530"/>
      <c r="IF16" s="530"/>
      <c r="IG16" s="530"/>
      <c r="IH16" s="530"/>
      <c r="II16" s="530"/>
      <c r="IJ16" s="530"/>
      <c r="IK16" s="530"/>
      <c r="IL16" s="530"/>
      <c r="IM16" s="530"/>
      <c r="IN16" s="530"/>
      <c r="IO16" s="530"/>
      <c r="IP16" s="530"/>
      <c r="IQ16" s="530"/>
      <c r="IR16" s="530"/>
      <c r="IS16" s="530"/>
      <c r="IT16" s="530"/>
      <c r="IU16" s="530"/>
      <c r="IV16" s="530"/>
    </row>
    <row r="17" spans="1:256" ht="301.5" customHeight="1" x14ac:dyDescent="0.2">
      <c r="A17" s="534"/>
      <c r="B17" s="534"/>
      <c r="C17" s="534"/>
      <c r="D17" s="534"/>
      <c r="E17" s="534"/>
      <c r="F17" s="534"/>
      <c r="G17" s="534"/>
      <c r="H17" s="534"/>
      <c r="I17" s="534"/>
      <c r="J17" s="534"/>
      <c r="K17" s="534"/>
      <c r="L17" s="535"/>
      <c r="M17" s="534"/>
      <c r="N17" s="536"/>
      <c r="O17" s="537"/>
      <c r="P17" s="537"/>
      <c r="Q17" s="537"/>
      <c r="R17" s="534"/>
      <c r="S17" s="534"/>
      <c r="T17" s="530"/>
      <c r="U17" s="530"/>
      <c r="V17" s="530"/>
      <c r="W17" s="530"/>
      <c r="X17" s="530"/>
      <c r="Y17" s="530"/>
      <c r="Z17" s="530"/>
      <c r="AA17" s="530"/>
      <c r="AB17" s="530"/>
      <c r="AC17" s="530"/>
      <c r="AD17" s="530"/>
      <c r="AE17" s="530"/>
      <c r="AF17" s="530"/>
      <c r="AG17" s="530"/>
      <c r="AH17" s="530"/>
      <c r="AI17" s="530"/>
      <c r="AJ17" s="530"/>
      <c r="AK17" s="530"/>
      <c r="AL17" s="530"/>
      <c r="AM17" s="530"/>
      <c r="AN17" s="530"/>
      <c r="AO17" s="530"/>
      <c r="AP17" s="530"/>
      <c r="AQ17" s="530"/>
      <c r="AR17" s="530"/>
      <c r="AS17" s="530"/>
      <c r="AT17" s="530"/>
      <c r="AU17" s="530"/>
      <c r="AV17" s="530"/>
      <c r="AW17" s="530"/>
      <c r="AX17" s="530"/>
      <c r="AY17" s="530"/>
      <c r="AZ17" s="530"/>
      <c r="BA17" s="530"/>
      <c r="BB17" s="530"/>
      <c r="BC17" s="530"/>
      <c r="BD17" s="530"/>
      <c r="BE17" s="530"/>
      <c r="BF17" s="530"/>
      <c r="BG17" s="530"/>
      <c r="BH17" s="530"/>
      <c r="BI17" s="530"/>
      <c r="BJ17" s="530"/>
      <c r="BK17" s="530"/>
      <c r="BL17" s="530"/>
      <c r="BM17" s="530"/>
      <c r="BN17" s="530"/>
      <c r="BO17" s="530"/>
      <c r="BP17" s="530"/>
      <c r="BQ17" s="530"/>
      <c r="BR17" s="530"/>
      <c r="BS17" s="530"/>
      <c r="BT17" s="530"/>
      <c r="BU17" s="530"/>
      <c r="BV17" s="530"/>
      <c r="BW17" s="530"/>
      <c r="BX17" s="530"/>
      <c r="BY17" s="530"/>
      <c r="BZ17" s="530"/>
      <c r="CA17" s="530"/>
      <c r="CB17" s="530"/>
      <c r="CC17" s="530"/>
      <c r="CD17" s="530"/>
      <c r="CE17" s="530"/>
      <c r="CF17" s="530"/>
      <c r="CG17" s="530"/>
      <c r="CH17" s="530"/>
      <c r="CI17" s="530"/>
      <c r="CJ17" s="530"/>
      <c r="CK17" s="530"/>
      <c r="CL17" s="530"/>
      <c r="CM17" s="530"/>
      <c r="CN17" s="530"/>
      <c r="CO17" s="530"/>
      <c r="CP17" s="530"/>
      <c r="CQ17" s="530"/>
      <c r="CR17" s="530"/>
      <c r="CS17" s="530"/>
      <c r="CT17" s="530"/>
      <c r="CU17" s="530"/>
      <c r="CV17" s="530"/>
      <c r="CW17" s="530"/>
      <c r="CX17" s="530"/>
      <c r="CY17" s="530"/>
      <c r="CZ17" s="530"/>
      <c r="DA17" s="530"/>
      <c r="DB17" s="530"/>
      <c r="DC17" s="530"/>
      <c r="DD17" s="530"/>
      <c r="DE17" s="530"/>
      <c r="DF17" s="530"/>
      <c r="DG17" s="530"/>
      <c r="DH17" s="530"/>
      <c r="DI17" s="530"/>
      <c r="DJ17" s="530"/>
      <c r="DK17" s="530"/>
      <c r="DL17" s="530"/>
      <c r="DM17" s="530"/>
      <c r="DN17" s="530"/>
      <c r="DO17" s="530"/>
      <c r="DP17" s="530"/>
      <c r="DQ17" s="530"/>
      <c r="DR17" s="530"/>
      <c r="DS17" s="530"/>
      <c r="DT17" s="530"/>
      <c r="DU17" s="530"/>
      <c r="DV17" s="530"/>
      <c r="DW17" s="530"/>
      <c r="DX17" s="530"/>
      <c r="DY17" s="530"/>
      <c r="DZ17" s="530"/>
      <c r="EA17" s="530"/>
      <c r="EB17" s="530"/>
      <c r="EC17" s="530"/>
      <c r="ED17" s="530"/>
      <c r="EE17" s="530"/>
      <c r="EF17" s="530"/>
      <c r="EG17" s="530"/>
      <c r="EH17" s="530"/>
      <c r="EI17" s="530"/>
      <c r="EJ17" s="530"/>
      <c r="EK17" s="530"/>
      <c r="EL17" s="530"/>
      <c r="EM17" s="530"/>
      <c r="EN17" s="530"/>
      <c r="EO17" s="530"/>
      <c r="EP17" s="530"/>
      <c r="EQ17" s="530"/>
      <c r="ER17" s="530"/>
      <c r="ES17" s="530"/>
      <c r="ET17" s="530"/>
      <c r="EU17" s="530"/>
      <c r="EV17" s="530"/>
      <c r="EW17" s="530"/>
      <c r="EX17" s="530"/>
      <c r="EY17" s="530"/>
      <c r="EZ17" s="530"/>
      <c r="FA17" s="530"/>
      <c r="FB17" s="530"/>
      <c r="FC17" s="530"/>
      <c r="FD17" s="530"/>
      <c r="FE17" s="530"/>
      <c r="FF17" s="530"/>
      <c r="FG17" s="530"/>
      <c r="FH17" s="530"/>
      <c r="FI17" s="530"/>
      <c r="FJ17" s="530"/>
      <c r="FK17" s="530"/>
      <c r="FL17" s="530"/>
      <c r="FM17" s="530"/>
      <c r="FN17" s="530"/>
      <c r="FO17" s="530"/>
      <c r="FP17" s="530"/>
      <c r="FQ17" s="530"/>
      <c r="FR17" s="530"/>
      <c r="FS17" s="530"/>
      <c r="FT17" s="530"/>
      <c r="FU17" s="530"/>
      <c r="FV17" s="530"/>
      <c r="FW17" s="530"/>
      <c r="FX17" s="530"/>
      <c r="FY17" s="530"/>
      <c r="FZ17" s="530"/>
      <c r="GA17" s="530"/>
      <c r="GB17" s="530"/>
      <c r="GC17" s="530"/>
      <c r="GD17" s="530"/>
      <c r="GE17" s="530"/>
      <c r="GF17" s="530"/>
      <c r="GG17" s="530"/>
      <c r="GH17" s="530"/>
      <c r="GI17" s="530"/>
      <c r="GJ17" s="530"/>
      <c r="GK17" s="530"/>
      <c r="GL17" s="530"/>
      <c r="GM17" s="530"/>
      <c r="GN17" s="530"/>
      <c r="GO17" s="530"/>
      <c r="GP17" s="530"/>
      <c r="GQ17" s="530"/>
      <c r="GR17" s="530"/>
      <c r="GS17" s="530"/>
      <c r="GT17" s="530"/>
      <c r="GU17" s="530"/>
      <c r="GV17" s="530"/>
      <c r="GW17" s="530"/>
      <c r="GX17" s="530"/>
      <c r="GY17" s="530"/>
      <c r="GZ17" s="530"/>
      <c r="HA17" s="530"/>
      <c r="HB17" s="530"/>
      <c r="HC17" s="530"/>
      <c r="HD17" s="530"/>
      <c r="HE17" s="530"/>
      <c r="HF17" s="530"/>
      <c r="HG17" s="530"/>
      <c r="HH17" s="530"/>
      <c r="HI17" s="530"/>
      <c r="HJ17" s="530"/>
      <c r="HK17" s="530"/>
      <c r="HL17" s="530"/>
      <c r="HM17" s="530"/>
      <c r="HN17" s="530"/>
      <c r="HO17" s="530"/>
      <c r="HP17" s="530"/>
      <c r="HQ17" s="530"/>
      <c r="HR17" s="530"/>
      <c r="HS17" s="530"/>
      <c r="HT17" s="530"/>
      <c r="HU17" s="530"/>
      <c r="HV17" s="530"/>
      <c r="HW17" s="530"/>
      <c r="HX17" s="530"/>
      <c r="HY17" s="530"/>
      <c r="HZ17" s="530"/>
      <c r="IA17" s="530"/>
      <c r="IB17" s="530"/>
      <c r="IC17" s="530"/>
      <c r="ID17" s="530"/>
      <c r="IE17" s="530"/>
      <c r="IF17" s="530"/>
      <c r="IG17" s="530"/>
      <c r="IH17" s="530"/>
      <c r="II17" s="530"/>
      <c r="IJ17" s="530"/>
      <c r="IK17" s="530"/>
      <c r="IL17" s="530"/>
      <c r="IM17" s="530"/>
      <c r="IN17" s="530"/>
      <c r="IO17" s="530"/>
      <c r="IP17" s="530"/>
      <c r="IQ17" s="530"/>
      <c r="IR17" s="530"/>
      <c r="IS17" s="530"/>
      <c r="IT17" s="530"/>
      <c r="IU17" s="530"/>
      <c r="IV17" s="530"/>
    </row>
    <row r="18" spans="1:256" ht="370.5" customHeight="1" x14ac:dyDescent="0.2">
      <c r="A18" s="534"/>
      <c r="B18" s="534"/>
      <c r="C18" s="534"/>
      <c r="D18" s="534"/>
      <c r="E18" s="534"/>
      <c r="F18" s="534"/>
      <c r="G18" s="534"/>
      <c r="H18" s="534"/>
      <c r="I18" s="534"/>
      <c r="J18" s="534"/>
      <c r="K18" s="534"/>
      <c r="L18" s="535"/>
      <c r="M18" s="534"/>
      <c r="N18" s="536"/>
      <c r="O18" s="537"/>
      <c r="P18" s="537"/>
      <c r="Q18" s="537"/>
      <c r="R18" s="534"/>
      <c r="S18" s="534"/>
      <c r="T18" s="530"/>
      <c r="U18" s="530"/>
      <c r="V18" s="530"/>
      <c r="W18" s="530"/>
      <c r="X18" s="530"/>
      <c r="Y18" s="530"/>
      <c r="Z18" s="530"/>
      <c r="AA18" s="530"/>
      <c r="AB18" s="530"/>
      <c r="AC18" s="530"/>
      <c r="AD18" s="530"/>
      <c r="AE18" s="530"/>
      <c r="AF18" s="530"/>
      <c r="AG18" s="530"/>
      <c r="AH18" s="530"/>
      <c r="AI18" s="530"/>
      <c r="AJ18" s="530"/>
      <c r="AK18" s="530"/>
      <c r="AL18" s="530"/>
      <c r="AM18" s="530"/>
      <c r="AN18" s="530"/>
      <c r="AO18" s="530"/>
      <c r="AP18" s="530"/>
      <c r="AQ18" s="530"/>
      <c r="AR18" s="530"/>
      <c r="AS18" s="530"/>
      <c r="AT18" s="530"/>
      <c r="AU18" s="530"/>
      <c r="AV18" s="530"/>
      <c r="AW18" s="530"/>
      <c r="AX18" s="530"/>
      <c r="AY18" s="530"/>
      <c r="AZ18" s="530"/>
      <c r="BA18" s="530"/>
      <c r="BB18" s="530"/>
      <c r="BC18" s="530"/>
      <c r="BD18" s="530"/>
      <c r="BE18" s="530"/>
      <c r="BF18" s="530"/>
      <c r="BG18" s="530"/>
      <c r="BH18" s="530"/>
      <c r="BI18" s="530"/>
      <c r="BJ18" s="530"/>
      <c r="BK18" s="530"/>
      <c r="BL18" s="530"/>
      <c r="BM18" s="530"/>
      <c r="BN18" s="530"/>
      <c r="BO18" s="530"/>
      <c r="BP18" s="530"/>
      <c r="BQ18" s="530"/>
      <c r="BR18" s="530"/>
      <c r="BS18" s="530"/>
      <c r="BT18" s="530"/>
      <c r="BU18" s="530"/>
      <c r="BV18" s="530"/>
      <c r="BW18" s="530"/>
      <c r="BX18" s="530"/>
      <c r="BY18" s="530"/>
      <c r="BZ18" s="530"/>
      <c r="CA18" s="530"/>
      <c r="CB18" s="530"/>
      <c r="CC18" s="530"/>
      <c r="CD18" s="530"/>
      <c r="CE18" s="530"/>
      <c r="CF18" s="530"/>
      <c r="CG18" s="530"/>
      <c r="CH18" s="530"/>
      <c r="CI18" s="530"/>
      <c r="CJ18" s="530"/>
      <c r="CK18" s="530"/>
      <c r="CL18" s="530"/>
      <c r="CM18" s="530"/>
      <c r="CN18" s="530"/>
      <c r="CO18" s="530"/>
      <c r="CP18" s="530"/>
      <c r="CQ18" s="530"/>
      <c r="CR18" s="530"/>
      <c r="CS18" s="530"/>
      <c r="CT18" s="530"/>
      <c r="CU18" s="530"/>
      <c r="CV18" s="530"/>
      <c r="CW18" s="530"/>
      <c r="CX18" s="530"/>
      <c r="CY18" s="530"/>
      <c r="CZ18" s="530"/>
      <c r="DA18" s="530"/>
      <c r="DB18" s="530"/>
      <c r="DC18" s="530"/>
      <c r="DD18" s="530"/>
      <c r="DE18" s="530"/>
      <c r="DF18" s="530"/>
      <c r="DG18" s="530"/>
      <c r="DH18" s="530"/>
      <c r="DI18" s="530"/>
      <c r="DJ18" s="530"/>
      <c r="DK18" s="530"/>
      <c r="DL18" s="530"/>
      <c r="DM18" s="530"/>
      <c r="DN18" s="530"/>
      <c r="DO18" s="530"/>
      <c r="DP18" s="530"/>
      <c r="DQ18" s="530"/>
      <c r="DR18" s="530"/>
      <c r="DS18" s="530"/>
      <c r="DT18" s="530"/>
      <c r="DU18" s="530"/>
      <c r="DV18" s="530"/>
      <c r="DW18" s="530"/>
      <c r="DX18" s="530"/>
      <c r="DY18" s="530"/>
      <c r="DZ18" s="530"/>
      <c r="EA18" s="530"/>
      <c r="EB18" s="530"/>
      <c r="EC18" s="530"/>
      <c r="ED18" s="530"/>
      <c r="EE18" s="530"/>
      <c r="EF18" s="530"/>
      <c r="EG18" s="530"/>
      <c r="EH18" s="530"/>
      <c r="EI18" s="530"/>
      <c r="EJ18" s="530"/>
      <c r="EK18" s="530"/>
      <c r="EL18" s="530"/>
      <c r="EM18" s="530"/>
      <c r="EN18" s="530"/>
      <c r="EO18" s="530"/>
      <c r="EP18" s="530"/>
      <c r="EQ18" s="530"/>
      <c r="ER18" s="530"/>
      <c r="ES18" s="530"/>
      <c r="ET18" s="530"/>
      <c r="EU18" s="530"/>
      <c r="EV18" s="530"/>
      <c r="EW18" s="530"/>
      <c r="EX18" s="530"/>
      <c r="EY18" s="530"/>
      <c r="EZ18" s="530"/>
      <c r="FA18" s="530"/>
      <c r="FB18" s="530"/>
      <c r="FC18" s="530"/>
      <c r="FD18" s="530"/>
      <c r="FE18" s="530"/>
      <c r="FF18" s="530"/>
      <c r="FG18" s="530"/>
      <c r="FH18" s="530"/>
      <c r="FI18" s="530"/>
      <c r="FJ18" s="530"/>
      <c r="FK18" s="530"/>
      <c r="FL18" s="530"/>
      <c r="FM18" s="530"/>
      <c r="FN18" s="530"/>
      <c r="FO18" s="530"/>
      <c r="FP18" s="530"/>
      <c r="FQ18" s="530"/>
      <c r="FR18" s="530"/>
      <c r="FS18" s="530"/>
      <c r="FT18" s="530"/>
      <c r="FU18" s="530"/>
      <c r="FV18" s="530"/>
      <c r="FW18" s="530"/>
      <c r="FX18" s="530"/>
      <c r="FY18" s="530"/>
      <c r="FZ18" s="530"/>
      <c r="GA18" s="530"/>
      <c r="GB18" s="530"/>
      <c r="GC18" s="530"/>
      <c r="GD18" s="530"/>
      <c r="GE18" s="530"/>
      <c r="GF18" s="530"/>
      <c r="GG18" s="530"/>
      <c r="GH18" s="530"/>
      <c r="GI18" s="530"/>
      <c r="GJ18" s="530"/>
      <c r="GK18" s="530"/>
      <c r="GL18" s="530"/>
      <c r="GM18" s="530"/>
      <c r="GN18" s="530"/>
      <c r="GO18" s="530"/>
      <c r="GP18" s="530"/>
      <c r="GQ18" s="530"/>
      <c r="GR18" s="530"/>
      <c r="GS18" s="530"/>
      <c r="GT18" s="530"/>
      <c r="GU18" s="530"/>
      <c r="GV18" s="530"/>
      <c r="GW18" s="530"/>
      <c r="GX18" s="530"/>
      <c r="GY18" s="530"/>
      <c r="GZ18" s="530"/>
      <c r="HA18" s="530"/>
      <c r="HB18" s="530"/>
      <c r="HC18" s="530"/>
      <c r="HD18" s="530"/>
      <c r="HE18" s="530"/>
      <c r="HF18" s="530"/>
      <c r="HG18" s="530"/>
      <c r="HH18" s="530"/>
      <c r="HI18" s="530"/>
      <c r="HJ18" s="530"/>
      <c r="HK18" s="530"/>
      <c r="HL18" s="530"/>
      <c r="HM18" s="530"/>
      <c r="HN18" s="530"/>
      <c r="HO18" s="530"/>
      <c r="HP18" s="530"/>
      <c r="HQ18" s="530"/>
      <c r="HR18" s="530"/>
      <c r="HS18" s="530"/>
      <c r="HT18" s="530"/>
      <c r="HU18" s="530"/>
      <c r="HV18" s="530"/>
      <c r="HW18" s="530"/>
      <c r="HX18" s="530"/>
      <c r="HY18" s="530"/>
      <c r="HZ18" s="530"/>
      <c r="IA18" s="530"/>
      <c r="IB18" s="530"/>
      <c r="IC18" s="530"/>
      <c r="ID18" s="530"/>
      <c r="IE18" s="530"/>
      <c r="IF18" s="530"/>
      <c r="IG18" s="530"/>
      <c r="IH18" s="530"/>
      <c r="II18" s="530"/>
      <c r="IJ18" s="530"/>
      <c r="IK18" s="530"/>
      <c r="IL18" s="530"/>
      <c r="IM18" s="530"/>
      <c r="IN18" s="530"/>
      <c r="IO18" s="530"/>
      <c r="IP18" s="530"/>
      <c r="IQ18" s="530"/>
      <c r="IR18" s="530"/>
      <c r="IS18" s="530"/>
      <c r="IT18" s="530"/>
      <c r="IU18" s="530"/>
      <c r="IV18" s="530"/>
    </row>
    <row r="19" spans="1:256" ht="301.5" customHeight="1" thickBot="1" x14ac:dyDescent="0.25">
      <c r="A19" s="534"/>
      <c r="B19" s="534"/>
      <c r="C19" s="534"/>
      <c r="D19" s="534"/>
      <c r="E19" s="534"/>
      <c r="F19" s="534"/>
      <c r="G19" s="534"/>
      <c r="H19" s="534"/>
      <c r="I19" s="534"/>
      <c r="J19" s="534"/>
      <c r="K19" s="534"/>
      <c r="L19" s="535"/>
      <c r="M19" s="534"/>
      <c r="N19" s="536"/>
      <c r="O19" s="537"/>
      <c r="P19" s="537"/>
      <c r="Q19" s="537"/>
      <c r="R19" s="534"/>
      <c r="S19" s="534"/>
      <c r="T19" s="530"/>
      <c r="U19" s="530"/>
      <c r="V19" s="530"/>
      <c r="W19" s="530"/>
      <c r="X19" s="530"/>
      <c r="Y19" s="530"/>
      <c r="Z19" s="530"/>
      <c r="AA19" s="530"/>
      <c r="AB19" s="530"/>
      <c r="AC19" s="530"/>
      <c r="AD19" s="530"/>
      <c r="AE19" s="530"/>
      <c r="AF19" s="530"/>
      <c r="AG19" s="530"/>
      <c r="AH19" s="530"/>
      <c r="AI19" s="530"/>
      <c r="AJ19" s="530"/>
      <c r="AK19" s="530"/>
      <c r="AL19" s="530"/>
      <c r="AM19" s="530"/>
      <c r="AN19" s="530"/>
      <c r="AO19" s="530"/>
      <c r="AP19" s="530"/>
      <c r="AQ19" s="530"/>
      <c r="AR19" s="530"/>
      <c r="AS19" s="530"/>
      <c r="AT19" s="530"/>
      <c r="AU19" s="530"/>
      <c r="AV19" s="530"/>
      <c r="AW19" s="530"/>
      <c r="AX19" s="530"/>
      <c r="AY19" s="530"/>
      <c r="AZ19" s="530"/>
      <c r="BA19" s="530"/>
      <c r="BB19" s="530"/>
      <c r="BC19" s="530"/>
      <c r="BD19" s="530"/>
      <c r="BE19" s="530"/>
      <c r="BF19" s="530"/>
      <c r="BG19" s="530"/>
      <c r="BH19" s="530"/>
      <c r="BI19" s="530"/>
      <c r="BJ19" s="530"/>
      <c r="BK19" s="530"/>
      <c r="BL19" s="530"/>
      <c r="BM19" s="530"/>
      <c r="BN19" s="530"/>
      <c r="BO19" s="530"/>
      <c r="BP19" s="530"/>
      <c r="BQ19" s="530"/>
      <c r="BR19" s="530"/>
      <c r="BS19" s="530"/>
      <c r="BT19" s="530"/>
      <c r="BU19" s="530"/>
      <c r="BV19" s="530"/>
      <c r="BW19" s="530"/>
      <c r="BX19" s="530"/>
      <c r="BY19" s="530"/>
      <c r="BZ19" s="530"/>
      <c r="CA19" s="530"/>
      <c r="CB19" s="530"/>
      <c r="CC19" s="530"/>
      <c r="CD19" s="530"/>
      <c r="CE19" s="530"/>
      <c r="CF19" s="530"/>
      <c r="CG19" s="530"/>
      <c r="CH19" s="530"/>
      <c r="CI19" s="530"/>
      <c r="CJ19" s="530"/>
      <c r="CK19" s="530"/>
      <c r="CL19" s="530"/>
      <c r="CM19" s="530"/>
      <c r="CN19" s="530"/>
      <c r="CO19" s="530"/>
      <c r="CP19" s="530"/>
      <c r="CQ19" s="530"/>
      <c r="CR19" s="530"/>
      <c r="CS19" s="530"/>
      <c r="CT19" s="530"/>
      <c r="CU19" s="530"/>
      <c r="CV19" s="530"/>
      <c r="CW19" s="530"/>
      <c r="CX19" s="530"/>
      <c r="CY19" s="530"/>
      <c r="CZ19" s="530"/>
      <c r="DA19" s="530"/>
      <c r="DB19" s="530"/>
      <c r="DC19" s="530"/>
      <c r="DD19" s="530"/>
      <c r="DE19" s="530"/>
      <c r="DF19" s="530"/>
      <c r="DG19" s="530"/>
      <c r="DH19" s="530"/>
      <c r="DI19" s="530"/>
      <c r="DJ19" s="530"/>
      <c r="DK19" s="530"/>
      <c r="DL19" s="530"/>
      <c r="DM19" s="530"/>
      <c r="DN19" s="530"/>
      <c r="DO19" s="530"/>
      <c r="DP19" s="530"/>
      <c r="DQ19" s="530"/>
      <c r="DR19" s="530"/>
      <c r="DS19" s="530"/>
      <c r="DT19" s="530"/>
      <c r="DU19" s="530"/>
      <c r="DV19" s="530"/>
      <c r="DW19" s="530"/>
      <c r="DX19" s="530"/>
      <c r="DY19" s="530"/>
      <c r="DZ19" s="530"/>
      <c r="EA19" s="530"/>
      <c r="EB19" s="530"/>
      <c r="EC19" s="530"/>
      <c r="ED19" s="530"/>
      <c r="EE19" s="530"/>
      <c r="EF19" s="530"/>
      <c r="EG19" s="530"/>
      <c r="EH19" s="530"/>
      <c r="EI19" s="530"/>
      <c r="EJ19" s="530"/>
      <c r="EK19" s="530"/>
      <c r="EL19" s="530"/>
      <c r="EM19" s="530"/>
      <c r="EN19" s="530"/>
      <c r="EO19" s="530"/>
      <c r="EP19" s="530"/>
      <c r="EQ19" s="530"/>
      <c r="ER19" s="530"/>
      <c r="ES19" s="530"/>
      <c r="ET19" s="530"/>
      <c r="EU19" s="530"/>
      <c r="EV19" s="530"/>
      <c r="EW19" s="530"/>
      <c r="EX19" s="530"/>
      <c r="EY19" s="530"/>
      <c r="EZ19" s="530"/>
      <c r="FA19" s="530"/>
      <c r="FB19" s="530"/>
      <c r="FC19" s="530"/>
      <c r="FD19" s="530"/>
      <c r="FE19" s="530"/>
      <c r="FF19" s="530"/>
      <c r="FG19" s="530"/>
      <c r="FH19" s="530"/>
      <c r="FI19" s="530"/>
      <c r="FJ19" s="530"/>
      <c r="FK19" s="530"/>
      <c r="FL19" s="530"/>
      <c r="FM19" s="530"/>
      <c r="FN19" s="530"/>
      <c r="FO19" s="530"/>
      <c r="FP19" s="530"/>
      <c r="FQ19" s="530"/>
      <c r="FR19" s="530"/>
      <c r="FS19" s="530"/>
      <c r="FT19" s="530"/>
      <c r="FU19" s="530"/>
      <c r="FV19" s="530"/>
      <c r="FW19" s="530"/>
      <c r="FX19" s="530"/>
      <c r="FY19" s="530"/>
      <c r="FZ19" s="530"/>
      <c r="GA19" s="530"/>
      <c r="GB19" s="530"/>
      <c r="GC19" s="530"/>
      <c r="GD19" s="530"/>
      <c r="GE19" s="530"/>
      <c r="GF19" s="530"/>
      <c r="GG19" s="530"/>
      <c r="GH19" s="530"/>
      <c r="GI19" s="530"/>
      <c r="GJ19" s="530"/>
      <c r="GK19" s="530"/>
      <c r="GL19" s="530"/>
      <c r="GM19" s="530"/>
      <c r="GN19" s="530"/>
      <c r="GO19" s="530"/>
      <c r="GP19" s="530"/>
      <c r="GQ19" s="530"/>
      <c r="GR19" s="530"/>
      <c r="GS19" s="530"/>
      <c r="GT19" s="530"/>
      <c r="GU19" s="530"/>
      <c r="GV19" s="530"/>
      <c r="GW19" s="530"/>
      <c r="GX19" s="530"/>
      <c r="GY19" s="530"/>
      <c r="GZ19" s="530"/>
      <c r="HA19" s="530"/>
      <c r="HB19" s="530"/>
      <c r="HC19" s="530"/>
      <c r="HD19" s="530"/>
      <c r="HE19" s="530"/>
      <c r="HF19" s="530"/>
      <c r="HG19" s="530"/>
      <c r="HH19" s="530"/>
      <c r="HI19" s="530"/>
      <c r="HJ19" s="530"/>
      <c r="HK19" s="530"/>
      <c r="HL19" s="530"/>
      <c r="HM19" s="530"/>
      <c r="HN19" s="530"/>
      <c r="HO19" s="530"/>
      <c r="HP19" s="530"/>
      <c r="HQ19" s="530"/>
      <c r="HR19" s="530"/>
      <c r="HS19" s="530"/>
      <c r="HT19" s="530"/>
      <c r="HU19" s="530"/>
      <c r="HV19" s="530"/>
      <c r="HW19" s="530"/>
      <c r="HX19" s="530"/>
      <c r="HY19" s="530"/>
      <c r="HZ19" s="530"/>
      <c r="IA19" s="530"/>
      <c r="IB19" s="530"/>
      <c r="IC19" s="530"/>
      <c r="ID19" s="530"/>
      <c r="IE19" s="530"/>
      <c r="IF19" s="530"/>
      <c r="IG19" s="530"/>
      <c r="IH19" s="530"/>
      <c r="II19" s="530"/>
      <c r="IJ19" s="530"/>
      <c r="IK19" s="530"/>
      <c r="IL19" s="530"/>
      <c r="IM19" s="530"/>
      <c r="IN19" s="530"/>
      <c r="IO19" s="530"/>
      <c r="IP19" s="530"/>
      <c r="IQ19" s="530"/>
      <c r="IR19" s="530"/>
      <c r="IS19" s="530"/>
      <c r="IT19" s="530"/>
      <c r="IU19" s="530"/>
      <c r="IV19" s="530"/>
    </row>
    <row r="20" spans="1:256" ht="133.94999999999999" customHeight="1" thickBot="1" x14ac:dyDescent="0.8">
      <c r="A20" s="547"/>
      <c r="B20" s="548" t="s">
        <v>12</v>
      </c>
      <c r="C20" s="549"/>
      <c r="D20" s="549"/>
      <c r="E20" s="549"/>
      <c r="F20" s="549"/>
      <c r="G20" s="549"/>
      <c r="H20" s="549"/>
      <c r="I20" s="550" t="str">
        <f>IF('[1]表紙（定期報告）'!AC22 = "","",'[1]表紙（定期報告）'!AC22)</f>
        <v/>
      </c>
      <c r="J20" s="549"/>
      <c r="K20" s="549"/>
      <c r="L20" s="551"/>
      <c r="M20" s="552"/>
      <c r="N20" s="24" t="s">
        <v>13</v>
      </c>
      <c r="O20" s="553"/>
      <c r="P20" s="553"/>
      <c r="Q20" s="554"/>
      <c r="R20" s="547"/>
      <c r="S20" s="555" t="s">
        <v>216</v>
      </c>
      <c r="T20" s="530"/>
      <c r="U20" s="530"/>
      <c r="V20" s="530"/>
      <c r="W20" s="530"/>
      <c r="X20" s="530"/>
      <c r="Y20" s="530"/>
      <c r="Z20" s="530"/>
      <c r="AA20" s="530"/>
      <c r="AB20" s="530"/>
      <c r="AC20" s="530"/>
      <c r="AD20" s="530"/>
      <c r="AE20" s="530"/>
      <c r="AF20" s="530"/>
      <c r="AG20" s="530"/>
      <c r="AH20" s="530"/>
      <c r="AI20" s="530"/>
      <c r="AJ20" s="530"/>
      <c r="AK20" s="530"/>
      <c r="AL20" s="530"/>
      <c r="AM20" s="530"/>
      <c r="AN20" s="530"/>
      <c r="AO20" s="530"/>
      <c r="AP20" s="530"/>
      <c r="AQ20" s="530"/>
      <c r="AR20" s="530"/>
      <c r="AS20" s="530"/>
      <c r="AT20" s="530"/>
      <c r="AU20" s="530"/>
      <c r="AV20" s="530"/>
      <c r="AW20" s="530"/>
      <c r="AX20" s="530"/>
      <c r="AY20" s="530"/>
      <c r="AZ20" s="530"/>
      <c r="BA20" s="530"/>
      <c r="BB20" s="530"/>
      <c r="BC20" s="530"/>
      <c r="BD20" s="530"/>
      <c r="BE20" s="530"/>
      <c r="BF20" s="530"/>
      <c r="BG20" s="530"/>
      <c r="BH20" s="530"/>
      <c r="BI20" s="530"/>
      <c r="BJ20" s="530"/>
      <c r="BK20" s="530"/>
      <c r="BL20" s="530"/>
      <c r="BM20" s="530"/>
      <c r="BN20" s="530"/>
      <c r="BO20" s="530"/>
      <c r="BP20" s="530"/>
      <c r="BQ20" s="530"/>
      <c r="BR20" s="530"/>
      <c r="BS20" s="530"/>
      <c r="BT20" s="530"/>
      <c r="BU20" s="530"/>
      <c r="BV20" s="530"/>
      <c r="BW20" s="530"/>
      <c r="BX20" s="530"/>
      <c r="BY20" s="530"/>
      <c r="BZ20" s="530"/>
      <c r="CA20" s="530"/>
      <c r="CB20" s="530"/>
      <c r="CC20" s="530"/>
      <c r="CD20" s="530"/>
      <c r="CE20" s="530"/>
      <c r="CF20" s="530"/>
      <c r="CG20" s="530"/>
      <c r="CH20" s="530"/>
      <c r="CI20" s="530"/>
      <c r="CJ20" s="530"/>
      <c r="CK20" s="530"/>
      <c r="CL20" s="530"/>
      <c r="CM20" s="530"/>
      <c r="CN20" s="530"/>
      <c r="CO20" s="530"/>
      <c r="CP20" s="530"/>
      <c r="CQ20" s="530"/>
      <c r="CR20" s="530"/>
      <c r="CS20" s="530"/>
      <c r="CT20" s="530"/>
      <c r="CU20" s="530"/>
      <c r="CV20" s="530"/>
      <c r="CW20" s="530"/>
      <c r="CX20" s="530"/>
      <c r="CY20" s="530"/>
      <c r="CZ20" s="530"/>
      <c r="DA20" s="530"/>
      <c r="DB20" s="530"/>
      <c r="DC20" s="530"/>
      <c r="DD20" s="530"/>
      <c r="DE20" s="530"/>
      <c r="DF20" s="530"/>
      <c r="DG20" s="530"/>
      <c r="DH20" s="530"/>
      <c r="DI20" s="530"/>
      <c r="DJ20" s="530"/>
      <c r="DK20" s="530"/>
      <c r="DL20" s="530"/>
      <c r="DM20" s="530"/>
      <c r="DN20" s="530"/>
      <c r="DO20" s="530"/>
      <c r="DP20" s="530"/>
      <c r="DQ20" s="530"/>
      <c r="DR20" s="530"/>
      <c r="DS20" s="530"/>
      <c r="DT20" s="530"/>
      <c r="DU20" s="530"/>
      <c r="DV20" s="530"/>
      <c r="DW20" s="530"/>
      <c r="DX20" s="530"/>
      <c r="DY20" s="530"/>
      <c r="DZ20" s="530"/>
      <c r="EA20" s="530"/>
      <c r="EB20" s="530"/>
      <c r="EC20" s="530"/>
      <c r="ED20" s="530"/>
      <c r="EE20" s="530"/>
      <c r="EF20" s="530"/>
      <c r="EG20" s="530"/>
      <c r="EH20" s="530"/>
      <c r="EI20" s="530"/>
      <c r="EJ20" s="530"/>
      <c r="EK20" s="530"/>
      <c r="EL20" s="530"/>
      <c r="EM20" s="530"/>
      <c r="EN20" s="530"/>
      <c r="EO20" s="530"/>
      <c r="EP20" s="530"/>
      <c r="EQ20" s="530"/>
      <c r="ER20" s="530"/>
      <c r="ES20" s="530"/>
      <c r="ET20" s="530"/>
      <c r="EU20" s="530"/>
      <c r="EV20" s="530"/>
      <c r="EW20" s="530"/>
      <c r="EX20" s="530"/>
      <c r="EY20" s="530"/>
      <c r="EZ20" s="530"/>
      <c r="FA20" s="530"/>
      <c r="FB20" s="530"/>
      <c r="FC20" s="530"/>
      <c r="FD20" s="530"/>
      <c r="FE20" s="530"/>
      <c r="FF20" s="530"/>
      <c r="FG20" s="530"/>
      <c r="FH20" s="530"/>
      <c r="FI20" s="530"/>
      <c r="FJ20" s="530"/>
      <c r="FK20" s="530"/>
      <c r="FL20" s="530"/>
      <c r="FM20" s="530"/>
      <c r="FN20" s="530"/>
      <c r="FO20" s="530"/>
      <c r="FP20" s="530"/>
      <c r="FQ20" s="530"/>
      <c r="FR20" s="530"/>
      <c r="FS20" s="530"/>
      <c r="FT20" s="530"/>
      <c r="FU20" s="530"/>
      <c r="FV20" s="530"/>
      <c r="FW20" s="530"/>
      <c r="FX20" s="530"/>
      <c r="FY20" s="530"/>
      <c r="FZ20" s="530"/>
      <c r="GA20" s="530"/>
      <c r="GB20" s="530"/>
      <c r="GC20" s="530"/>
      <c r="GD20" s="530"/>
      <c r="GE20" s="530"/>
      <c r="GF20" s="530"/>
      <c r="GG20" s="530"/>
      <c r="GH20" s="530"/>
      <c r="GI20" s="530"/>
      <c r="GJ20" s="530"/>
      <c r="GK20" s="530"/>
      <c r="GL20" s="530"/>
      <c r="GM20" s="530"/>
      <c r="GN20" s="530"/>
      <c r="GO20" s="530"/>
      <c r="GP20" s="530"/>
      <c r="GQ20" s="530"/>
      <c r="GR20" s="530"/>
      <c r="GS20" s="530"/>
      <c r="GT20" s="530"/>
      <c r="GU20" s="530"/>
      <c r="GV20" s="530"/>
      <c r="GW20" s="530"/>
      <c r="GX20" s="530"/>
      <c r="GY20" s="530"/>
      <c r="GZ20" s="530"/>
      <c r="HA20" s="530"/>
      <c r="HB20" s="530"/>
      <c r="HC20" s="530"/>
      <c r="HD20" s="530"/>
      <c r="HE20" s="530"/>
      <c r="HF20" s="530"/>
      <c r="HG20" s="530"/>
      <c r="HH20" s="530"/>
      <c r="HI20" s="530"/>
      <c r="HJ20" s="530"/>
      <c r="HK20" s="530"/>
      <c r="HL20" s="530"/>
      <c r="HM20" s="530"/>
      <c r="HN20" s="530"/>
      <c r="HO20" s="530"/>
      <c r="HP20" s="530"/>
      <c r="HQ20" s="530"/>
      <c r="HR20" s="530"/>
      <c r="HS20" s="530"/>
      <c r="HT20" s="530"/>
      <c r="HU20" s="530"/>
      <c r="HV20" s="530"/>
      <c r="HW20" s="530"/>
      <c r="HX20" s="530"/>
      <c r="HY20" s="530"/>
      <c r="HZ20" s="530"/>
      <c r="IA20" s="530"/>
      <c r="IB20" s="530"/>
      <c r="IC20" s="530"/>
      <c r="ID20" s="530"/>
      <c r="IE20" s="530"/>
      <c r="IF20" s="530"/>
      <c r="IG20" s="530"/>
      <c r="IH20" s="530"/>
      <c r="II20" s="530"/>
      <c r="IJ20" s="530"/>
      <c r="IK20" s="530"/>
      <c r="IL20" s="530"/>
      <c r="IM20" s="530"/>
      <c r="IN20" s="530"/>
      <c r="IO20" s="530"/>
      <c r="IP20" s="530"/>
      <c r="IQ20" s="530"/>
      <c r="IR20" s="530"/>
      <c r="IS20" s="530"/>
      <c r="IT20" s="530"/>
      <c r="IU20" s="530"/>
      <c r="IV20" s="530"/>
    </row>
    <row r="21" spans="1:256" ht="39" customHeight="1" x14ac:dyDescent="0.45">
      <c r="A21" s="547"/>
      <c r="B21" s="547"/>
      <c r="C21" s="547"/>
      <c r="D21" s="547"/>
      <c r="E21" s="547"/>
      <c r="F21" s="547"/>
      <c r="G21" s="547"/>
      <c r="H21" s="547"/>
      <c r="I21" s="547"/>
      <c r="J21" s="547"/>
      <c r="K21" s="547"/>
      <c r="L21" s="551"/>
      <c r="M21" s="28" t="s">
        <v>15</v>
      </c>
      <c r="N21" s="556"/>
      <c r="O21" s="557"/>
      <c r="P21" s="557"/>
      <c r="Q21" s="557"/>
      <c r="R21" s="547"/>
      <c r="S21" s="547"/>
      <c r="T21" s="530"/>
      <c r="U21" s="530"/>
      <c r="V21" s="530"/>
      <c r="W21" s="530"/>
      <c r="X21" s="530"/>
      <c r="Y21" s="530"/>
      <c r="Z21" s="530"/>
      <c r="AA21" s="530"/>
      <c r="AB21" s="530"/>
      <c r="AC21" s="530"/>
      <c r="AD21" s="530"/>
      <c r="AE21" s="530"/>
      <c r="AF21" s="530"/>
      <c r="AG21" s="530"/>
      <c r="AH21" s="530"/>
      <c r="AI21" s="530"/>
      <c r="AJ21" s="530"/>
      <c r="AK21" s="530"/>
      <c r="AL21" s="530"/>
      <c r="AM21" s="530"/>
      <c r="AN21" s="530"/>
      <c r="AO21" s="530"/>
      <c r="AP21" s="530"/>
      <c r="AQ21" s="530"/>
      <c r="AR21" s="530"/>
      <c r="AS21" s="530"/>
      <c r="AT21" s="530"/>
      <c r="AU21" s="530"/>
      <c r="AV21" s="530"/>
      <c r="AW21" s="530"/>
      <c r="AX21" s="530"/>
      <c r="AY21" s="530"/>
      <c r="AZ21" s="530"/>
      <c r="BA21" s="530"/>
      <c r="BB21" s="530"/>
      <c r="BC21" s="530"/>
      <c r="BD21" s="530"/>
      <c r="BE21" s="530"/>
      <c r="BF21" s="530"/>
      <c r="BG21" s="530"/>
      <c r="BH21" s="530"/>
      <c r="BI21" s="530"/>
      <c r="BJ21" s="530"/>
      <c r="BK21" s="530"/>
      <c r="BL21" s="530"/>
      <c r="BM21" s="530"/>
      <c r="BN21" s="530"/>
      <c r="BO21" s="530"/>
      <c r="BP21" s="530"/>
      <c r="BQ21" s="530"/>
      <c r="BR21" s="530"/>
      <c r="BS21" s="530"/>
      <c r="BT21" s="530"/>
      <c r="BU21" s="530"/>
      <c r="BV21" s="530"/>
      <c r="BW21" s="530"/>
      <c r="BX21" s="530"/>
      <c r="BY21" s="530"/>
      <c r="BZ21" s="530"/>
      <c r="CA21" s="530"/>
      <c r="CB21" s="530"/>
      <c r="CC21" s="530"/>
      <c r="CD21" s="530"/>
      <c r="CE21" s="530"/>
      <c r="CF21" s="530"/>
      <c r="CG21" s="530"/>
      <c r="CH21" s="530"/>
      <c r="CI21" s="530"/>
      <c r="CJ21" s="530"/>
      <c r="CK21" s="530"/>
      <c r="CL21" s="530"/>
      <c r="CM21" s="530"/>
      <c r="CN21" s="530"/>
      <c r="CO21" s="530"/>
      <c r="CP21" s="530"/>
      <c r="CQ21" s="530"/>
      <c r="CR21" s="530"/>
      <c r="CS21" s="530"/>
      <c r="CT21" s="530"/>
      <c r="CU21" s="530"/>
      <c r="CV21" s="530"/>
      <c r="CW21" s="530"/>
      <c r="CX21" s="530"/>
      <c r="CY21" s="530"/>
      <c r="CZ21" s="530"/>
      <c r="DA21" s="530"/>
      <c r="DB21" s="530"/>
      <c r="DC21" s="530"/>
      <c r="DD21" s="530"/>
      <c r="DE21" s="530"/>
      <c r="DF21" s="530"/>
      <c r="DG21" s="530"/>
      <c r="DH21" s="530"/>
      <c r="DI21" s="530"/>
      <c r="DJ21" s="530"/>
      <c r="DK21" s="530"/>
      <c r="DL21" s="530"/>
      <c r="DM21" s="530"/>
      <c r="DN21" s="530"/>
      <c r="DO21" s="530"/>
      <c r="DP21" s="530"/>
      <c r="DQ21" s="530"/>
      <c r="DR21" s="530"/>
      <c r="DS21" s="530"/>
      <c r="DT21" s="530"/>
      <c r="DU21" s="530"/>
      <c r="DV21" s="530"/>
      <c r="DW21" s="530"/>
      <c r="DX21" s="530"/>
      <c r="DY21" s="530"/>
      <c r="DZ21" s="530"/>
      <c r="EA21" s="530"/>
      <c r="EB21" s="530"/>
      <c r="EC21" s="530"/>
      <c r="ED21" s="530"/>
      <c r="EE21" s="530"/>
      <c r="EF21" s="530"/>
      <c r="EG21" s="530"/>
      <c r="EH21" s="530"/>
      <c r="EI21" s="530"/>
      <c r="EJ21" s="530"/>
      <c r="EK21" s="530"/>
      <c r="EL21" s="530"/>
      <c r="EM21" s="530"/>
      <c r="EN21" s="530"/>
      <c r="EO21" s="530"/>
      <c r="EP21" s="530"/>
      <c r="EQ21" s="530"/>
      <c r="ER21" s="530"/>
      <c r="ES21" s="530"/>
      <c r="ET21" s="530"/>
      <c r="EU21" s="530"/>
      <c r="EV21" s="530"/>
      <c r="EW21" s="530"/>
      <c r="EX21" s="530"/>
      <c r="EY21" s="530"/>
      <c r="EZ21" s="530"/>
      <c r="FA21" s="530"/>
      <c r="FB21" s="530"/>
      <c r="FC21" s="530"/>
      <c r="FD21" s="530"/>
      <c r="FE21" s="530"/>
      <c r="FF21" s="530"/>
      <c r="FG21" s="530"/>
      <c r="FH21" s="530"/>
      <c r="FI21" s="530"/>
      <c r="FJ21" s="530"/>
      <c r="FK21" s="530"/>
      <c r="FL21" s="530"/>
      <c r="FM21" s="530"/>
      <c r="FN21" s="530"/>
      <c r="FO21" s="530"/>
      <c r="FP21" s="530"/>
      <c r="FQ21" s="530"/>
      <c r="FR21" s="530"/>
      <c r="FS21" s="530"/>
      <c r="FT21" s="530"/>
      <c r="FU21" s="530"/>
      <c r="FV21" s="530"/>
      <c r="FW21" s="530"/>
      <c r="FX21" s="530"/>
      <c r="FY21" s="530"/>
      <c r="FZ21" s="530"/>
      <c r="GA21" s="530"/>
      <c r="GB21" s="530"/>
      <c r="GC21" s="530"/>
      <c r="GD21" s="530"/>
      <c r="GE21" s="530"/>
      <c r="GF21" s="530"/>
      <c r="GG21" s="530"/>
      <c r="GH21" s="530"/>
      <c r="GI21" s="530"/>
      <c r="GJ21" s="530"/>
      <c r="GK21" s="530"/>
      <c r="GL21" s="530"/>
      <c r="GM21" s="530"/>
      <c r="GN21" s="530"/>
      <c r="GO21" s="530"/>
      <c r="GP21" s="530"/>
      <c r="GQ21" s="530"/>
      <c r="GR21" s="530"/>
      <c r="GS21" s="530"/>
      <c r="GT21" s="530"/>
      <c r="GU21" s="530"/>
      <c r="GV21" s="530"/>
      <c r="GW21" s="530"/>
      <c r="GX21" s="530"/>
      <c r="GY21" s="530"/>
      <c r="GZ21" s="530"/>
      <c r="HA21" s="530"/>
      <c r="HB21" s="530"/>
      <c r="HC21" s="530"/>
      <c r="HD21" s="530"/>
      <c r="HE21" s="530"/>
      <c r="HF21" s="530"/>
      <c r="HG21" s="530"/>
      <c r="HH21" s="530"/>
      <c r="HI21" s="530"/>
      <c r="HJ21" s="530"/>
      <c r="HK21" s="530"/>
      <c r="HL21" s="530"/>
      <c r="HM21" s="530"/>
      <c r="HN21" s="530"/>
      <c r="HO21" s="530"/>
      <c r="HP21" s="530"/>
      <c r="HQ21" s="530"/>
      <c r="HR21" s="530"/>
      <c r="HS21" s="530"/>
      <c r="HT21" s="530"/>
      <c r="HU21" s="530"/>
      <c r="HV21" s="530"/>
      <c r="HW21" s="530"/>
      <c r="HX21" s="530"/>
      <c r="HY21" s="530"/>
      <c r="HZ21" s="530"/>
      <c r="IA21" s="530"/>
      <c r="IB21" s="530"/>
      <c r="IC21" s="530"/>
      <c r="ID21" s="530"/>
      <c r="IE21" s="530"/>
      <c r="IF21" s="530"/>
      <c r="IG21" s="530"/>
      <c r="IH21" s="530"/>
      <c r="II21" s="530"/>
      <c r="IJ21" s="530"/>
      <c r="IK21" s="530"/>
      <c r="IL21" s="530"/>
      <c r="IM21" s="530"/>
      <c r="IN21" s="530"/>
      <c r="IO21" s="530"/>
      <c r="IP21" s="530"/>
      <c r="IQ21" s="530"/>
      <c r="IR21" s="530"/>
      <c r="IS21" s="530"/>
      <c r="IT21" s="530"/>
      <c r="IU21" s="530"/>
      <c r="IV21" s="530"/>
    </row>
    <row r="22" spans="1:256" ht="19.2" customHeight="1" thickBot="1" x14ac:dyDescent="0.8">
      <c r="A22" s="547"/>
      <c r="B22" s="547"/>
      <c r="C22" s="547"/>
      <c r="D22" s="547"/>
      <c r="E22" s="547"/>
      <c r="F22" s="547"/>
      <c r="G22" s="547"/>
      <c r="H22" s="547"/>
      <c r="I22" s="547"/>
      <c r="J22" s="547"/>
      <c r="K22" s="547"/>
      <c r="L22" s="551"/>
      <c r="M22" s="552"/>
      <c r="N22" s="556"/>
      <c r="O22" s="557"/>
      <c r="P22" s="557"/>
      <c r="Q22" s="557"/>
      <c r="R22" s="547"/>
      <c r="S22" s="547"/>
      <c r="T22" s="530"/>
      <c r="U22" s="530"/>
      <c r="V22" s="530"/>
      <c r="W22" s="530"/>
      <c r="X22" s="530"/>
      <c r="Y22" s="530"/>
      <c r="Z22" s="530"/>
      <c r="AA22" s="530"/>
      <c r="AB22" s="530"/>
      <c r="AC22" s="530"/>
      <c r="AD22" s="530"/>
      <c r="AE22" s="530"/>
      <c r="AF22" s="530"/>
      <c r="AG22" s="530"/>
      <c r="AH22" s="530"/>
      <c r="AI22" s="530"/>
      <c r="AJ22" s="530"/>
      <c r="AK22" s="530"/>
      <c r="AL22" s="530"/>
      <c r="AM22" s="530"/>
      <c r="AN22" s="530"/>
      <c r="AO22" s="530"/>
      <c r="AP22" s="530"/>
      <c r="AQ22" s="530"/>
      <c r="AR22" s="530"/>
      <c r="AS22" s="530"/>
      <c r="AT22" s="530"/>
      <c r="AU22" s="530"/>
      <c r="AV22" s="530"/>
      <c r="AW22" s="530"/>
      <c r="AX22" s="530"/>
      <c r="AY22" s="530"/>
      <c r="AZ22" s="530"/>
      <c r="BA22" s="530"/>
      <c r="BB22" s="530"/>
      <c r="BC22" s="530"/>
      <c r="BD22" s="530"/>
      <c r="BE22" s="530"/>
      <c r="BF22" s="530"/>
      <c r="BG22" s="530"/>
      <c r="BH22" s="530"/>
      <c r="BI22" s="530"/>
      <c r="BJ22" s="530"/>
      <c r="BK22" s="530"/>
      <c r="BL22" s="530"/>
      <c r="BM22" s="530"/>
      <c r="BN22" s="530"/>
      <c r="BO22" s="530"/>
      <c r="BP22" s="530"/>
      <c r="BQ22" s="530"/>
      <c r="BR22" s="530"/>
      <c r="BS22" s="530"/>
      <c r="BT22" s="530"/>
      <c r="BU22" s="530"/>
      <c r="BV22" s="530"/>
      <c r="BW22" s="530"/>
      <c r="BX22" s="530"/>
      <c r="BY22" s="530"/>
      <c r="BZ22" s="530"/>
      <c r="CA22" s="530"/>
      <c r="CB22" s="530"/>
      <c r="CC22" s="530"/>
      <c r="CD22" s="530"/>
      <c r="CE22" s="530"/>
      <c r="CF22" s="530"/>
      <c r="CG22" s="530"/>
      <c r="CH22" s="530"/>
      <c r="CI22" s="530"/>
      <c r="CJ22" s="530"/>
      <c r="CK22" s="530"/>
      <c r="CL22" s="530"/>
      <c r="CM22" s="530"/>
      <c r="CN22" s="530"/>
      <c r="CO22" s="530"/>
      <c r="CP22" s="530"/>
      <c r="CQ22" s="530"/>
      <c r="CR22" s="530"/>
      <c r="CS22" s="530"/>
      <c r="CT22" s="530"/>
      <c r="CU22" s="530"/>
      <c r="CV22" s="530"/>
      <c r="CW22" s="530"/>
      <c r="CX22" s="530"/>
      <c r="CY22" s="530"/>
      <c r="CZ22" s="530"/>
      <c r="DA22" s="530"/>
      <c r="DB22" s="530"/>
      <c r="DC22" s="530"/>
      <c r="DD22" s="530"/>
      <c r="DE22" s="530"/>
      <c r="DF22" s="530"/>
      <c r="DG22" s="530"/>
      <c r="DH22" s="530"/>
      <c r="DI22" s="530"/>
      <c r="DJ22" s="530"/>
      <c r="DK22" s="530"/>
      <c r="DL22" s="530"/>
      <c r="DM22" s="530"/>
      <c r="DN22" s="530"/>
      <c r="DO22" s="530"/>
      <c r="DP22" s="530"/>
      <c r="DQ22" s="530"/>
      <c r="DR22" s="530"/>
      <c r="DS22" s="530"/>
      <c r="DT22" s="530"/>
      <c r="DU22" s="530"/>
      <c r="DV22" s="530"/>
      <c r="DW22" s="530"/>
      <c r="DX22" s="530"/>
      <c r="DY22" s="530"/>
      <c r="DZ22" s="530"/>
      <c r="EA22" s="530"/>
      <c r="EB22" s="530"/>
      <c r="EC22" s="530"/>
      <c r="ED22" s="530"/>
      <c r="EE22" s="530"/>
      <c r="EF22" s="530"/>
      <c r="EG22" s="530"/>
      <c r="EH22" s="530"/>
      <c r="EI22" s="530"/>
      <c r="EJ22" s="530"/>
      <c r="EK22" s="530"/>
      <c r="EL22" s="530"/>
      <c r="EM22" s="530"/>
      <c r="EN22" s="530"/>
      <c r="EO22" s="530"/>
      <c r="EP22" s="530"/>
      <c r="EQ22" s="530"/>
      <c r="ER22" s="530"/>
      <c r="ES22" s="530"/>
      <c r="ET22" s="530"/>
      <c r="EU22" s="530"/>
      <c r="EV22" s="530"/>
      <c r="EW22" s="530"/>
      <c r="EX22" s="530"/>
      <c r="EY22" s="530"/>
      <c r="EZ22" s="530"/>
      <c r="FA22" s="530"/>
      <c r="FB22" s="530"/>
      <c r="FC22" s="530"/>
      <c r="FD22" s="530"/>
      <c r="FE22" s="530"/>
      <c r="FF22" s="530"/>
      <c r="FG22" s="530"/>
      <c r="FH22" s="530"/>
      <c r="FI22" s="530"/>
      <c r="FJ22" s="530"/>
      <c r="FK22" s="530"/>
      <c r="FL22" s="530"/>
      <c r="FM22" s="530"/>
      <c r="FN22" s="530"/>
      <c r="FO22" s="530"/>
      <c r="FP22" s="530"/>
      <c r="FQ22" s="530"/>
      <c r="FR22" s="530"/>
      <c r="FS22" s="530"/>
      <c r="FT22" s="530"/>
      <c r="FU22" s="530"/>
      <c r="FV22" s="530"/>
      <c r="FW22" s="530"/>
      <c r="FX22" s="530"/>
      <c r="FY22" s="530"/>
      <c r="FZ22" s="530"/>
      <c r="GA22" s="530"/>
      <c r="GB22" s="530"/>
      <c r="GC22" s="530"/>
      <c r="GD22" s="530"/>
      <c r="GE22" s="530"/>
      <c r="GF22" s="530"/>
      <c r="GG22" s="530"/>
      <c r="GH22" s="530"/>
      <c r="GI22" s="530"/>
      <c r="GJ22" s="530"/>
      <c r="GK22" s="530"/>
      <c r="GL22" s="530"/>
      <c r="GM22" s="530"/>
      <c r="GN22" s="530"/>
      <c r="GO22" s="530"/>
      <c r="GP22" s="530"/>
      <c r="GQ22" s="530"/>
      <c r="GR22" s="530"/>
      <c r="GS22" s="530"/>
      <c r="GT22" s="530"/>
      <c r="GU22" s="530"/>
      <c r="GV22" s="530"/>
      <c r="GW22" s="530"/>
      <c r="GX22" s="530"/>
      <c r="GY22" s="530"/>
      <c r="GZ22" s="530"/>
      <c r="HA22" s="530"/>
      <c r="HB22" s="530"/>
      <c r="HC22" s="530"/>
      <c r="HD22" s="530"/>
      <c r="HE22" s="530"/>
      <c r="HF22" s="530"/>
      <c r="HG22" s="530"/>
      <c r="HH22" s="530"/>
      <c r="HI22" s="530"/>
      <c r="HJ22" s="530"/>
      <c r="HK22" s="530"/>
      <c r="HL22" s="530"/>
      <c r="HM22" s="530"/>
      <c r="HN22" s="530"/>
      <c r="HO22" s="530"/>
      <c r="HP22" s="530"/>
      <c r="HQ22" s="530"/>
      <c r="HR22" s="530"/>
      <c r="HS22" s="530"/>
      <c r="HT22" s="530"/>
      <c r="HU22" s="530"/>
      <c r="HV22" s="530"/>
      <c r="HW22" s="530"/>
      <c r="HX22" s="530"/>
      <c r="HY22" s="530"/>
      <c r="HZ22" s="530"/>
      <c r="IA22" s="530"/>
      <c r="IB22" s="530"/>
      <c r="IC22" s="530"/>
      <c r="ID22" s="530"/>
      <c r="IE22" s="530"/>
      <c r="IF22" s="530"/>
      <c r="IG22" s="530"/>
      <c r="IH22" s="530"/>
      <c r="II22" s="530"/>
      <c r="IJ22" s="530"/>
      <c r="IK22" s="530"/>
      <c r="IL22" s="530"/>
      <c r="IM22" s="530"/>
      <c r="IN22" s="530"/>
      <c r="IO22" s="530"/>
      <c r="IP22" s="530"/>
      <c r="IQ22" s="530"/>
      <c r="IR22" s="530"/>
      <c r="IS22" s="530"/>
      <c r="IT22" s="530"/>
      <c r="IU22" s="530"/>
      <c r="IV22" s="530"/>
    </row>
    <row r="23" spans="1:256" s="546" customFormat="1" ht="69.900000000000006" customHeight="1" thickBot="1" x14ac:dyDescent="0.25">
      <c r="A23" s="558" t="s">
        <v>217</v>
      </c>
      <c r="B23" s="559"/>
      <c r="C23" s="559"/>
      <c r="D23" s="559"/>
      <c r="E23" s="559"/>
      <c r="F23" s="559"/>
      <c r="G23" s="559"/>
      <c r="H23" s="559"/>
      <c r="I23" s="559"/>
      <c r="J23" s="559"/>
      <c r="K23" s="559"/>
      <c r="L23" s="559"/>
      <c r="M23" s="559"/>
      <c r="N23" s="559"/>
      <c r="O23" s="559"/>
      <c r="P23" s="559"/>
      <c r="Q23" s="560"/>
      <c r="R23" s="561"/>
      <c r="S23" s="562" t="s">
        <v>17</v>
      </c>
    </row>
    <row r="24" spans="1:256" s="546" customFormat="1" ht="69.900000000000006" customHeight="1" thickBot="1" x14ac:dyDescent="0.25">
      <c r="A24" s="563" t="s">
        <v>218</v>
      </c>
      <c r="B24" s="564"/>
      <c r="C24" s="564"/>
      <c r="D24" s="564"/>
      <c r="E24" s="564"/>
      <c r="F24" s="564"/>
      <c r="G24" s="564"/>
      <c r="H24" s="564"/>
      <c r="I24" s="564"/>
      <c r="J24" s="564"/>
      <c r="K24" s="564"/>
      <c r="L24" s="564"/>
      <c r="M24" s="564"/>
      <c r="N24" s="564"/>
      <c r="O24" s="564"/>
      <c r="P24" s="564"/>
      <c r="Q24" s="565"/>
      <c r="R24" s="561"/>
      <c r="S24" s="562"/>
    </row>
    <row r="25" spans="1:256" s="570" customFormat="1" ht="345" customHeight="1" thickTop="1" thickBot="1" x14ac:dyDescent="0.25">
      <c r="A25" s="566" t="s">
        <v>219</v>
      </c>
      <c r="B25" s="567"/>
      <c r="C25" s="567"/>
      <c r="D25" s="567"/>
      <c r="E25" s="567"/>
      <c r="F25" s="567"/>
      <c r="G25" s="567"/>
      <c r="H25" s="567"/>
      <c r="I25" s="567"/>
      <c r="J25" s="567"/>
      <c r="K25" s="567"/>
      <c r="L25" s="568"/>
      <c r="M25" s="567"/>
      <c r="N25" s="567"/>
      <c r="O25" s="53" t="s">
        <v>20</v>
      </c>
      <c r="P25" s="53" t="s">
        <v>21</v>
      </c>
      <c r="Q25" s="54" t="s">
        <v>22</v>
      </c>
      <c r="R25" s="561"/>
      <c r="S25" s="569"/>
    </row>
    <row r="26" spans="1:256" s="570" customFormat="1" ht="242.4" customHeight="1" thickTop="1" thickBot="1" x14ac:dyDescent="0.25">
      <c r="A26" s="571" t="s">
        <v>23</v>
      </c>
      <c r="B26" s="572"/>
      <c r="C26" s="572"/>
      <c r="D26" s="572"/>
      <c r="E26" s="572"/>
      <c r="F26" s="572"/>
      <c r="G26" s="572"/>
      <c r="H26" s="572"/>
      <c r="I26" s="572"/>
      <c r="J26" s="572"/>
      <c r="K26" s="572"/>
      <c r="L26" s="231"/>
      <c r="M26" s="572"/>
      <c r="N26" s="572"/>
      <c r="O26" s="53" t="s">
        <v>24</v>
      </c>
      <c r="P26" s="61" t="s">
        <v>25</v>
      </c>
      <c r="Q26" s="62" t="s">
        <v>22</v>
      </c>
      <c r="R26" s="561"/>
      <c r="S26" s="569"/>
    </row>
    <row r="27" spans="1:256" s="570" customFormat="1" ht="228.6" customHeight="1" thickTop="1" thickBot="1" x14ac:dyDescent="0.25">
      <c r="A27" s="573" t="s">
        <v>220</v>
      </c>
      <c r="B27" s="183"/>
      <c r="C27" s="183"/>
      <c r="D27" s="183"/>
      <c r="E27" s="183"/>
      <c r="F27" s="183"/>
      <c r="G27" s="183"/>
      <c r="H27" s="183"/>
      <c r="I27" s="183"/>
      <c r="J27" s="183"/>
      <c r="K27" s="183"/>
      <c r="L27" s="184"/>
      <c r="M27" s="183"/>
      <c r="N27" s="574" t="s">
        <v>27</v>
      </c>
      <c r="O27" s="67" t="s">
        <v>20</v>
      </c>
      <c r="P27" s="68" t="s">
        <v>25</v>
      </c>
      <c r="Q27" s="69" t="s">
        <v>22</v>
      </c>
      <c r="R27" s="561"/>
      <c r="S27" s="569"/>
    </row>
    <row r="28" spans="1:256" s="546" customFormat="1" ht="69.900000000000006" customHeight="1" thickTop="1" x14ac:dyDescent="0.2">
      <c r="A28" s="70" t="s">
        <v>221</v>
      </c>
      <c r="B28" s="72"/>
      <c r="C28" s="72"/>
      <c r="D28" s="72"/>
      <c r="E28" s="72"/>
      <c r="F28" s="72"/>
      <c r="G28" s="72"/>
      <c r="H28" s="72"/>
      <c r="I28" s="72"/>
      <c r="J28" s="72"/>
      <c r="K28" s="72"/>
      <c r="L28" s="72"/>
      <c r="M28" s="72"/>
      <c r="N28" s="72"/>
      <c r="O28" s="72"/>
      <c r="P28" s="72"/>
      <c r="Q28" s="202"/>
      <c r="R28" s="561"/>
      <c r="S28" s="199"/>
    </row>
    <row r="29" spans="1:256" s="570" customFormat="1" ht="75" customHeight="1" x14ac:dyDescent="0.2">
      <c r="A29" s="575"/>
      <c r="B29" s="576"/>
      <c r="C29" s="576"/>
      <c r="D29" s="576"/>
      <c r="E29" s="576"/>
      <c r="F29" s="576"/>
      <c r="G29" s="576"/>
      <c r="H29" s="576"/>
      <c r="I29" s="576"/>
      <c r="J29" s="576"/>
      <c r="K29" s="576"/>
      <c r="L29" s="577"/>
      <c r="M29" s="576"/>
      <c r="N29" s="576"/>
      <c r="O29" s="576"/>
      <c r="P29" s="576"/>
      <c r="Q29" s="578"/>
      <c r="R29" s="561"/>
      <c r="S29" s="579"/>
    </row>
    <row r="30" spans="1:256" s="570" customFormat="1" ht="75" customHeight="1" thickBot="1" x14ac:dyDescent="0.25">
      <c r="A30" s="580"/>
      <c r="B30" s="581"/>
      <c r="C30" s="581"/>
      <c r="D30" s="581"/>
      <c r="E30" s="581"/>
      <c r="F30" s="581"/>
      <c r="G30" s="581"/>
      <c r="H30" s="581"/>
      <c r="I30" s="581"/>
      <c r="J30" s="581"/>
      <c r="K30" s="581"/>
      <c r="L30" s="582"/>
      <c r="M30" s="581"/>
      <c r="N30" s="581"/>
      <c r="O30" s="581"/>
      <c r="P30" s="581"/>
      <c r="Q30" s="583"/>
      <c r="R30" s="561"/>
      <c r="S30" s="579"/>
    </row>
    <row r="31" spans="1:256" s="546" customFormat="1" ht="69.900000000000006" customHeight="1" thickBot="1" x14ac:dyDescent="0.25">
      <c r="A31" s="584" t="s">
        <v>222</v>
      </c>
      <c r="B31" s="585"/>
      <c r="C31" s="585"/>
      <c r="D31" s="585"/>
      <c r="E31" s="585"/>
      <c r="F31" s="585"/>
      <c r="G31" s="585"/>
      <c r="H31" s="585"/>
      <c r="I31" s="585"/>
      <c r="J31" s="585"/>
      <c r="K31" s="585"/>
      <c r="L31" s="586"/>
      <c r="M31" s="585"/>
      <c r="N31" s="585"/>
      <c r="O31" s="585"/>
      <c r="P31" s="585"/>
      <c r="Q31" s="587"/>
      <c r="R31" s="561"/>
      <c r="S31" s="561"/>
    </row>
    <row r="32" spans="1:256" s="570" customFormat="1" ht="282.75" customHeight="1" thickTop="1" thickBot="1" x14ac:dyDescent="0.25">
      <c r="A32" s="588" t="s">
        <v>223</v>
      </c>
      <c r="B32" s="442"/>
      <c r="C32" s="442"/>
      <c r="D32" s="442"/>
      <c r="E32" s="442"/>
      <c r="F32" s="442"/>
      <c r="G32" s="442"/>
      <c r="H32" s="442"/>
      <c r="I32" s="442"/>
      <c r="J32" s="442"/>
      <c r="K32" s="442"/>
      <c r="L32" s="443"/>
      <c r="M32" s="442"/>
      <c r="N32" s="442"/>
      <c r="O32" s="53" t="s">
        <v>20</v>
      </c>
      <c r="P32" s="53" t="s">
        <v>21</v>
      </c>
      <c r="Q32" s="54" t="s">
        <v>22</v>
      </c>
      <c r="R32" s="561"/>
      <c r="S32" s="569"/>
    </row>
    <row r="33" spans="1:54" s="570" customFormat="1" ht="140.1" customHeight="1" thickTop="1" thickBot="1" x14ac:dyDescent="0.25">
      <c r="A33" s="589" t="s">
        <v>224</v>
      </c>
      <c r="B33" s="590"/>
      <c r="C33" s="590"/>
      <c r="D33" s="590"/>
      <c r="E33" s="590"/>
      <c r="F33" s="590"/>
      <c r="G33" s="590"/>
      <c r="H33" s="590"/>
      <c r="I33" s="590"/>
      <c r="J33" s="590"/>
      <c r="K33" s="590"/>
      <c r="L33" s="591"/>
      <c r="M33" s="590"/>
      <c r="N33" s="590"/>
      <c r="O33" s="53" t="s">
        <v>24</v>
      </c>
      <c r="P33" s="61" t="s">
        <v>25</v>
      </c>
      <c r="Q33" s="62" t="s">
        <v>22</v>
      </c>
      <c r="R33" s="561"/>
      <c r="S33" s="569"/>
    </row>
    <row r="34" spans="1:54" s="570" customFormat="1" ht="132" customHeight="1" thickTop="1" thickBot="1" x14ac:dyDescent="0.25">
      <c r="A34" s="592" t="s">
        <v>32</v>
      </c>
      <c r="B34" s="434"/>
      <c r="C34" s="434"/>
      <c r="D34" s="434"/>
      <c r="E34" s="434"/>
      <c r="F34" s="434"/>
      <c r="G34" s="434"/>
      <c r="H34" s="434"/>
      <c r="I34" s="434"/>
      <c r="J34" s="434"/>
      <c r="K34" s="434"/>
      <c r="L34" s="435"/>
      <c r="M34" s="434"/>
      <c r="N34" s="434"/>
      <c r="O34" s="67" t="s">
        <v>20</v>
      </c>
      <c r="P34" s="68" t="s">
        <v>25</v>
      </c>
      <c r="Q34" s="69" t="s">
        <v>22</v>
      </c>
      <c r="R34" s="561"/>
      <c r="S34" s="569"/>
    </row>
    <row r="35" spans="1:54" s="546" customFormat="1" ht="69.900000000000006" customHeight="1" thickTop="1" x14ac:dyDescent="0.2">
      <c r="A35" s="70" t="s">
        <v>28</v>
      </c>
      <c r="B35" s="72"/>
      <c r="C35" s="72"/>
      <c r="D35" s="72"/>
      <c r="E35" s="72"/>
      <c r="F35" s="72"/>
      <c r="G35" s="72"/>
      <c r="H35" s="72"/>
      <c r="I35" s="72"/>
      <c r="J35" s="72"/>
      <c r="K35" s="72"/>
      <c r="L35" s="72"/>
      <c r="M35" s="72"/>
      <c r="N35" s="72"/>
      <c r="O35" s="72"/>
      <c r="P35" s="72"/>
      <c r="Q35" s="202"/>
      <c r="R35" s="561"/>
      <c r="S35" s="199"/>
    </row>
    <row r="36" spans="1:54" s="570" customFormat="1" ht="75" customHeight="1" x14ac:dyDescent="0.2">
      <c r="A36" s="575"/>
      <c r="B36" s="576"/>
      <c r="C36" s="576"/>
      <c r="D36" s="576"/>
      <c r="E36" s="576"/>
      <c r="F36" s="576"/>
      <c r="G36" s="576"/>
      <c r="H36" s="576"/>
      <c r="I36" s="576"/>
      <c r="J36" s="576"/>
      <c r="K36" s="576"/>
      <c r="L36" s="577"/>
      <c r="M36" s="576"/>
      <c r="N36" s="576"/>
      <c r="O36" s="576"/>
      <c r="P36" s="576"/>
      <c r="Q36" s="578"/>
      <c r="R36" s="561"/>
      <c r="S36" s="579"/>
    </row>
    <row r="37" spans="1:54" s="570" customFormat="1" ht="75" customHeight="1" thickBot="1" x14ac:dyDescent="0.25">
      <c r="A37" s="580"/>
      <c r="B37" s="581"/>
      <c r="C37" s="581"/>
      <c r="D37" s="581"/>
      <c r="E37" s="581"/>
      <c r="F37" s="581"/>
      <c r="G37" s="581"/>
      <c r="H37" s="581"/>
      <c r="I37" s="581"/>
      <c r="J37" s="581"/>
      <c r="K37" s="581"/>
      <c r="L37" s="582"/>
      <c r="M37" s="581"/>
      <c r="N37" s="581"/>
      <c r="O37" s="581"/>
      <c r="P37" s="581"/>
      <c r="Q37" s="583"/>
      <c r="R37" s="561"/>
      <c r="S37" s="579"/>
    </row>
    <row r="38" spans="1:54" s="546" customFormat="1" ht="69.900000000000006" customHeight="1" thickBot="1" x14ac:dyDescent="0.25">
      <c r="A38" s="584" t="s">
        <v>34</v>
      </c>
      <c r="B38" s="593"/>
      <c r="C38" s="593"/>
      <c r="D38" s="593"/>
      <c r="E38" s="593"/>
      <c r="F38" s="593"/>
      <c r="G38" s="593"/>
      <c r="H38" s="593"/>
      <c r="I38" s="593"/>
      <c r="J38" s="593"/>
      <c r="K38" s="593"/>
      <c r="L38" s="593"/>
      <c r="M38" s="593"/>
      <c r="N38" s="593"/>
      <c r="O38" s="593"/>
      <c r="P38" s="593"/>
      <c r="Q38" s="594"/>
      <c r="R38" s="561"/>
      <c r="S38" s="595"/>
      <c r="T38" s="596"/>
      <c r="U38" s="596"/>
      <c r="V38" s="596"/>
      <c r="W38" s="596"/>
      <c r="X38" s="596"/>
      <c r="Y38" s="596"/>
      <c r="Z38" s="596"/>
      <c r="AA38" s="596"/>
      <c r="AB38" s="596"/>
      <c r="AC38" s="596"/>
      <c r="AD38" s="596"/>
      <c r="AE38" s="596"/>
      <c r="AF38" s="596"/>
      <c r="AG38" s="596"/>
      <c r="AH38" s="596"/>
      <c r="AI38" s="596"/>
      <c r="AJ38" s="596"/>
      <c r="AK38" s="596"/>
      <c r="AL38" s="596"/>
      <c r="AM38" s="596"/>
      <c r="AN38" s="596"/>
      <c r="AO38" s="596"/>
      <c r="AP38" s="596"/>
      <c r="AQ38" s="596"/>
      <c r="AR38" s="596"/>
      <c r="AS38" s="596"/>
      <c r="AT38" s="596"/>
      <c r="AU38" s="596"/>
      <c r="AV38" s="596"/>
      <c r="AW38" s="596"/>
      <c r="AX38" s="596"/>
      <c r="AY38" s="596"/>
      <c r="AZ38" s="596"/>
      <c r="BA38" s="596"/>
      <c r="BB38" s="596"/>
    </row>
    <row r="39" spans="1:54" s="570" customFormat="1" ht="409.6" customHeight="1" thickTop="1" thickBot="1" x14ac:dyDescent="0.25">
      <c r="A39" s="99" t="s">
        <v>35</v>
      </c>
      <c r="B39" s="100"/>
      <c r="C39" s="100"/>
      <c r="D39" s="100"/>
      <c r="E39" s="100"/>
      <c r="F39" s="100"/>
      <c r="G39" s="100"/>
      <c r="H39" s="100"/>
      <c r="I39" s="100"/>
      <c r="J39" s="100"/>
      <c r="K39" s="100"/>
      <c r="L39" s="101"/>
      <c r="M39" s="100"/>
      <c r="N39" s="100"/>
      <c r="O39" s="597" t="s">
        <v>20</v>
      </c>
      <c r="P39" s="597" t="s">
        <v>21</v>
      </c>
      <c r="Q39" s="598" t="s">
        <v>22</v>
      </c>
      <c r="R39" s="561"/>
      <c r="S39" s="599"/>
      <c r="T39" s="600"/>
      <c r="U39" s="600"/>
      <c r="V39" s="600"/>
      <c r="W39" s="600"/>
      <c r="X39" s="600"/>
      <c r="Y39" s="600"/>
      <c r="Z39" s="600"/>
      <c r="AA39" s="600"/>
      <c r="AB39" s="600"/>
      <c r="AC39" s="600"/>
      <c r="AD39" s="600"/>
      <c r="AE39" s="600"/>
      <c r="AF39" s="600"/>
      <c r="AG39" s="600"/>
      <c r="AH39" s="600"/>
      <c r="AI39" s="600"/>
      <c r="AJ39" s="600"/>
      <c r="AK39" s="600"/>
      <c r="AL39" s="600"/>
      <c r="AM39" s="600"/>
      <c r="AN39" s="600"/>
      <c r="AO39" s="600"/>
      <c r="AP39" s="600"/>
      <c r="AQ39" s="600"/>
      <c r="AR39" s="600"/>
      <c r="AS39" s="600"/>
      <c r="AT39" s="600"/>
      <c r="AU39" s="600"/>
      <c r="AV39" s="600"/>
      <c r="AW39" s="600"/>
      <c r="AX39" s="600"/>
      <c r="AY39" s="600"/>
      <c r="AZ39" s="600"/>
      <c r="BA39" s="600"/>
      <c r="BB39" s="600"/>
    </row>
    <row r="40" spans="1:54" s="570" customFormat="1" ht="322.5" customHeight="1" thickTop="1" thickBot="1" x14ac:dyDescent="0.25">
      <c r="A40" s="107"/>
      <c r="B40" s="108"/>
      <c r="C40" s="108"/>
      <c r="D40" s="108"/>
      <c r="E40" s="108"/>
      <c r="F40" s="108"/>
      <c r="G40" s="108"/>
      <c r="H40" s="108"/>
      <c r="I40" s="108"/>
      <c r="J40" s="108"/>
      <c r="K40" s="108"/>
      <c r="L40" s="101"/>
      <c r="M40" s="108"/>
      <c r="N40" s="108"/>
      <c r="O40" s="120"/>
      <c r="P40" s="120"/>
      <c r="Q40" s="601"/>
      <c r="R40" s="561"/>
      <c r="S40" s="602"/>
      <c r="T40" s="600"/>
      <c r="U40" s="600"/>
      <c r="V40" s="600"/>
      <c r="W40" s="600"/>
      <c r="X40" s="600"/>
      <c r="Y40" s="600"/>
      <c r="Z40" s="600"/>
      <c r="AA40" s="600"/>
      <c r="AB40" s="600"/>
      <c r="AC40" s="600"/>
      <c r="AD40" s="600"/>
      <c r="AE40" s="600"/>
      <c r="AF40" s="600"/>
      <c r="AG40" s="600"/>
      <c r="AH40" s="600"/>
      <c r="AI40" s="600"/>
      <c r="AJ40" s="600"/>
      <c r="AK40" s="600"/>
      <c r="AL40" s="600"/>
      <c r="AM40" s="600"/>
      <c r="AN40" s="600"/>
      <c r="AO40" s="600"/>
      <c r="AP40" s="600"/>
      <c r="AQ40" s="600"/>
      <c r="AR40" s="600"/>
      <c r="AS40" s="600"/>
      <c r="AT40" s="600"/>
      <c r="AU40" s="600"/>
      <c r="AV40" s="600"/>
      <c r="AW40" s="600"/>
      <c r="AX40" s="600"/>
      <c r="AY40" s="600"/>
      <c r="AZ40" s="600"/>
      <c r="BA40" s="600"/>
      <c r="BB40" s="600"/>
    </row>
    <row r="41" spans="1:54" s="570" customFormat="1" ht="140.1" customHeight="1" thickTop="1" thickBot="1" x14ac:dyDescent="0.25">
      <c r="A41" s="603" t="s">
        <v>36</v>
      </c>
      <c r="B41" s="572"/>
      <c r="C41" s="572"/>
      <c r="D41" s="572"/>
      <c r="E41" s="572"/>
      <c r="F41" s="572"/>
      <c r="G41" s="572"/>
      <c r="H41" s="572"/>
      <c r="I41" s="572"/>
      <c r="J41" s="572"/>
      <c r="K41" s="572"/>
      <c r="L41" s="231"/>
      <c r="M41" s="572"/>
      <c r="N41" s="572"/>
      <c r="O41" s="53" t="s">
        <v>24</v>
      </c>
      <c r="P41" s="61" t="s">
        <v>25</v>
      </c>
      <c r="Q41" s="62" t="s">
        <v>22</v>
      </c>
      <c r="R41" s="561"/>
      <c r="S41" s="569"/>
      <c r="T41" s="600"/>
      <c r="U41" s="600"/>
      <c r="V41" s="600"/>
      <c r="W41" s="600"/>
      <c r="X41" s="600"/>
      <c r="Y41" s="600"/>
      <c r="Z41" s="600"/>
      <c r="AA41" s="600"/>
      <c r="AB41" s="600"/>
      <c r="AC41" s="600"/>
      <c r="AD41" s="600"/>
      <c r="AE41" s="600"/>
      <c r="AF41" s="600"/>
      <c r="AG41" s="600"/>
      <c r="AH41" s="600"/>
      <c r="AI41" s="600"/>
      <c r="AJ41" s="600"/>
      <c r="AK41" s="600"/>
      <c r="AL41" s="600"/>
      <c r="AM41" s="600"/>
      <c r="AN41" s="600"/>
      <c r="AO41" s="600"/>
      <c r="AP41" s="600"/>
      <c r="AQ41" s="600"/>
      <c r="AR41" s="600"/>
      <c r="AS41" s="600"/>
      <c r="AT41" s="600"/>
      <c r="AU41" s="600"/>
      <c r="AV41" s="600"/>
      <c r="AW41" s="600"/>
      <c r="AX41" s="600"/>
      <c r="AY41" s="600"/>
      <c r="AZ41" s="600"/>
      <c r="BA41" s="600"/>
      <c r="BB41" s="600"/>
    </row>
    <row r="42" spans="1:54" s="570" customFormat="1" ht="140.1" customHeight="1" thickTop="1" thickBot="1" x14ac:dyDescent="0.25">
      <c r="A42" s="604" t="s">
        <v>37</v>
      </c>
      <c r="B42" s="605"/>
      <c r="C42" s="605"/>
      <c r="D42" s="605"/>
      <c r="E42" s="605"/>
      <c r="F42" s="605"/>
      <c r="G42" s="605"/>
      <c r="H42" s="605"/>
      <c r="I42" s="605"/>
      <c r="J42" s="605"/>
      <c r="K42" s="605"/>
      <c r="L42" s="184"/>
      <c r="M42" s="605"/>
      <c r="N42" s="605"/>
      <c r="O42" s="67" t="s">
        <v>20</v>
      </c>
      <c r="P42" s="68" t="s">
        <v>25</v>
      </c>
      <c r="Q42" s="69" t="s">
        <v>22</v>
      </c>
      <c r="R42" s="561"/>
      <c r="S42" s="569"/>
      <c r="T42" s="600"/>
      <c r="U42" s="600"/>
      <c r="V42" s="600"/>
      <c r="W42" s="600"/>
      <c r="X42" s="600"/>
      <c r="Y42" s="600"/>
      <c r="Z42" s="600"/>
      <c r="AA42" s="600"/>
      <c r="AB42" s="600"/>
      <c r="AC42" s="600"/>
      <c r="AD42" s="600"/>
      <c r="AE42" s="600"/>
      <c r="AF42" s="600"/>
      <c r="AG42" s="600"/>
      <c r="AH42" s="600"/>
      <c r="AI42" s="600"/>
      <c r="AJ42" s="600"/>
      <c r="AK42" s="600"/>
      <c r="AL42" s="600"/>
      <c r="AM42" s="600"/>
      <c r="AN42" s="600"/>
      <c r="AO42" s="600"/>
      <c r="AP42" s="600"/>
      <c r="AQ42" s="600"/>
      <c r="AR42" s="600"/>
      <c r="AS42" s="600"/>
      <c r="AT42" s="600"/>
      <c r="AU42" s="600"/>
      <c r="AV42" s="600"/>
      <c r="AW42" s="600"/>
      <c r="AX42" s="600"/>
      <c r="AY42" s="600"/>
      <c r="AZ42" s="600"/>
      <c r="BA42" s="600"/>
      <c r="BB42" s="600"/>
    </row>
    <row r="43" spans="1:54" s="546" customFormat="1" ht="69.900000000000006" customHeight="1" thickTop="1" x14ac:dyDescent="0.2">
      <c r="A43" s="70" t="s">
        <v>28</v>
      </c>
      <c r="B43" s="72"/>
      <c r="C43" s="72"/>
      <c r="D43" s="72"/>
      <c r="E43" s="72"/>
      <c r="F43" s="72"/>
      <c r="G43" s="72"/>
      <c r="H43" s="72"/>
      <c r="I43" s="72"/>
      <c r="J43" s="72"/>
      <c r="K43" s="72"/>
      <c r="L43" s="72"/>
      <c r="M43" s="72"/>
      <c r="N43" s="72"/>
      <c r="O43" s="72"/>
      <c r="P43" s="72"/>
      <c r="Q43" s="202"/>
      <c r="R43" s="561"/>
      <c r="S43" s="199"/>
    </row>
    <row r="44" spans="1:54" s="570" customFormat="1" ht="75" customHeight="1" x14ac:dyDescent="0.2">
      <c r="A44" s="575"/>
      <c r="B44" s="576"/>
      <c r="C44" s="576"/>
      <c r="D44" s="576"/>
      <c r="E44" s="576"/>
      <c r="F44" s="576"/>
      <c r="G44" s="576"/>
      <c r="H44" s="576"/>
      <c r="I44" s="576"/>
      <c r="J44" s="576"/>
      <c r="K44" s="576"/>
      <c r="L44" s="577"/>
      <c r="M44" s="576"/>
      <c r="N44" s="576"/>
      <c r="O44" s="576"/>
      <c r="P44" s="576"/>
      <c r="Q44" s="578"/>
      <c r="R44" s="561"/>
      <c r="S44" s="579"/>
    </row>
    <row r="45" spans="1:54" s="570" customFormat="1" ht="75" customHeight="1" thickBot="1" x14ac:dyDescent="0.25">
      <c r="A45" s="606"/>
      <c r="B45" s="607"/>
      <c r="C45" s="607"/>
      <c r="D45" s="607"/>
      <c r="E45" s="607"/>
      <c r="F45" s="607"/>
      <c r="G45" s="607"/>
      <c r="H45" s="607"/>
      <c r="I45" s="607"/>
      <c r="J45" s="607"/>
      <c r="K45" s="607"/>
      <c r="L45" s="608"/>
      <c r="M45" s="607"/>
      <c r="N45" s="607"/>
      <c r="O45" s="607"/>
      <c r="P45" s="607"/>
      <c r="Q45" s="609"/>
      <c r="R45" s="561"/>
      <c r="S45" s="113"/>
    </row>
    <row r="46" spans="1:54" s="546" customFormat="1" ht="69.900000000000006" customHeight="1" thickBot="1" x14ac:dyDescent="0.25">
      <c r="A46" s="584" t="s">
        <v>38</v>
      </c>
      <c r="B46" s="593"/>
      <c r="C46" s="593"/>
      <c r="D46" s="593"/>
      <c r="E46" s="593"/>
      <c r="F46" s="593"/>
      <c r="G46" s="593"/>
      <c r="H46" s="593"/>
      <c r="I46" s="593"/>
      <c r="J46" s="593"/>
      <c r="K46" s="593"/>
      <c r="L46" s="593"/>
      <c r="M46" s="593"/>
      <c r="N46" s="593"/>
      <c r="O46" s="593"/>
      <c r="P46" s="593"/>
      <c r="Q46" s="594"/>
      <c r="R46" s="561"/>
      <c r="S46" s="555" t="s">
        <v>225</v>
      </c>
      <c r="T46" s="596"/>
      <c r="U46" s="596"/>
      <c r="V46" s="596"/>
      <c r="W46" s="596"/>
      <c r="X46" s="596"/>
      <c r="Y46" s="596"/>
      <c r="Z46" s="596"/>
      <c r="AA46" s="596"/>
      <c r="AB46" s="596"/>
      <c r="AC46" s="596"/>
      <c r="AD46" s="596"/>
      <c r="AE46" s="596"/>
      <c r="AF46" s="596"/>
      <c r="AG46" s="596"/>
      <c r="AH46" s="596"/>
      <c r="AI46" s="596"/>
      <c r="AJ46" s="596"/>
      <c r="AK46" s="596"/>
      <c r="AL46" s="596"/>
      <c r="AM46" s="596"/>
      <c r="AN46" s="596"/>
      <c r="AO46" s="596"/>
      <c r="AP46" s="596"/>
      <c r="AQ46" s="596"/>
      <c r="AR46" s="596"/>
      <c r="AS46" s="596"/>
      <c r="AT46" s="596"/>
      <c r="AU46" s="596"/>
      <c r="AV46" s="596"/>
      <c r="AW46" s="596"/>
      <c r="AX46" s="596"/>
      <c r="AY46" s="596"/>
      <c r="AZ46" s="596"/>
      <c r="BA46" s="596"/>
      <c r="BB46" s="596"/>
    </row>
    <row r="47" spans="1:54" s="570" customFormat="1" ht="69.900000000000006" customHeight="1" thickBot="1" x14ac:dyDescent="0.25">
      <c r="A47" s="610" t="s">
        <v>40</v>
      </c>
      <c r="B47" s="611"/>
      <c r="C47" s="611"/>
      <c r="D47" s="611"/>
      <c r="E47" s="611"/>
      <c r="F47" s="611"/>
      <c r="G47" s="611"/>
      <c r="H47" s="611"/>
      <c r="I47" s="611"/>
      <c r="J47" s="611"/>
      <c r="K47" s="611"/>
      <c r="L47" s="568"/>
      <c r="M47" s="611"/>
      <c r="N47" s="611"/>
      <c r="O47" s="611"/>
      <c r="P47" s="611"/>
      <c r="Q47" s="612"/>
      <c r="R47" s="561"/>
      <c r="S47" s="595"/>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row>
    <row r="48" spans="1:54" s="570" customFormat="1" ht="409.5" customHeight="1" thickTop="1" x14ac:dyDescent="0.2">
      <c r="A48" s="613" t="s">
        <v>41</v>
      </c>
      <c r="B48" s="614"/>
      <c r="C48" s="614"/>
      <c r="D48" s="614"/>
      <c r="E48" s="614"/>
      <c r="F48" s="614"/>
      <c r="G48" s="614"/>
      <c r="H48" s="614"/>
      <c r="I48" s="614"/>
      <c r="J48" s="614"/>
      <c r="K48" s="614"/>
      <c r="L48" s="615"/>
      <c r="M48" s="614"/>
      <c r="N48" s="614"/>
      <c r="O48" s="117" t="s">
        <v>24</v>
      </c>
      <c r="P48" s="117" t="s">
        <v>25</v>
      </c>
      <c r="Q48" s="118" t="s">
        <v>22</v>
      </c>
      <c r="R48" s="561"/>
      <c r="S48" s="599"/>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row>
    <row r="49" spans="1:54" s="570" customFormat="1" ht="140.1" customHeight="1" thickBot="1" x14ac:dyDescent="0.25">
      <c r="A49" s="616" t="s">
        <v>226</v>
      </c>
      <c r="B49" s="617"/>
      <c r="C49" s="617"/>
      <c r="D49" s="617"/>
      <c r="E49" s="617"/>
      <c r="F49" s="617"/>
      <c r="G49" s="617"/>
      <c r="H49" s="617"/>
      <c r="I49" s="617"/>
      <c r="J49" s="617"/>
      <c r="K49" s="617"/>
      <c r="L49" s="618"/>
      <c r="M49" s="617"/>
      <c r="N49" s="617"/>
      <c r="O49" s="120"/>
      <c r="P49" s="120"/>
      <c r="Q49" s="121"/>
      <c r="R49" s="561"/>
      <c r="S49" s="619"/>
      <c r="T49" s="600"/>
      <c r="U49" s="600"/>
      <c r="V49" s="600"/>
      <c r="W49" s="600"/>
      <c r="X49" s="600"/>
      <c r="Y49" s="600"/>
      <c r="Z49" s="600"/>
      <c r="AA49" s="600"/>
      <c r="AB49" s="600"/>
      <c r="AC49" s="600"/>
      <c r="AD49" s="600"/>
      <c r="AE49" s="600"/>
      <c r="AF49" s="600"/>
      <c r="AG49" s="600"/>
      <c r="AH49" s="600"/>
      <c r="AI49" s="600"/>
      <c r="AJ49" s="600"/>
      <c r="AK49" s="600"/>
      <c r="AL49" s="600"/>
      <c r="AM49" s="600"/>
      <c r="AN49" s="600"/>
      <c r="AO49" s="600"/>
      <c r="AP49" s="600"/>
      <c r="AQ49" s="600"/>
      <c r="AR49" s="600"/>
      <c r="AS49" s="600"/>
      <c r="AT49" s="600"/>
      <c r="AU49" s="600"/>
      <c r="AV49" s="600"/>
      <c r="AW49" s="600"/>
      <c r="AX49" s="600"/>
      <c r="AY49" s="600"/>
      <c r="AZ49" s="600"/>
      <c r="BA49" s="600"/>
      <c r="BB49" s="600"/>
    </row>
    <row r="50" spans="1:54" s="570" customFormat="1" ht="216" customHeight="1" thickTop="1" thickBot="1" x14ac:dyDescent="0.25">
      <c r="A50" s="603" t="s">
        <v>227</v>
      </c>
      <c r="B50" s="572"/>
      <c r="C50" s="572"/>
      <c r="D50" s="572"/>
      <c r="E50" s="572"/>
      <c r="F50" s="572"/>
      <c r="G50" s="572"/>
      <c r="H50" s="572"/>
      <c r="I50" s="572"/>
      <c r="J50" s="572"/>
      <c r="K50" s="572"/>
      <c r="L50" s="231"/>
      <c r="M50" s="572"/>
      <c r="N50" s="620" t="s">
        <v>27</v>
      </c>
      <c r="O50" s="53" t="s">
        <v>24</v>
      </c>
      <c r="P50" s="61" t="s">
        <v>25</v>
      </c>
      <c r="Q50" s="62" t="s">
        <v>22</v>
      </c>
      <c r="R50" s="561"/>
      <c r="S50" s="569"/>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row>
    <row r="51" spans="1:54" s="570" customFormat="1" ht="140.1" customHeight="1" thickTop="1" thickBot="1" x14ac:dyDescent="0.25">
      <c r="A51" s="603" t="s">
        <v>228</v>
      </c>
      <c r="B51" s="572"/>
      <c r="C51" s="572"/>
      <c r="D51" s="572"/>
      <c r="E51" s="572"/>
      <c r="F51" s="572"/>
      <c r="G51" s="572"/>
      <c r="H51" s="572"/>
      <c r="I51" s="572"/>
      <c r="J51" s="572"/>
      <c r="K51" s="572"/>
      <c r="L51" s="231"/>
      <c r="M51" s="572"/>
      <c r="N51" s="620" t="s">
        <v>27</v>
      </c>
      <c r="O51" s="53" t="s">
        <v>24</v>
      </c>
      <c r="P51" s="61" t="s">
        <v>25</v>
      </c>
      <c r="Q51" s="62" t="s">
        <v>22</v>
      </c>
      <c r="R51" s="561"/>
      <c r="S51" s="569"/>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row>
    <row r="52" spans="1:54" s="570" customFormat="1" ht="301.5" customHeight="1" thickTop="1" thickBot="1" x14ac:dyDescent="0.25">
      <c r="A52" s="119" t="s">
        <v>45</v>
      </c>
      <c r="B52" s="92"/>
      <c r="C52" s="92"/>
      <c r="D52" s="92"/>
      <c r="E52" s="92"/>
      <c r="F52" s="92"/>
      <c r="G52" s="92"/>
      <c r="H52" s="92"/>
      <c r="I52" s="92"/>
      <c r="J52" s="92"/>
      <c r="K52" s="92"/>
      <c r="L52" s="93"/>
      <c r="M52" s="92"/>
      <c r="N52" s="620" t="s">
        <v>27</v>
      </c>
      <c r="O52" s="53" t="s">
        <v>24</v>
      </c>
      <c r="P52" s="61" t="s">
        <v>25</v>
      </c>
      <c r="Q52" s="62" t="s">
        <v>22</v>
      </c>
      <c r="R52" s="561"/>
      <c r="S52" s="569"/>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row>
    <row r="53" spans="1:54" s="570" customFormat="1" ht="140.1" customHeight="1" thickTop="1" thickBot="1" x14ac:dyDescent="0.25">
      <c r="A53" s="603" t="s">
        <v>229</v>
      </c>
      <c r="B53" s="572"/>
      <c r="C53" s="572"/>
      <c r="D53" s="572"/>
      <c r="E53" s="572"/>
      <c r="F53" s="572"/>
      <c r="G53" s="572"/>
      <c r="H53" s="572"/>
      <c r="I53" s="572"/>
      <c r="J53" s="572"/>
      <c r="K53" s="572"/>
      <c r="L53" s="231"/>
      <c r="M53" s="572"/>
      <c r="N53" s="572"/>
      <c r="O53" s="53" t="s">
        <v>24</v>
      </c>
      <c r="P53" s="61" t="s">
        <v>25</v>
      </c>
      <c r="Q53" s="62" t="s">
        <v>22</v>
      </c>
      <c r="R53" s="561"/>
      <c r="S53" s="569"/>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row>
    <row r="54" spans="1:54" s="570" customFormat="1" ht="140.1" customHeight="1" thickTop="1" thickBot="1" x14ac:dyDescent="0.25">
      <c r="A54" s="604" t="s">
        <v>230</v>
      </c>
      <c r="B54" s="605"/>
      <c r="C54" s="605"/>
      <c r="D54" s="605"/>
      <c r="E54" s="605"/>
      <c r="F54" s="605"/>
      <c r="G54" s="605"/>
      <c r="H54" s="605"/>
      <c r="I54" s="605"/>
      <c r="J54" s="605"/>
      <c r="K54" s="605"/>
      <c r="L54" s="184"/>
      <c r="M54" s="605"/>
      <c r="N54" s="605"/>
      <c r="O54" s="67" t="s">
        <v>20</v>
      </c>
      <c r="P54" s="68" t="s">
        <v>25</v>
      </c>
      <c r="Q54" s="69" t="s">
        <v>22</v>
      </c>
      <c r="R54" s="561"/>
      <c r="S54" s="569"/>
      <c r="T54" s="600"/>
      <c r="U54" s="600"/>
      <c r="V54" s="600"/>
      <c r="W54" s="600"/>
      <c r="X54" s="600"/>
      <c r="Y54" s="600"/>
      <c r="Z54" s="600"/>
      <c r="AA54" s="600"/>
      <c r="AB54" s="600"/>
      <c r="AC54" s="600"/>
      <c r="AD54" s="600"/>
      <c r="AE54" s="600"/>
      <c r="AF54" s="600"/>
      <c r="AG54" s="600"/>
      <c r="AH54" s="600"/>
      <c r="AI54" s="600"/>
      <c r="AJ54" s="600"/>
      <c r="AK54" s="600"/>
      <c r="AL54" s="600"/>
      <c r="AM54" s="600"/>
      <c r="AN54" s="600"/>
      <c r="AO54" s="600"/>
      <c r="AP54" s="600"/>
      <c r="AQ54" s="600"/>
      <c r="AR54" s="600"/>
      <c r="AS54" s="600"/>
      <c r="AT54" s="600"/>
      <c r="AU54" s="600"/>
      <c r="AV54" s="600"/>
      <c r="AW54" s="600"/>
      <c r="AX54" s="600"/>
      <c r="AY54" s="600"/>
      <c r="AZ54" s="600"/>
      <c r="BA54" s="600"/>
      <c r="BB54" s="600"/>
    </row>
    <row r="55" spans="1:54" s="546" customFormat="1" ht="69.900000000000006" customHeight="1" thickTop="1" x14ac:dyDescent="0.2">
      <c r="A55" s="70" t="s">
        <v>28</v>
      </c>
      <c r="B55" s="72"/>
      <c r="C55" s="72"/>
      <c r="D55" s="72"/>
      <c r="E55" s="72"/>
      <c r="F55" s="72"/>
      <c r="G55" s="72"/>
      <c r="H55" s="72"/>
      <c r="I55" s="72"/>
      <c r="J55" s="72"/>
      <c r="K55" s="72"/>
      <c r="L55" s="72"/>
      <c r="M55" s="72"/>
      <c r="N55" s="72"/>
      <c r="O55" s="72"/>
      <c r="P55" s="72"/>
      <c r="Q55" s="202"/>
      <c r="R55" s="561"/>
      <c r="S55" s="199"/>
    </row>
    <row r="56" spans="1:54" s="570" customFormat="1" ht="75" customHeight="1" x14ac:dyDescent="0.2">
      <c r="A56" s="575"/>
      <c r="B56" s="576"/>
      <c r="C56" s="576"/>
      <c r="D56" s="576"/>
      <c r="E56" s="576"/>
      <c r="F56" s="576"/>
      <c r="G56" s="576"/>
      <c r="H56" s="576"/>
      <c r="I56" s="576"/>
      <c r="J56" s="576"/>
      <c r="K56" s="576"/>
      <c r="L56" s="577"/>
      <c r="M56" s="576"/>
      <c r="N56" s="576"/>
      <c r="O56" s="576"/>
      <c r="P56" s="576"/>
      <c r="Q56" s="578"/>
      <c r="R56" s="561"/>
      <c r="S56" s="579"/>
    </row>
    <row r="57" spans="1:54" s="570" customFormat="1" ht="75" customHeight="1" thickBot="1" x14ac:dyDescent="0.25">
      <c r="A57" s="580"/>
      <c r="B57" s="581"/>
      <c r="C57" s="581"/>
      <c r="D57" s="581"/>
      <c r="E57" s="581"/>
      <c r="F57" s="581"/>
      <c r="G57" s="581"/>
      <c r="H57" s="581"/>
      <c r="I57" s="581"/>
      <c r="J57" s="581"/>
      <c r="K57" s="581"/>
      <c r="L57" s="582"/>
      <c r="M57" s="581"/>
      <c r="N57" s="581"/>
      <c r="O57" s="581"/>
      <c r="P57" s="581"/>
      <c r="Q57" s="583"/>
      <c r="R57" s="561"/>
      <c r="S57" s="579"/>
    </row>
    <row r="58" spans="1:54" s="546" customFormat="1" ht="69.900000000000006" customHeight="1" thickBot="1" x14ac:dyDescent="0.25">
      <c r="A58" s="584" t="s">
        <v>48</v>
      </c>
      <c r="B58" s="585"/>
      <c r="C58" s="585"/>
      <c r="D58" s="585"/>
      <c r="E58" s="585"/>
      <c r="F58" s="585"/>
      <c r="G58" s="585"/>
      <c r="H58" s="585"/>
      <c r="I58" s="585"/>
      <c r="J58" s="585"/>
      <c r="K58" s="585"/>
      <c r="L58" s="586"/>
      <c r="M58" s="585"/>
      <c r="N58" s="585"/>
      <c r="O58" s="585"/>
      <c r="P58" s="585"/>
      <c r="Q58" s="587"/>
      <c r="R58" s="561"/>
      <c r="S58" s="595"/>
      <c r="T58" s="596"/>
      <c r="U58" s="596"/>
      <c r="V58" s="596"/>
      <c r="W58" s="596"/>
      <c r="X58" s="596"/>
      <c r="Y58" s="596"/>
      <c r="Z58" s="596"/>
      <c r="AA58" s="596"/>
      <c r="AB58" s="596"/>
      <c r="AC58" s="596"/>
      <c r="AD58" s="596"/>
      <c r="AE58" s="596"/>
      <c r="AF58" s="596"/>
      <c r="AG58" s="596"/>
      <c r="AH58" s="596"/>
      <c r="AI58" s="596"/>
      <c r="AJ58" s="596"/>
      <c r="AK58" s="596"/>
      <c r="AL58" s="596"/>
      <c r="AM58" s="596"/>
      <c r="AN58" s="596"/>
      <c r="AO58" s="596"/>
      <c r="AP58" s="596"/>
      <c r="AQ58" s="596"/>
      <c r="AR58" s="596"/>
      <c r="AS58" s="596"/>
      <c r="AT58" s="596"/>
      <c r="AU58" s="596"/>
      <c r="AV58" s="596"/>
      <c r="AW58" s="596"/>
      <c r="AX58" s="596"/>
      <c r="AY58" s="596"/>
      <c r="AZ58" s="596"/>
      <c r="BA58" s="596"/>
      <c r="BB58" s="596"/>
    </row>
    <row r="59" spans="1:54" s="627" customFormat="1" ht="409.6" customHeight="1" thickTop="1" thickBot="1" x14ac:dyDescent="0.25">
      <c r="A59" s="610" t="s">
        <v>231</v>
      </c>
      <c r="B59" s="611"/>
      <c r="C59" s="611"/>
      <c r="D59" s="611"/>
      <c r="E59" s="611"/>
      <c r="F59" s="611"/>
      <c r="G59" s="611"/>
      <c r="H59" s="611"/>
      <c r="I59" s="611"/>
      <c r="J59" s="611"/>
      <c r="K59" s="611"/>
      <c r="L59" s="568"/>
      <c r="M59" s="611"/>
      <c r="N59" s="621" t="s">
        <v>27</v>
      </c>
      <c r="O59" s="622" t="s">
        <v>20</v>
      </c>
      <c r="P59" s="622" t="s">
        <v>21</v>
      </c>
      <c r="Q59" s="623" t="s">
        <v>22</v>
      </c>
      <c r="R59" s="624"/>
      <c r="S59" s="625"/>
      <c r="T59" s="626"/>
      <c r="U59" s="626"/>
      <c r="V59" s="626"/>
      <c r="W59" s="626"/>
      <c r="X59" s="626"/>
      <c r="Y59" s="626"/>
      <c r="Z59" s="626"/>
      <c r="AA59" s="626"/>
      <c r="AB59" s="626"/>
      <c r="AC59" s="626"/>
      <c r="AD59" s="626"/>
      <c r="AE59" s="626"/>
      <c r="AF59" s="626"/>
      <c r="AG59" s="626"/>
      <c r="AH59" s="626"/>
      <c r="AI59" s="626"/>
      <c r="AJ59" s="626"/>
      <c r="AK59" s="626"/>
      <c r="AL59" s="626"/>
      <c r="AM59" s="626"/>
      <c r="AN59" s="626"/>
      <c r="AO59" s="626"/>
      <c r="AP59" s="626"/>
      <c r="AQ59" s="626"/>
      <c r="AR59" s="626"/>
      <c r="AS59" s="626"/>
      <c r="AT59" s="626"/>
      <c r="AU59" s="626"/>
      <c r="AV59" s="626"/>
      <c r="AW59" s="626"/>
      <c r="AX59" s="626"/>
      <c r="AY59" s="626"/>
      <c r="AZ59" s="626"/>
      <c r="BA59" s="626"/>
      <c r="BB59" s="626"/>
    </row>
    <row r="60" spans="1:54" s="630" customFormat="1" ht="252.6" customHeight="1" thickTop="1" thickBot="1" x14ac:dyDescent="0.25">
      <c r="A60" s="604" t="s">
        <v>232</v>
      </c>
      <c r="B60" s="605"/>
      <c r="C60" s="605"/>
      <c r="D60" s="605"/>
      <c r="E60" s="605"/>
      <c r="F60" s="605"/>
      <c r="G60" s="605"/>
      <c r="H60" s="605"/>
      <c r="I60" s="605"/>
      <c r="J60" s="605"/>
      <c r="K60" s="605"/>
      <c r="L60" s="184"/>
      <c r="M60" s="605"/>
      <c r="N60" s="574" t="s">
        <v>27</v>
      </c>
      <c r="O60" s="53" t="s">
        <v>24</v>
      </c>
      <c r="P60" s="61" t="s">
        <v>25</v>
      </c>
      <c r="Q60" s="62" t="s">
        <v>22</v>
      </c>
      <c r="R60" s="628"/>
      <c r="S60" s="569"/>
      <c r="T60" s="629"/>
      <c r="U60" s="629"/>
      <c r="V60" s="629"/>
      <c r="W60" s="629"/>
      <c r="X60" s="629"/>
      <c r="Y60" s="629"/>
      <c r="Z60" s="629"/>
      <c r="AA60" s="629"/>
      <c r="AB60" s="629"/>
      <c r="AC60" s="629"/>
      <c r="AD60" s="629"/>
      <c r="AE60" s="629"/>
      <c r="AF60" s="629"/>
      <c r="AG60" s="629"/>
      <c r="AH60" s="629"/>
      <c r="AI60" s="629"/>
      <c r="AJ60" s="629"/>
      <c r="AK60" s="629"/>
      <c r="AL60" s="629"/>
      <c r="AM60" s="629"/>
      <c r="AN60" s="629"/>
      <c r="AO60" s="629"/>
      <c r="AP60" s="629"/>
      <c r="AQ60" s="629"/>
      <c r="AR60" s="629"/>
      <c r="AS60" s="629"/>
      <c r="AT60" s="629"/>
      <c r="AU60" s="629"/>
      <c r="AV60" s="629"/>
      <c r="AW60" s="629"/>
      <c r="AX60" s="629"/>
      <c r="AY60" s="629"/>
      <c r="AZ60" s="629"/>
      <c r="BA60" s="629"/>
      <c r="BB60" s="629"/>
    </row>
    <row r="61" spans="1:54" s="570" customFormat="1" ht="321" customHeight="1" thickTop="1" thickBot="1" x14ac:dyDescent="0.25">
      <c r="A61" s="631" t="s">
        <v>233</v>
      </c>
      <c r="B61" s="590"/>
      <c r="C61" s="590"/>
      <c r="D61" s="590"/>
      <c r="E61" s="590"/>
      <c r="F61" s="590"/>
      <c r="G61" s="590"/>
      <c r="H61" s="590"/>
      <c r="I61" s="590"/>
      <c r="J61" s="590"/>
      <c r="K61" s="590"/>
      <c r="L61" s="591"/>
      <c r="M61" s="590"/>
      <c r="N61" s="632" t="s">
        <v>27</v>
      </c>
      <c r="O61" s="633" t="s">
        <v>20</v>
      </c>
      <c r="P61" s="634" t="s">
        <v>25</v>
      </c>
      <c r="Q61" s="635" t="s">
        <v>22</v>
      </c>
      <c r="R61" s="561"/>
      <c r="S61" s="569"/>
      <c r="T61" s="600"/>
      <c r="U61" s="600"/>
      <c r="V61" s="600"/>
      <c r="W61" s="600"/>
      <c r="X61" s="600"/>
      <c r="Y61" s="600"/>
      <c r="Z61" s="600"/>
      <c r="AA61" s="600"/>
      <c r="AB61" s="600"/>
      <c r="AC61" s="600"/>
      <c r="AD61" s="600"/>
      <c r="AE61" s="600"/>
      <c r="AF61" s="600"/>
      <c r="AG61" s="600"/>
      <c r="AH61" s="600"/>
      <c r="AI61" s="600"/>
      <c r="AJ61" s="600"/>
      <c r="AK61" s="600"/>
      <c r="AL61" s="600"/>
      <c r="AM61" s="600"/>
      <c r="AN61" s="600"/>
      <c r="AO61" s="600"/>
      <c r="AP61" s="600"/>
      <c r="AQ61" s="600"/>
      <c r="AR61" s="600"/>
      <c r="AS61" s="600"/>
      <c r="AT61" s="600"/>
      <c r="AU61" s="600"/>
      <c r="AV61" s="600"/>
      <c r="AW61" s="600"/>
      <c r="AX61" s="600"/>
      <c r="AY61" s="600"/>
      <c r="AZ61" s="600"/>
      <c r="BA61" s="600"/>
      <c r="BB61" s="600"/>
    </row>
    <row r="62" spans="1:54" s="546" customFormat="1" ht="69.900000000000006" customHeight="1" thickTop="1" x14ac:dyDescent="0.2">
      <c r="A62" s="70" t="s">
        <v>28</v>
      </c>
      <c r="B62" s="72"/>
      <c r="C62" s="72"/>
      <c r="D62" s="72"/>
      <c r="E62" s="72"/>
      <c r="F62" s="72"/>
      <c r="G62" s="72"/>
      <c r="H62" s="72"/>
      <c r="I62" s="72"/>
      <c r="J62" s="72"/>
      <c r="K62" s="72"/>
      <c r="L62" s="72"/>
      <c r="M62" s="72"/>
      <c r="N62" s="72"/>
      <c r="O62" s="72"/>
      <c r="P62" s="72"/>
      <c r="Q62" s="202"/>
      <c r="R62" s="561"/>
      <c r="S62" s="199"/>
    </row>
    <row r="63" spans="1:54" s="546" customFormat="1" ht="69.900000000000006" customHeight="1" x14ac:dyDescent="0.2">
      <c r="A63" s="636"/>
      <c r="B63" s="637"/>
      <c r="C63" s="637"/>
      <c r="D63" s="637"/>
      <c r="E63" s="637"/>
      <c r="F63" s="637"/>
      <c r="G63" s="637"/>
      <c r="H63" s="637"/>
      <c r="I63" s="637"/>
      <c r="J63" s="637"/>
      <c r="K63" s="637"/>
      <c r="L63" s="638"/>
      <c r="M63" s="637"/>
      <c r="N63" s="637"/>
      <c r="O63" s="637"/>
      <c r="P63" s="637"/>
      <c r="Q63" s="639"/>
      <c r="R63" s="561"/>
      <c r="S63" s="199"/>
    </row>
    <row r="64" spans="1:54" s="570" customFormat="1" ht="75" customHeight="1" thickBot="1" x14ac:dyDescent="0.25">
      <c r="A64" s="606"/>
      <c r="B64" s="607"/>
      <c r="C64" s="607"/>
      <c r="D64" s="607"/>
      <c r="E64" s="607"/>
      <c r="F64" s="607"/>
      <c r="G64" s="607"/>
      <c r="H64" s="607"/>
      <c r="I64" s="607"/>
      <c r="J64" s="607"/>
      <c r="K64" s="607"/>
      <c r="L64" s="608"/>
      <c r="M64" s="607"/>
      <c r="N64" s="607"/>
      <c r="O64" s="607"/>
      <c r="P64" s="607"/>
      <c r="Q64" s="609"/>
      <c r="R64" s="561"/>
      <c r="S64" s="579"/>
    </row>
    <row r="65" spans="1:55" s="18" customFormat="1" ht="69.900000000000006" customHeight="1" thickBot="1" x14ac:dyDescent="0.25">
      <c r="A65" s="354" t="s">
        <v>51</v>
      </c>
      <c r="B65" s="355"/>
      <c r="C65" s="355"/>
      <c r="D65" s="355"/>
      <c r="E65" s="355"/>
      <c r="F65" s="355"/>
      <c r="G65" s="355"/>
      <c r="H65" s="355"/>
      <c r="I65" s="355"/>
      <c r="J65" s="355"/>
      <c r="K65" s="355"/>
      <c r="L65" s="356"/>
      <c r="M65" s="355"/>
      <c r="N65" s="355"/>
      <c r="O65" s="355"/>
      <c r="P65" s="355"/>
      <c r="Q65" s="357"/>
      <c r="R65" s="55"/>
      <c r="S65" s="43"/>
      <c r="T65" s="640"/>
      <c r="U65" s="98"/>
      <c r="V65" s="98"/>
      <c r="W65" s="106"/>
      <c r="X65" s="106"/>
      <c r="Y65" s="106"/>
      <c r="Z65" s="106"/>
      <c r="AA65" s="106"/>
      <c r="AB65" s="106"/>
      <c r="AC65" s="106"/>
      <c r="AD65" s="106"/>
      <c r="AE65" s="106"/>
      <c r="AF65" s="106"/>
      <c r="AG65" s="106"/>
      <c r="AH65" s="106"/>
      <c r="AI65" s="106"/>
      <c r="AJ65" s="106"/>
      <c r="AK65" s="106"/>
      <c r="AL65" s="106"/>
      <c r="AM65" s="98"/>
      <c r="AN65" s="98"/>
      <c r="AO65" s="98"/>
      <c r="AP65" s="98"/>
      <c r="AQ65" s="98"/>
      <c r="AR65" s="98"/>
      <c r="AS65" s="98"/>
      <c r="AT65" s="98"/>
      <c r="AU65" s="98"/>
      <c r="AV65" s="98"/>
      <c r="AW65" s="98"/>
      <c r="AX65" s="98"/>
      <c r="AY65" s="98"/>
      <c r="AZ65" s="98"/>
      <c r="BA65" s="98"/>
      <c r="BB65" s="98"/>
      <c r="BC65" s="98"/>
    </row>
    <row r="66" spans="1:55" s="57" customFormat="1" ht="274.5" customHeight="1" thickTop="1" thickBot="1" x14ac:dyDescent="0.25">
      <c r="A66" s="141" t="s">
        <v>234</v>
      </c>
      <c r="B66" s="142"/>
      <c r="C66" s="142"/>
      <c r="D66" s="142"/>
      <c r="E66" s="142"/>
      <c r="F66" s="142"/>
      <c r="G66" s="142"/>
      <c r="H66" s="142"/>
      <c r="I66" s="142"/>
      <c r="J66" s="142"/>
      <c r="K66" s="142"/>
      <c r="L66" s="142"/>
      <c r="M66" s="143"/>
      <c r="N66" s="144" t="s">
        <v>27</v>
      </c>
      <c r="O66" s="347" t="s">
        <v>20</v>
      </c>
      <c r="P66" s="347" t="s">
        <v>21</v>
      </c>
      <c r="Q66" s="349" t="s">
        <v>22</v>
      </c>
      <c r="R66" s="55"/>
      <c r="S66" s="56"/>
      <c r="T66" s="106"/>
      <c r="U66" s="106"/>
      <c r="V66" s="106"/>
      <c r="W66" s="106"/>
      <c r="X66" s="106"/>
      <c r="Y66" s="106"/>
      <c r="Z66" s="106"/>
      <c r="AA66" s="106"/>
      <c r="AB66" s="106"/>
      <c r="AC66" s="106"/>
      <c r="AD66" s="106"/>
      <c r="AE66" s="106"/>
      <c r="AF66" s="106"/>
      <c r="AG66" s="106"/>
      <c r="AH66" s="106"/>
      <c r="AI66" s="106"/>
      <c r="AJ66" s="106"/>
      <c r="AK66" s="106"/>
      <c r="AL66" s="106"/>
      <c r="AM66" s="106"/>
      <c r="AN66" s="106"/>
      <c r="AO66" s="106"/>
      <c r="AP66" s="106"/>
      <c r="AQ66" s="106"/>
      <c r="AR66" s="106"/>
      <c r="AS66" s="106"/>
      <c r="AT66" s="106"/>
      <c r="AU66" s="106"/>
      <c r="AV66" s="106"/>
      <c r="AW66" s="106"/>
      <c r="AX66" s="106"/>
      <c r="AY66" s="106"/>
      <c r="AZ66" s="106"/>
      <c r="BA66" s="106"/>
      <c r="BB66" s="106"/>
      <c r="BC66" s="106"/>
    </row>
    <row r="67" spans="1:55" s="546" customFormat="1" ht="69.900000000000006" customHeight="1" thickTop="1" x14ac:dyDescent="0.2">
      <c r="A67" s="641" t="s">
        <v>28</v>
      </c>
      <c r="B67" s="642"/>
      <c r="C67" s="642"/>
      <c r="D67" s="642"/>
      <c r="E67" s="642"/>
      <c r="F67" s="642"/>
      <c r="G67" s="642"/>
      <c r="H67" s="642"/>
      <c r="I67" s="642"/>
      <c r="J67" s="642"/>
      <c r="K67" s="642"/>
      <c r="L67" s="643"/>
      <c r="M67" s="642"/>
      <c r="N67" s="642"/>
      <c r="O67" s="642"/>
      <c r="P67" s="642"/>
      <c r="Q67" s="644"/>
      <c r="R67" s="561"/>
      <c r="S67" s="199"/>
    </row>
    <row r="68" spans="1:55" s="570" customFormat="1" ht="75" customHeight="1" x14ac:dyDescent="0.2">
      <c r="A68" s="575"/>
      <c r="B68" s="576"/>
      <c r="C68" s="576"/>
      <c r="D68" s="576"/>
      <c r="E68" s="576"/>
      <c r="F68" s="576"/>
      <c r="G68" s="576"/>
      <c r="H68" s="576"/>
      <c r="I68" s="576"/>
      <c r="J68" s="576"/>
      <c r="K68" s="576"/>
      <c r="L68" s="577"/>
      <c r="M68" s="576"/>
      <c r="N68" s="576"/>
      <c r="O68" s="576"/>
      <c r="P68" s="576"/>
      <c r="Q68" s="578"/>
      <c r="R68" s="561"/>
      <c r="S68" s="579"/>
    </row>
    <row r="69" spans="1:55" s="570" customFormat="1" ht="75" customHeight="1" thickBot="1" x14ac:dyDescent="0.25">
      <c r="A69" s="580"/>
      <c r="B69" s="581"/>
      <c r="C69" s="581"/>
      <c r="D69" s="581"/>
      <c r="E69" s="581"/>
      <c r="F69" s="581"/>
      <c r="G69" s="581"/>
      <c r="H69" s="581"/>
      <c r="I69" s="581"/>
      <c r="J69" s="581"/>
      <c r="K69" s="581"/>
      <c r="L69" s="582"/>
      <c r="M69" s="581"/>
      <c r="N69" s="581"/>
      <c r="O69" s="581"/>
      <c r="P69" s="581"/>
      <c r="Q69" s="583"/>
      <c r="R69" s="561"/>
      <c r="S69" s="579"/>
    </row>
    <row r="70" spans="1:55" s="546" customFormat="1" ht="69.75" customHeight="1" thickBot="1" x14ac:dyDescent="0.25">
      <c r="A70" s="584" t="s">
        <v>53</v>
      </c>
      <c r="B70" s="585"/>
      <c r="C70" s="585"/>
      <c r="D70" s="585"/>
      <c r="E70" s="585"/>
      <c r="F70" s="585"/>
      <c r="G70" s="585"/>
      <c r="H70" s="585"/>
      <c r="I70" s="585"/>
      <c r="J70" s="585"/>
      <c r="K70" s="585"/>
      <c r="L70" s="586"/>
      <c r="M70" s="585"/>
      <c r="N70" s="585"/>
      <c r="O70" s="585"/>
      <c r="P70" s="585"/>
      <c r="Q70" s="587"/>
      <c r="R70" s="561"/>
      <c r="S70" s="595"/>
      <c r="T70" s="596"/>
      <c r="U70" s="596"/>
      <c r="V70" s="596"/>
      <c r="W70" s="596"/>
      <c r="X70" s="596"/>
      <c r="Y70" s="596"/>
      <c r="Z70" s="596"/>
      <c r="AA70" s="596"/>
      <c r="AB70" s="596"/>
      <c r="AC70" s="596"/>
      <c r="AD70" s="596"/>
      <c r="AE70" s="596"/>
      <c r="AF70" s="596"/>
      <c r="AG70" s="596"/>
      <c r="AH70" s="596"/>
      <c r="AI70" s="596"/>
      <c r="AJ70" s="596"/>
      <c r="AK70" s="596"/>
      <c r="AL70" s="596"/>
      <c r="AM70" s="596"/>
      <c r="AN70" s="596"/>
      <c r="AO70" s="596"/>
      <c r="AP70" s="596"/>
      <c r="AQ70" s="596"/>
      <c r="AR70" s="596"/>
      <c r="AS70" s="596"/>
      <c r="AT70" s="596"/>
      <c r="AU70" s="596"/>
      <c r="AV70" s="596"/>
      <c r="AW70" s="596"/>
      <c r="AX70" s="596"/>
      <c r="AY70" s="596"/>
      <c r="AZ70" s="596"/>
      <c r="BA70" s="596"/>
      <c r="BB70" s="596"/>
    </row>
    <row r="71" spans="1:55" s="570" customFormat="1" ht="217.5" customHeight="1" thickTop="1" thickBot="1" x14ac:dyDescent="0.25">
      <c r="A71" s="645" t="s">
        <v>235</v>
      </c>
      <c r="B71" s="646"/>
      <c r="C71" s="646"/>
      <c r="D71" s="646"/>
      <c r="E71" s="646"/>
      <c r="F71" s="646"/>
      <c r="G71" s="646"/>
      <c r="H71" s="646"/>
      <c r="I71" s="646"/>
      <c r="J71" s="646"/>
      <c r="K71" s="646"/>
      <c r="L71" s="646"/>
      <c r="M71" s="646"/>
      <c r="N71" s="647"/>
      <c r="O71" s="648" t="s">
        <v>20</v>
      </c>
      <c r="P71" s="648" t="s">
        <v>21</v>
      </c>
      <c r="Q71" s="649" t="s">
        <v>22</v>
      </c>
      <c r="R71" s="561"/>
      <c r="S71" s="569"/>
      <c r="T71" s="600"/>
      <c r="U71" s="600"/>
      <c r="V71" s="600"/>
      <c r="W71" s="600"/>
      <c r="X71" s="600"/>
      <c r="Y71" s="600"/>
      <c r="Z71" s="600"/>
      <c r="AA71" s="600"/>
      <c r="AB71" s="600"/>
      <c r="AC71" s="600"/>
      <c r="AD71" s="600"/>
      <c r="AE71" s="600"/>
      <c r="AF71" s="600"/>
      <c r="AG71" s="600"/>
      <c r="AH71" s="600"/>
      <c r="AI71" s="600"/>
      <c r="AJ71" s="600"/>
      <c r="AK71" s="600"/>
      <c r="AL71" s="600"/>
      <c r="AM71" s="600"/>
      <c r="AN71" s="600"/>
      <c r="AO71" s="600"/>
      <c r="AP71" s="600"/>
      <c r="AQ71" s="600"/>
      <c r="AR71" s="600"/>
      <c r="AS71" s="600"/>
      <c r="AT71" s="600"/>
      <c r="AU71" s="600"/>
      <c r="AV71" s="600"/>
      <c r="AW71" s="600"/>
      <c r="AX71" s="600"/>
      <c r="AY71" s="600"/>
      <c r="AZ71" s="600"/>
      <c r="BA71" s="600"/>
      <c r="BB71" s="600"/>
    </row>
    <row r="72" spans="1:55" s="546" customFormat="1" ht="69.900000000000006" customHeight="1" thickTop="1" x14ac:dyDescent="0.2">
      <c r="A72" s="641" t="s">
        <v>178</v>
      </c>
      <c r="B72" s="642"/>
      <c r="C72" s="642"/>
      <c r="D72" s="642"/>
      <c r="E72" s="642"/>
      <c r="F72" s="642"/>
      <c r="G72" s="642"/>
      <c r="H72" s="642"/>
      <c r="I72" s="642"/>
      <c r="J72" s="642"/>
      <c r="K72" s="642"/>
      <c r="L72" s="643"/>
      <c r="M72" s="642"/>
      <c r="N72" s="642"/>
      <c r="O72" s="642"/>
      <c r="P72" s="642"/>
      <c r="Q72" s="644"/>
      <c r="R72" s="561"/>
      <c r="S72" s="199"/>
    </row>
    <row r="73" spans="1:55" s="546" customFormat="1" ht="69.900000000000006" customHeight="1" x14ac:dyDescent="0.2">
      <c r="A73" s="650" t="s">
        <v>56</v>
      </c>
      <c r="B73" s="651"/>
      <c r="C73" s="651"/>
      <c r="D73" s="651"/>
      <c r="E73" s="651"/>
      <c r="F73" s="651"/>
      <c r="G73" s="651"/>
      <c r="H73" s="651"/>
      <c r="I73" s="651"/>
      <c r="J73" s="652"/>
      <c r="K73" s="653"/>
      <c r="L73" s="654"/>
      <c r="M73" s="655"/>
      <c r="N73" s="655"/>
      <c r="O73" s="655"/>
      <c r="P73" s="655"/>
      <c r="Q73" s="656"/>
      <c r="R73" s="561"/>
      <c r="S73" s="199"/>
    </row>
    <row r="74" spans="1:55" s="570" customFormat="1" ht="69.900000000000006" customHeight="1" x14ac:dyDescent="0.2">
      <c r="A74" s="657" t="s">
        <v>57</v>
      </c>
      <c r="B74" s="658"/>
      <c r="C74" s="658"/>
      <c r="D74" s="658"/>
      <c r="E74" s="658"/>
      <c r="F74" s="658"/>
      <c r="G74" s="658"/>
      <c r="H74" s="658"/>
      <c r="I74" s="658"/>
      <c r="J74" s="659"/>
      <c r="K74" s="660"/>
      <c r="L74" s="245"/>
      <c r="M74" s="661"/>
      <c r="N74" s="661"/>
      <c r="O74" s="661"/>
      <c r="P74" s="661"/>
      <c r="Q74" s="662"/>
      <c r="R74" s="561"/>
      <c r="S74" s="663"/>
      <c r="T74" s="664"/>
      <c r="U74" s="664"/>
      <c r="V74" s="664"/>
      <c r="W74" s="664"/>
      <c r="X74" s="664"/>
      <c r="Y74" s="664"/>
      <c r="Z74" s="664"/>
      <c r="AA74" s="664"/>
      <c r="AB74" s="664"/>
      <c r="AC74" s="664"/>
      <c r="AD74" s="664"/>
      <c r="AE74" s="664"/>
      <c r="AF74" s="664"/>
      <c r="AG74" s="664"/>
      <c r="AH74" s="664"/>
      <c r="AI74" s="664"/>
      <c r="AJ74" s="664"/>
      <c r="AK74" s="664"/>
      <c r="AL74" s="664"/>
      <c r="AM74" s="664"/>
      <c r="AN74" s="664"/>
      <c r="AO74" s="664"/>
      <c r="AP74" s="664"/>
      <c r="AQ74" s="664"/>
      <c r="AR74" s="664"/>
      <c r="AS74" s="664"/>
      <c r="AT74" s="664"/>
      <c r="AU74" s="664"/>
      <c r="AV74" s="664"/>
      <c r="AW74" s="664"/>
      <c r="AX74" s="664"/>
      <c r="AY74" s="664"/>
      <c r="AZ74" s="664"/>
      <c r="BA74" s="664"/>
      <c r="BB74" s="664"/>
    </row>
    <row r="75" spans="1:55" s="546" customFormat="1" ht="69.900000000000006" customHeight="1" x14ac:dyDescent="0.2">
      <c r="A75" s="70" t="s">
        <v>28</v>
      </c>
      <c r="B75" s="72"/>
      <c r="C75" s="72"/>
      <c r="D75" s="72"/>
      <c r="E75" s="72"/>
      <c r="F75" s="72"/>
      <c r="G75" s="72"/>
      <c r="H75" s="72"/>
      <c r="I75" s="72"/>
      <c r="J75" s="72"/>
      <c r="K75" s="72"/>
      <c r="L75" s="72"/>
      <c r="M75" s="72"/>
      <c r="N75" s="72"/>
      <c r="O75" s="72"/>
      <c r="P75" s="72"/>
      <c r="Q75" s="202"/>
      <c r="R75" s="561"/>
      <c r="S75" s="199"/>
    </row>
    <row r="76" spans="1:55" s="570" customFormat="1" ht="75" customHeight="1" x14ac:dyDescent="0.2">
      <c r="A76" s="575"/>
      <c r="B76" s="576"/>
      <c r="C76" s="576"/>
      <c r="D76" s="576"/>
      <c r="E76" s="576"/>
      <c r="F76" s="576"/>
      <c r="G76" s="576"/>
      <c r="H76" s="576"/>
      <c r="I76" s="576"/>
      <c r="J76" s="576"/>
      <c r="K76" s="576"/>
      <c r="L76" s="577"/>
      <c r="M76" s="576"/>
      <c r="N76" s="576"/>
      <c r="O76" s="576"/>
      <c r="P76" s="576"/>
      <c r="Q76" s="578"/>
      <c r="R76" s="561"/>
      <c r="S76" s="579"/>
    </row>
    <row r="77" spans="1:55" s="570" customFormat="1" ht="75" customHeight="1" thickBot="1" x14ac:dyDescent="0.25">
      <c r="A77" s="606"/>
      <c r="B77" s="607"/>
      <c r="C77" s="607"/>
      <c r="D77" s="607"/>
      <c r="E77" s="607"/>
      <c r="F77" s="607"/>
      <c r="G77" s="607"/>
      <c r="H77" s="607"/>
      <c r="I77" s="607"/>
      <c r="J77" s="607"/>
      <c r="K77" s="607"/>
      <c r="L77" s="608"/>
      <c r="M77" s="607"/>
      <c r="N77" s="607"/>
      <c r="O77" s="607"/>
      <c r="P77" s="607"/>
      <c r="Q77" s="609"/>
      <c r="R77" s="561"/>
      <c r="S77" s="113"/>
    </row>
    <row r="78" spans="1:55" s="546" customFormat="1" ht="69.900000000000006" customHeight="1" thickBot="1" x14ac:dyDescent="0.25">
      <c r="A78" s="584" t="s">
        <v>58</v>
      </c>
      <c r="B78" s="585"/>
      <c r="C78" s="585"/>
      <c r="D78" s="585"/>
      <c r="E78" s="585"/>
      <c r="F78" s="585"/>
      <c r="G78" s="585"/>
      <c r="H78" s="585"/>
      <c r="I78" s="585"/>
      <c r="J78" s="585"/>
      <c r="K78" s="585"/>
      <c r="L78" s="586"/>
      <c r="M78" s="585"/>
      <c r="N78" s="585"/>
      <c r="O78" s="585"/>
      <c r="P78" s="585"/>
      <c r="Q78" s="587"/>
      <c r="R78" s="561"/>
      <c r="S78" s="555" t="s">
        <v>236</v>
      </c>
      <c r="T78" s="596"/>
      <c r="U78" s="596"/>
      <c r="V78" s="596"/>
      <c r="W78" s="596"/>
      <c r="X78" s="596"/>
      <c r="Y78" s="596"/>
      <c r="Z78" s="596"/>
      <c r="AA78" s="596"/>
      <c r="AB78" s="596"/>
      <c r="AC78" s="596"/>
      <c r="AD78" s="596"/>
      <c r="AE78" s="596"/>
      <c r="AF78" s="596"/>
      <c r="AG78" s="596"/>
      <c r="AH78" s="596"/>
      <c r="AI78" s="596"/>
      <c r="AJ78" s="596"/>
      <c r="AK78" s="596"/>
      <c r="AL78" s="596"/>
      <c r="AM78" s="596"/>
      <c r="AN78" s="596"/>
      <c r="AO78" s="596"/>
      <c r="AP78" s="596"/>
      <c r="AQ78" s="596"/>
      <c r="AR78" s="596"/>
      <c r="AS78" s="596"/>
      <c r="AT78" s="596"/>
      <c r="AU78" s="596"/>
      <c r="AV78" s="596"/>
      <c r="AW78" s="596"/>
      <c r="AX78" s="596"/>
      <c r="AY78" s="596"/>
      <c r="AZ78" s="596"/>
      <c r="BA78" s="596"/>
      <c r="BB78" s="596"/>
    </row>
    <row r="79" spans="1:55" s="570" customFormat="1" ht="409.6" customHeight="1" thickTop="1" thickBot="1" x14ac:dyDescent="0.25">
      <c r="A79" s="665" t="s">
        <v>237</v>
      </c>
      <c r="B79" s="666"/>
      <c r="C79" s="666"/>
      <c r="D79" s="666"/>
      <c r="E79" s="666"/>
      <c r="F79" s="666"/>
      <c r="G79" s="666"/>
      <c r="H79" s="666"/>
      <c r="I79" s="666"/>
      <c r="J79" s="666"/>
      <c r="K79" s="666"/>
      <c r="L79" s="667"/>
      <c r="M79" s="666"/>
      <c r="N79" s="666"/>
      <c r="O79" s="648" t="s">
        <v>20</v>
      </c>
      <c r="P79" s="648" t="s">
        <v>21</v>
      </c>
      <c r="Q79" s="649" t="s">
        <v>22</v>
      </c>
      <c r="R79" s="561"/>
      <c r="S79" s="569"/>
      <c r="T79" s="600"/>
      <c r="U79" s="600"/>
      <c r="V79" s="600"/>
      <c r="W79" s="600"/>
      <c r="X79" s="600"/>
      <c r="Y79" s="600"/>
      <c r="Z79" s="600"/>
      <c r="AA79" s="600"/>
      <c r="AB79" s="600"/>
      <c r="AC79" s="600"/>
      <c r="AD79" s="600"/>
      <c r="AE79" s="600"/>
      <c r="AF79" s="600"/>
      <c r="AG79" s="600"/>
      <c r="AH79" s="600"/>
      <c r="AI79" s="600"/>
      <c r="AJ79" s="600"/>
      <c r="AK79" s="600"/>
      <c r="AL79" s="600"/>
      <c r="AM79" s="600"/>
      <c r="AN79" s="600"/>
      <c r="AO79" s="600"/>
      <c r="AP79" s="600"/>
      <c r="AQ79" s="600"/>
      <c r="AR79" s="600"/>
      <c r="AS79" s="600"/>
      <c r="AT79" s="600"/>
      <c r="AU79" s="600"/>
      <c r="AV79" s="600"/>
      <c r="AW79" s="600"/>
      <c r="AX79" s="600"/>
      <c r="AY79" s="600"/>
      <c r="AZ79" s="600"/>
      <c r="BA79" s="600"/>
      <c r="BB79" s="600"/>
    </row>
    <row r="80" spans="1:55" s="546" customFormat="1" ht="69.900000000000006" customHeight="1" thickTop="1" x14ac:dyDescent="0.2">
      <c r="A80" s="70" t="s">
        <v>28</v>
      </c>
      <c r="B80" s="72"/>
      <c r="C80" s="72"/>
      <c r="D80" s="72"/>
      <c r="E80" s="72"/>
      <c r="F80" s="72"/>
      <c r="G80" s="72"/>
      <c r="H80" s="72"/>
      <c r="I80" s="72"/>
      <c r="J80" s="72"/>
      <c r="K80" s="72"/>
      <c r="L80" s="72"/>
      <c r="M80" s="72"/>
      <c r="N80" s="72"/>
      <c r="O80" s="72"/>
      <c r="P80" s="72"/>
      <c r="Q80" s="202"/>
      <c r="R80" s="561"/>
      <c r="S80" s="199"/>
    </row>
    <row r="81" spans="1:54" s="570" customFormat="1" ht="75" customHeight="1" x14ac:dyDescent="0.2">
      <c r="A81" s="575"/>
      <c r="B81" s="576"/>
      <c r="C81" s="576"/>
      <c r="D81" s="576"/>
      <c r="E81" s="576"/>
      <c r="F81" s="576"/>
      <c r="G81" s="576"/>
      <c r="H81" s="576"/>
      <c r="I81" s="576"/>
      <c r="J81" s="576"/>
      <c r="K81" s="576"/>
      <c r="L81" s="577"/>
      <c r="M81" s="576"/>
      <c r="N81" s="576"/>
      <c r="O81" s="576"/>
      <c r="P81" s="576"/>
      <c r="Q81" s="578"/>
      <c r="R81" s="561"/>
      <c r="S81" s="579"/>
    </row>
    <row r="82" spans="1:54" s="570" customFormat="1" ht="75" customHeight="1" thickBot="1" x14ac:dyDescent="0.25">
      <c r="A82" s="580"/>
      <c r="B82" s="581"/>
      <c r="C82" s="581"/>
      <c r="D82" s="581"/>
      <c r="E82" s="581"/>
      <c r="F82" s="581"/>
      <c r="G82" s="581"/>
      <c r="H82" s="581"/>
      <c r="I82" s="581"/>
      <c r="J82" s="581"/>
      <c r="K82" s="581"/>
      <c r="L82" s="582"/>
      <c r="M82" s="581"/>
      <c r="N82" s="581"/>
      <c r="O82" s="581"/>
      <c r="P82" s="581"/>
      <c r="Q82" s="583"/>
      <c r="R82" s="561"/>
      <c r="S82" s="579"/>
    </row>
    <row r="83" spans="1:54" s="546" customFormat="1" ht="69.900000000000006" customHeight="1" thickBot="1" x14ac:dyDescent="0.25">
      <c r="A83" s="584" t="s">
        <v>238</v>
      </c>
      <c r="B83" s="593"/>
      <c r="C83" s="593"/>
      <c r="D83" s="593"/>
      <c r="E83" s="593"/>
      <c r="F83" s="593"/>
      <c r="G83" s="593"/>
      <c r="H83" s="593"/>
      <c r="I83" s="593"/>
      <c r="J83" s="593"/>
      <c r="K83" s="593"/>
      <c r="L83" s="586"/>
      <c r="M83" s="593"/>
      <c r="N83" s="593"/>
      <c r="O83" s="593"/>
      <c r="P83" s="593"/>
      <c r="Q83" s="594"/>
      <c r="R83" s="561"/>
      <c r="S83" s="595"/>
      <c r="T83" s="668"/>
      <c r="U83" s="596"/>
      <c r="V83" s="596"/>
      <c r="W83" s="596"/>
      <c r="X83" s="596"/>
      <c r="Y83" s="596"/>
      <c r="Z83" s="596"/>
      <c r="AA83" s="596"/>
      <c r="AB83" s="596"/>
      <c r="AC83" s="596"/>
      <c r="AD83" s="596"/>
      <c r="AE83" s="596"/>
      <c r="AF83" s="596"/>
      <c r="AG83" s="596"/>
      <c r="AH83" s="596"/>
      <c r="AI83" s="596"/>
      <c r="AJ83" s="596"/>
      <c r="AK83" s="596"/>
      <c r="AL83" s="596"/>
      <c r="AM83" s="596"/>
      <c r="AN83" s="596"/>
      <c r="AO83" s="596"/>
      <c r="AP83" s="596"/>
      <c r="AQ83" s="596"/>
      <c r="AR83" s="596"/>
      <c r="AS83" s="596"/>
      <c r="AT83" s="596"/>
      <c r="AU83" s="596"/>
      <c r="AV83" s="596"/>
      <c r="AW83" s="596"/>
      <c r="AX83" s="596"/>
      <c r="AY83" s="596"/>
      <c r="AZ83" s="596"/>
      <c r="BA83" s="596"/>
      <c r="BB83" s="596"/>
    </row>
    <row r="84" spans="1:54" s="570" customFormat="1" ht="132" customHeight="1" thickTop="1" thickBot="1" x14ac:dyDescent="0.25">
      <c r="A84" s="669" t="s">
        <v>239</v>
      </c>
      <c r="B84" s="196"/>
      <c r="C84" s="196"/>
      <c r="D84" s="196"/>
      <c r="E84" s="196"/>
      <c r="F84" s="196"/>
      <c r="G84" s="196"/>
      <c r="H84" s="196"/>
      <c r="I84" s="196"/>
      <c r="J84" s="196"/>
      <c r="K84" s="196"/>
      <c r="L84" s="196"/>
      <c r="M84" s="670"/>
      <c r="N84" s="671" t="s">
        <v>27</v>
      </c>
      <c r="O84" s="672" t="s">
        <v>20</v>
      </c>
      <c r="P84" s="672" t="s">
        <v>21</v>
      </c>
      <c r="Q84" s="673" t="s">
        <v>22</v>
      </c>
      <c r="R84" s="561"/>
      <c r="S84" s="569"/>
      <c r="T84" s="600"/>
      <c r="U84" s="600"/>
      <c r="V84" s="600"/>
      <c r="W84" s="600"/>
      <c r="X84" s="600"/>
      <c r="Y84" s="600"/>
      <c r="Z84" s="600"/>
      <c r="AA84" s="600"/>
      <c r="AB84" s="600"/>
      <c r="AC84" s="600"/>
      <c r="AD84" s="600"/>
      <c r="AE84" s="600"/>
      <c r="AF84" s="600"/>
      <c r="AG84" s="600"/>
      <c r="AH84" s="600"/>
      <c r="AI84" s="600"/>
      <c r="AJ84" s="600"/>
      <c r="AK84" s="600"/>
      <c r="AL84" s="600"/>
      <c r="AM84" s="600"/>
      <c r="AN84" s="600"/>
      <c r="AO84" s="600"/>
      <c r="AP84" s="600"/>
      <c r="AQ84" s="600"/>
      <c r="AR84" s="600"/>
      <c r="AS84" s="600"/>
      <c r="AT84" s="600"/>
      <c r="AU84" s="600"/>
      <c r="AV84" s="600"/>
      <c r="AW84" s="600"/>
      <c r="AX84" s="600"/>
      <c r="AY84" s="600"/>
      <c r="AZ84" s="600"/>
      <c r="BA84" s="600"/>
      <c r="BB84" s="600"/>
    </row>
    <row r="85" spans="1:54" s="546" customFormat="1" ht="69" customHeight="1" thickTop="1" x14ac:dyDescent="0.2">
      <c r="A85" s="674" t="s">
        <v>55</v>
      </c>
      <c r="B85" s="675"/>
      <c r="C85" s="675"/>
      <c r="D85" s="675"/>
      <c r="E85" s="675"/>
      <c r="F85" s="675"/>
      <c r="G85" s="675"/>
      <c r="H85" s="675"/>
      <c r="I85" s="675"/>
      <c r="J85" s="675"/>
      <c r="K85" s="675"/>
      <c r="L85" s="675"/>
      <c r="M85" s="675"/>
      <c r="N85" s="675"/>
      <c r="O85" s="675"/>
      <c r="P85" s="675"/>
      <c r="Q85" s="676"/>
      <c r="R85" s="561"/>
      <c r="S85" s="199"/>
    </row>
    <row r="86" spans="1:54" s="570" customFormat="1" ht="69" customHeight="1" x14ac:dyDescent="0.2">
      <c r="A86" s="650" t="s">
        <v>64</v>
      </c>
      <c r="B86" s="651"/>
      <c r="C86" s="651"/>
      <c r="D86" s="651"/>
      <c r="E86" s="651"/>
      <c r="F86" s="651"/>
      <c r="G86" s="651"/>
      <c r="H86" s="651"/>
      <c r="I86" s="651"/>
      <c r="J86" s="652"/>
      <c r="K86" s="655"/>
      <c r="L86" s="654"/>
      <c r="M86" s="655"/>
      <c r="N86" s="655"/>
      <c r="O86" s="655"/>
      <c r="P86" s="655"/>
      <c r="Q86" s="656"/>
      <c r="R86" s="561"/>
      <c r="S86" s="595"/>
      <c r="T86" s="600"/>
      <c r="U86" s="600"/>
      <c r="V86" s="600"/>
      <c r="W86" s="600"/>
      <c r="X86" s="600"/>
      <c r="Y86" s="600"/>
      <c r="Z86" s="600"/>
      <c r="AA86" s="600"/>
      <c r="AB86" s="600"/>
      <c r="AC86" s="600"/>
      <c r="AD86" s="600"/>
      <c r="AE86" s="600"/>
      <c r="AF86" s="600"/>
      <c r="AG86" s="600"/>
      <c r="AH86" s="600"/>
      <c r="AI86" s="600"/>
      <c r="AJ86" s="600"/>
      <c r="AK86" s="600"/>
      <c r="AL86" s="600"/>
      <c r="AM86" s="600"/>
      <c r="AN86" s="600"/>
      <c r="AO86" s="600"/>
      <c r="AP86" s="600"/>
      <c r="AQ86" s="600"/>
      <c r="AR86" s="600"/>
      <c r="AS86" s="600"/>
      <c r="AT86" s="600"/>
      <c r="AU86" s="600"/>
      <c r="AV86" s="600"/>
      <c r="AW86" s="600"/>
      <c r="AX86" s="600"/>
      <c r="AY86" s="600"/>
      <c r="AZ86" s="600"/>
      <c r="BA86" s="600"/>
      <c r="BB86" s="600"/>
    </row>
    <row r="87" spans="1:54" s="570" customFormat="1" ht="69" customHeight="1" x14ac:dyDescent="0.2">
      <c r="A87" s="180" t="s">
        <v>65</v>
      </c>
      <c r="B87" s="181"/>
      <c r="C87" s="181"/>
      <c r="D87" s="181"/>
      <c r="E87" s="181"/>
      <c r="F87" s="181"/>
      <c r="G87" s="181"/>
      <c r="H87" s="181"/>
      <c r="I87" s="181"/>
      <c r="J87" s="182"/>
      <c r="K87" s="605" t="s">
        <v>66</v>
      </c>
      <c r="L87" s="677"/>
      <c r="M87" s="677"/>
      <c r="N87" s="677"/>
      <c r="O87" s="677"/>
      <c r="P87" s="677"/>
      <c r="Q87" s="678"/>
      <c r="R87" s="561"/>
      <c r="S87" s="595"/>
      <c r="T87" s="600"/>
      <c r="U87" s="600"/>
      <c r="V87" s="600"/>
      <c r="W87" s="600"/>
      <c r="X87" s="600"/>
      <c r="Y87" s="600"/>
      <c r="Z87" s="600"/>
      <c r="AA87" s="600"/>
      <c r="AB87" s="600"/>
      <c r="AC87" s="600"/>
      <c r="AD87" s="600"/>
      <c r="AE87" s="600"/>
      <c r="AF87" s="600"/>
      <c r="AG87" s="600"/>
      <c r="AH87" s="600"/>
      <c r="AI87" s="600"/>
      <c r="AJ87" s="600"/>
      <c r="AK87" s="600"/>
      <c r="AL87" s="600"/>
      <c r="AM87" s="600"/>
      <c r="AN87" s="600"/>
      <c r="AO87" s="600"/>
      <c r="AP87" s="600"/>
      <c r="AQ87" s="600"/>
      <c r="AR87" s="600"/>
      <c r="AS87" s="600"/>
      <c r="AT87" s="600"/>
      <c r="AU87" s="600"/>
      <c r="AV87" s="600"/>
      <c r="AW87" s="600"/>
      <c r="AX87" s="600"/>
      <c r="AY87" s="600"/>
      <c r="AZ87" s="600"/>
      <c r="BA87" s="600"/>
      <c r="BB87" s="600"/>
    </row>
    <row r="88" spans="1:54" s="201" customFormat="1" ht="69" customHeight="1" x14ac:dyDescent="0.2">
      <c r="A88" s="192"/>
      <c r="B88" s="193"/>
      <c r="C88" s="193"/>
      <c r="D88" s="193"/>
      <c r="E88" s="193"/>
      <c r="F88" s="193"/>
      <c r="G88" s="193"/>
      <c r="H88" s="193"/>
      <c r="I88" s="193"/>
      <c r="J88" s="194"/>
      <c r="K88" s="679" t="s">
        <v>67</v>
      </c>
      <c r="L88" s="196"/>
      <c r="M88" s="680"/>
      <c r="N88" s="680"/>
      <c r="O88" s="680"/>
      <c r="P88" s="680"/>
      <c r="Q88" s="681"/>
      <c r="R88" s="187"/>
      <c r="S88" s="199"/>
    </row>
    <row r="89" spans="1:54" s="546" customFormat="1" ht="69.900000000000006" customHeight="1" x14ac:dyDescent="0.2">
      <c r="A89" s="70" t="s">
        <v>28</v>
      </c>
      <c r="B89" s="72"/>
      <c r="C89" s="72"/>
      <c r="D89" s="72"/>
      <c r="E89" s="72"/>
      <c r="F89" s="72"/>
      <c r="G89" s="72"/>
      <c r="H89" s="72"/>
      <c r="I89" s="72"/>
      <c r="J89" s="72"/>
      <c r="K89" s="72"/>
      <c r="L89" s="72"/>
      <c r="M89" s="72"/>
      <c r="N89" s="72"/>
      <c r="O89" s="72"/>
      <c r="P89" s="72"/>
      <c r="Q89" s="202"/>
      <c r="R89" s="561"/>
      <c r="S89" s="199"/>
    </row>
    <row r="90" spans="1:54" s="570" customFormat="1" ht="75" customHeight="1" x14ac:dyDescent="0.2">
      <c r="A90" s="575"/>
      <c r="B90" s="576"/>
      <c r="C90" s="576"/>
      <c r="D90" s="576"/>
      <c r="E90" s="576"/>
      <c r="F90" s="576"/>
      <c r="G90" s="576"/>
      <c r="H90" s="576"/>
      <c r="I90" s="576"/>
      <c r="J90" s="576"/>
      <c r="K90" s="576"/>
      <c r="L90" s="577"/>
      <c r="M90" s="576"/>
      <c r="N90" s="576"/>
      <c r="O90" s="576"/>
      <c r="P90" s="576"/>
      <c r="Q90" s="578"/>
      <c r="R90" s="561"/>
      <c r="S90" s="579"/>
    </row>
    <row r="91" spans="1:54" s="570" customFormat="1" ht="75" customHeight="1" thickBot="1" x14ac:dyDescent="0.25">
      <c r="A91" s="580"/>
      <c r="B91" s="581"/>
      <c r="C91" s="581"/>
      <c r="D91" s="581"/>
      <c r="E91" s="581"/>
      <c r="F91" s="581"/>
      <c r="G91" s="581"/>
      <c r="H91" s="581"/>
      <c r="I91" s="581"/>
      <c r="J91" s="581"/>
      <c r="K91" s="581"/>
      <c r="L91" s="582"/>
      <c r="M91" s="581"/>
      <c r="N91" s="581"/>
      <c r="O91" s="581"/>
      <c r="P91" s="581"/>
      <c r="Q91" s="583"/>
      <c r="R91" s="561"/>
      <c r="S91" s="579"/>
    </row>
    <row r="92" spans="1:54" s="546" customFormat="1" ht="69.900000000000006" customHeight="1" thickBot="1" x14ac:dyDescent="0.25">
      <c r="A92" s="584" t="s">
        <v>68</v>
      </c>
      <c r="B92" s="585"/>
      <c r="C92" s="585"/>
      <c r="D92" s="585"/>
      <c r="E92" s="585"/>
      <c r="F92" s="585"/>
      <c r="G92" s="585"/>
      <c r="H92" s="585"/>
      <c r="I92" s="585"/>
      <c r="J92" s="585"/>
      <c r="K92" s="585"/>
      <c r="L92" s="586"/>
      <c r="M92" s="585"/>
      <c r="N92" s="585"/>
      <c r="O92" s="585"/>
      <c r="P92" s="585"/>
      <c r="Q92" s="587"/>
      <c r="R92" s="561"/>
      <c r="S92" s="595"/>
      <c r="T92" s="596"/>
      <c r="U92" s="596"/>
      <c r="V92" s="600"/>
      <c r="W92" s="600"/>
      <c r="X92" s="600"/>
      <c r="Y92" s="600"/>
      <c r="Z92" s="600"/>
      <c r="AA92" s="600"/>
      <c r="AB92" s="600"/>
      <c r="AC92" s="600"/>
      <c r="AD92" s="600"/>
      <c r="AE92" s="600"/>
      <c r="AF92" s="600"/>
      <c r="AG92" s="600"/>
      <c r="AH92" s="600"/>
      <c r="AI92" s="600"/>
      <c r="AJ92" s="600"/>
      <c r="AK92" s="600"/>
      <c r="AL92" s="596"/>
      <c r="AM92" s="596"/>
      <c r="AN92" s="596"/>
      <c r="AO92" s="596"/>
      <c r="AP92" s="596"/>
      <c r="AQ92" s="596"/>
      <c r="AR92" s="596"/>
      <c r="AS92" s="596"/>
      <c r="AT92" s="596"/>
      <c r="AU92" s="596"/>
      <c r="AV92" s="596"/>
      <c r="AW92" s="596"/>
      <c r="AX92" s="596"/>
      <c r="AY92" s="596"/>
      <c r="AZ92" s="596"/>
      <c r="BA92" s="596"/>
      <c r="BB92" s="596"/>
    </row>
    <row r="93" spans="1:54" s="570" customFormat="1" ht="219.9" customHeight="1" thickTop="1" thickBot="1" x14ac:dyDescent="0.25">
      <c r="A93" s="610" t="s">
        <v>240</v>
      </c>
      <c r="B93" s="611"/>
      <c r="C93" s="611"/>
      <c r="D93" s="611"/>
      <c r="E93" s="611"/>
      <c r="F93" s="611"/>
      <c r="G93" s="611"/>
      <c r="H93" s="611"/>
      <c r="I93" s="611"/>
      <c r="J93" s="611"/>
      <c r="K93" s="611"/>
      <c r="L93" s="568"/>
      <c r="M93" s="611"/>
      <c r="N93" s="611"/>
      <c r="O93" s="648" t="s">
        <v>20</v>
      </c>
      <c r="P93" s="648" t="s">
        <v>21</v>
      </c>
      <c r="Q93" s="649" t="s">
        <v>22</v>
      </c>
      <c r="R93" s="561"/>
      <c r="S93" s="569"/>
      <c r="T93" s="600"/>
      <c r="U93" s="600"/>
      <c r="V93" s="600"/>
      <c r="W93" s="600"/>
      <c r="X93" s="600"/>
      <c r="Y93" s="600"/>
      <c r="Z93" s="600"/>
      <c r="AA93" s="600"/>
      <c r="AB93" s="600"/>
      <c r="AC93" s="600"/>
      <c r="AD93" s="600"/>
      <c r="AE93" s="600"/>
      <c r="AF93" s="600"/>
      <c r="AG93" s="600"/>
      <c r="AH93" s="600"/>
      <c r="AI93" s="600"/>
      <c r="AJ93" s="600"/>
      <c r="AK93" s="600"/>
      <c r="AL93" s="600"/>
      <c r="AM93" s="600"/>
      <c r="AN93" s="600"/>
      <c r="AO93" s="600"/>
      <c r="AP93" s="600"/>
      <c r="AQ93" s="600"/>
      <c r="AR93" s="600"/>
      <c r="AS93" s="600"/>
      <c r="AT93" s="600"/>
      <c r="AU93" s="600"/>
      <c r="AV93" s="600"/>
      <c r="AW93" s="600"/>
      <c r="AX93" s="600"/>
      <c r="AY93" s="600"/>
      <c r="AZ93" s="600"/>
      <c r="BA93" s="600"/>
      <c r="BB93" s="600"/>
    </row>
    <row r="94" spans="1:54" s="570" customFormat="1" ht="219.9" customHeight="1" thickTop="1" thickBot="1" x14ac:dyDescent="0.25">
      <c r="A94" s="604" t="s">
        <v>241</v>
      </c>
      <c r="B94" s="605"/>
      <c r="C94" s="605"/>
      <c r="D94" s="605"/>
      <c r="E94" s="605"/>
      <c r="F94" s="605"/>
      <c r="G94" s="605"/>
      <c r="H94" s="605"/>
      <c r="I94" s="605"/>
      <c r="J94" s="605"/>
      <c r="K94" s="605"/>
      <c r="L94" s="184"/>
      <c r="M94" s="605"/>
      <c r="N94" s="605"/>
      <c r="O94" s="682" t="s">
        <v>24</v>
      </c>
      <c r="P94" s="683" t="s">
        <v>25</v>
      </c>
      <c r="Q94" s="684" t="s">
        <v>22</v>
      </c>
      <c r="R94" s="561"/>
      <c r="S94" s="569"/>
      <c r="T94" s="600"/>
      <c r="U94" s="600"/>
      <c r="V94" s="596"/>
      <c r="W94" s="596"/>
      <c r="X94" s="596"/>
      <c r="Y94" s="596"/>
      <c r="Z94" s="596"/>
      <c r="AA94" s="596"/>
      <c r="AB94" s="596"/>
      <c r="AC94" s="596"/>
      <c r="AD94" s="596"/>
      <c r="AE94" s="596"/>
      <c r="AF94" s="596"/>
      <c r="AG94" s="596"/>
      <c r="AH94" s="596"/>
      <c r="AI94" s="596"/>
      <c r="AJ94" s="596"/>
      <c r="AK94" s="596"/>
      <c r="AL94" s="600"/>
      <c r="AM94" s="600"/>
      <c r="AN94" s="600"/>
      <c r="AO94" s="600"/>
      <c r="AP94" s="600"/>
      <c r="AQ94" s="600"/>
      <c r="AR94" s="600"/>
      <c r="AS94" s="600"/>
      <c r="AT94" s="600"/>
      <c r="AU94" s="600"/>
      <c r="AV94" s="600"/>
      <c r="AW94" s="600"/>
      <c r="AX94" s="600"/>
      <c r="AY94" s="600"/>
      <c r="AZ94" s="600"/>
      <c r="BA94" s="600"/>
      <c r="BB94" s="600"/>
    </row>
    <row r="95" spans="1:54" s="570" customFormat="1" ht="140.1" customHeight="1" thickTop="1" thickBot="1" x14ac:dyDescent="0.25">
      <c r="A95" s="604" t="s">
        <v>242</v>
      </c>
      <c r="B95" s="605"/>
      <c r="C95" s="605"/>
      <c r="D95" s="605"/>
      <c r="E95" s="605"/>
      <c r="F95" s="605"/>
      <c r="G95" s="605"/>
      <c r="H95" s="605"/>
      <c r="I95" s="605"/>
      <c r="J95" s="605"/>
      <c r="K95" s="605"/>
      <c r="L95" s="184"/>
      <c r="M95" s="605"/>
      <c r="N95" s="605"/>
      <c r="O95" s="685" t="s">
        <v>20</v>
      </c>
      <c r="P95" s="686" t="s">
        <v>25</v>
      </c>
      <c r="Q95" s="687" t="s">
        <v>22</v>
      </c>
      <c r="R95" s="561"/>
      <c r="S95" s="569"/>
      <c r="T95" s="600"/>
      <c r="U95" s="600"/>
      <c r="V95" s="600"/>
      <c r="W95" s="600"/>
      <c r="X95" s="600"/>
      <c r="Y95" s="600"/>
      <c r="Z95" s="600"/>
      <c r="AA95" s="600"/>
      <c r="AB95" s="600"/>
      <c r="AC95" s="600"/>
      <c r="AD95" s="600"/>
      <c r="AE95" s="600"/>
      <c r="AF95" s="600"/>
      <c r="AG95" s="600"/>
      <c r="AH95" s="600"/>
      <c r="AI95" s="600"/>
      <c r="AJ95" s="600"/>
      <c r="AK95" s="600"/>
      <c r="AL95" s="600"/>
      <c r="AM95" s="600"/>
      <c r="AN95" s="600"/>
      <c r="AO95" s="600"/>
      <c r="AP95" s="600"/>
      <c r="AQ95" s="600"/>
      <c r="AR95" s="600"/>
      <c r="AS95" s="600"/>
      <c r="AT95" s="600"/>
      <c r="AU95" s="600"/>
      <c r="AV95" s="600"/>
      <c r="AW95" s="600"/>
      <c r="AX95" s="600"/>
      <c r="AY95" s="600"/>
      <c r="AZ95" s="600"/>
      <c r="BA95" s="600"/>
      <c r="BB95" s="600"/>
    </row>
    <row r="96" spans="1:54" s="546" customFormat="1" ht="69.900000000000006" customHeight="1" thickTop="1" x14ac:dyDescent="0.2">
      <c r="A96" s="70" t="s">
        <v>28</v>
      </c>
      <c r="B96" s="72"/>
      <c r="C96" s="72"/>
      <c r="D96" s="72"/>
      <c r="E96" s="72"/>
      <c r="F96" s="72"/>
      <c r="G96" s="72"/>
      <c r="H96" s="72"/>
      <c r="I96" s="72"/>
      <c r="J96" s="72"/>
      <c r="K96" s="72"/>
      <c r="L96" s="72"/>
      <c r="M96" s="72"/>
      <c r="N96" s="72"/>
      <c r="O96" s="72"/>
      <c r="P96" s="72"/>
      <c r="Q96" s="202"/>
      <c r="R96" s="561"/>
      <c r="S96" s="199"/>
    </row>
    <row r="97" spans="1:54" s="570" customFormat="1" ht="75" customHeight="1" x14ac:dyDescent="0.2">
      <c r="A97" s="575"/>
      <c r="B97" s="576"/>
      <c r="C97" s="576"/>
      <c r="D97" s="576"/>
      <c r="E97" s="576"/>
      <c r="F97" s="576"/>
      <c r="G97" s="576"/>
      <c r="H97" s="576"/>
      <c r="I97" s="576"/>
      <c r="J97" s="576"/>
      <c r="K97" s="576"/>
      <c r="L97" s="577"/>
      <c r="M97" s="576"/>
      <c r="N97" s="576"/>
      <c r="O97" s="576"/>
      <c r="P97" s="576"/>
      <c r="Q97" s="578"/>
      <c r="R97" s="561"/>
      <c r="S97" s="579"/>
    </row>
    <row r="98" spans="1:54" s="570" customFormat="1" ht="75" customHeight="1" thickBot="1" x14ac:dyDescent="0.25">
      <c r="A98" s="580"/>
      <c r="B98" s="581"/>
      <c r="C98" s="581"/>
      <c r="D98" s="581"/>
      <c r="E98" s="581"/>
      <c r="F98" s="581"/>
      <c r="G98" s="581"/>
      <c r="H98" s="581"/>
      <c r="I98" s="581"/>
      <c r="J98" s="581"/>
      <c r="K98" s="581"/>
      <c r="L98" s="582"/>
      <c r="M98" s="581"/>
      <c r="N98" s="581"/>
      <c r="O98" s="581"/>
      <c r="P98" s="581"/>
      <c r="Q98" s="583"/>
      <c r="R98" s="561"/>
      <c r="S98" s="579"/>
    </row>
    <row r="99" spans="1:54" s="546" customFormat="1" ht="69.900000000000006" customHeight="1" thickBot="1" x14ac:dyDescent="0.25">
      <c r="A99" s="584" t="s">
        <v>72</v>
      </c>
      <c r="B99" s="585"/>
      <c r="C99" s="585"/>
      <c r="D99" s="585"/>
      <c r="E99" s="585"/>
      <c r="F99" s="585"/>
      <c r="G99" s="585"/>
      <c r="H99" s="585"/>
      <c r="I99" s="585"/>
      <c r="J99" s="585"/>
      <c r="K99" s="585"/>
      <c r="L99" s="586"/>
      <c r="M99" s="585"/>
      <c r="N99" s="585"/>
      <c r="O99" s="585"/>
      <c r="P99" s="585"/>
      <c r="Q99" s="587"/>
      <c r="R99" s="561"/>
      <c r="S99" s="595"/>
      <c r="T99" s="596"/>
      <c r="U99" s="596"/>
      <c r="V99" s="600"/>
      <c r="W99" s="600"/>
      <c r="X99" s="600"/>
      <c r="Y99" s="600"/>
      <c r="Z99" s="600"/>
      <c r="AA99" s="600"/>
      <c r="AB99" s="600"/>
      <c r="AC99" s="600"/>
      <c r="AD99" s="600"/>
      <c r="AE99" s="600"/>
      <c r="AF99" s="600"/>
      <c r="AG99" s="600"/>
      <c r="AH99" s="600"/>
      <c r="AI99" s="600"/>
      <c r="AJ99" s="600"/>
      <c r="AK99" s="600"/>
      <c r="AL99" s="596"/>
      <c r="AM99" s="596"/>
      <c r="AN99" s="596"/>
      <c r="AO99" s="596"/>
      <c r="AP99" s="596"/>
      <c r="AQ99" s="596"/>
      <c r="AR99" s="596"/>
      <c r="AS99" s="596"/>
      <c r="AT99" s="596"/>
      <c r="AU99" s="596"/>
      <c r="AV99" s="596"/>
      <c r="AW99" s="596"/>
      <c r="AX99" s="596"/>
      <c r="AY99" s="596"/>
      <c r="AZ99" s="596"/>
      <c r="BA99" s="596"/>
      <c r="BB99" s="596"/>
    </row>
    <row r="100" spans="1:54" s="570" customFormat="1" ht="150" customHeight="1" thickTop="1" thickBot="1" x14ac:dyDescent="0.25">
      <c r="A100" s="688" t="s">
        <v>243</v>
      </c>
      <c r="B100" s="689"/>
      <c r="C100" s="689"/>
      <c r="D100" s="689"/>
      <c r="E100" s="689"/>
      <c r="F100" s="689"/>
      <c r="G100" s="689"/>
      <c r="H100" s="689"/>
      <c r="I100" s="689"/>
      <c r="J100" s="689"/>
      <c r="K100" s="689"/>
      <c r="L100" s="690"/>
      <c r="M100" s="689"/>
      <c r="N100" s="691" t="s">
        <v>27</v>
      </c>
      <c r="O100" s="648" t="s">
        <v>20</v>
      </c>
      <c r="P100" s="648" t="s">
        <v>21</v>
      </c>
      <c r="Q100" s="649" t="s">
        <v>22</v>
      </c>
      <c r="R100" s="561"/>
      <c r="S100" s="569"/>
      <c r="T100" s="600"/>
      <c r="U100" s="600"/>
      <c r="V100" s="600"/>
      <c r="W100" s="600"/>
      <c r="X100" s="600"/>
      <c r="Y100" s="600"/>
      <c r="Z100" s="600"/>
      <c r="AA100" s="600"/>
      <c r="AB100" s="600"/>
      <c r="AC100" s="600"/>
      <c r="AD100" s="600"/>
      <c r="AE100" s="600"/>
      <c r="AF100" s="600"/>
      <c r="AG100" s="600"/>
      <c r="AH100" s="600"/>
      <c r="AI100" s="600"/>
      <c r="AJ100" s="600"/>
      <c r="AK100" s="600"/>
      <c r="AL100" s="600"/>
      <c r="AM100" s="600"/>
      <c r="AN100" s="600"/>
      <c r="AO100" s="600"/>
      <c r="AP100" s="600"/>
      <c r="AQ100" s="600"/>
      <c r="AR100" s="600"/>
      <c r="AS100" s="600"/>
      <c r="AT100" s="600"/>
      <c r="AU100" s="600"/>
      <c r="AV100" s="600"/>
      <c r="AW100" s="600"/>
      <c r="AX100" s="600"/>
      <c r="AY100" s="600"/>
      <c r="AZ100" s="600"/>
      <c r="BA100" s="600"/>
      <c r="BB100" s="600"/>
    </row>
    <row r="101" spans="1:54" s="546" customFormat="1" ht="69.900000000000006" customHeight="1" thickTop="1" x14ac:dyDescent="0.2">
      <c r="A101" s="692" t="s">
        <v>55</v>
      </c>
      <c r="B101" s="693"/>
      <c r="C101" s="693"/>
      <c r="D101" s="693"/>
      <c r="E101" s="693"/>
      <c r="F101" s="693"/>
      <c r="G101" s="693"/>
      <c r="H101" s="693"/>
      <c r="I101" s="693"/>
      <c r="J101" s="693"/>
      <c r="K101" s="693"/>
      <c r="L101" s="694"/>
      <c r="M101" s="693"/>
      <c r="N101" s="693"/>
      <c r="O101" s="693"/>
      <c r="P101" s="693"/>
      <c r="Q101" s="695"/>
      <c r="R101" s="561"/>
      <c r="S101" s="199"/>
    </row>
    <row r="102" spans="1:54" s="546" customFormat="1" ht="69.900000000000006" customHeight="1" x14ac:dyDescent="0.2">
      <c r="A102" s="696" t="s">
        <v>74</v>
      </c>
      <c r="B102" s="697"/>
      <c r="C102" s="697"/>
      <c r="D102" s="697"/>
      <c r="E102" s="697"/>
      <c r="F102" s="697"/>
      <c r="G102" s="697"/>
      <c r="H102" s="697"/>
      <c r="I102" s="697"/>
      <c r="J102" s="697"/>
      <c r="K102" s="697"/>
      <c r="L102" s="697"/>
      <c r="M102" s="697"/>
      <c r="N102" s="697"/>
      <c r="O102" s="697"/>
      <c r="P102" s="697"/>
      <c r="Q102" s="698"/>
      <c r="R102" s="561"/>
      <c r="S102" s="199"/>
    </row>
    <row r="103" spans="1:54" s="570" customFormat="1" ht="69.900000000000006" customHeight="1" x14ac:dyDescent="0.2">
      <c r="A103" s="699" t="s">
        <v>75</v>
      </c>
      <c r="B103" s="700"/>
      <c r="C103" s="700"/>
      <c r="D103" s="700"/>
      <c r="E103" s="700"/>
      <c r="F103" s="700"/>
      <c r="G103" s="700"/>
      <c r="H103" s="700"/>
      <c r="I103" s="700"/>
      <c r="J103" s="701"/>
      <c r="K103" s="702" t="s">
        <v>76</v>
      </c>
      <c r="L103" s="703"/>
      <c r="M103" s="704"/>
      <c r="N103" s="705"/>
      <c r="O103" s="705"/>
      <c r="P103" s="705"/>
      <c r="Q103" s="706"/>
      <c r="R103" s="561"/>
      <c r="S103" s="595"/>
      <c r="T103" s="600"/>
      <c r="U103" s="600"/>
      <c r="V103" s="600"/>
      <c r="W103" s="600"/>
      <c r="X103" s="600"/>
      <c r="Y103" s="600"/>
      <c r="Z103" s="600"/>
      <c r="AA103" s="600"/>
      <c r="AB103" s="600"/>
      <c r="AC103" s="600"/>
      <c r="AD103" s="600"/>
      <c r="AE103" s="600"/>
      <c r="AF103" s="600"/>
      <c r="AG103" s="600"/>
      <c r="AH103" s="600"/>
      <c r="AI103" s="600"/>
      <c r="AJ103" s="600"/>
      <c r="AK103" s="600"/>
      <c r="AL103" s="600"/>
      <c r="AM103" s="600"/>
      <c r="AN103" s="600"/>
      <c r="AO103" s="600"/>
      <c r="AP103" s="600"/>
      <c r="AQ103" s="600"/>
      <c r="AR103" s="600"/>
      <c r="AS103" s="600"/>
      <c r="AT103" s="600"/>
      <c r="AU103" s="600"/>
      <c r="AV103" s="600"/>
      <c r="AW103" s="600"/>
      <c r="AX103" s="600"/>
      <c r="AY103" s="600"/>
      <c r="AZ103" s="600"/>
      <c r="BA103" s="600"/>
      <c r="BB103" s="600"/>
    </row>
    <row r="104" spans="1:54" s="570" customFormat="1" ht="69" customHeight="1" x14ac:dyDescent="0.2">
      <c r="A104" s="707" t="s">
        <v>77</v>
      </c>
      <c r="B104" s="708"/>
      <c r="C104" s="708"/>
      <c r="D104" s="708"/>
      <c r="E104" s="708"/>
      <c r="F104" s="708"/>
      <c r="G104" s="708"/>
      <c r="H104" s="708"/>
      <c r="I104" s="708"/>
      <c r="J104" s="709"/>
      <c r="K104" s="572" t="s">
        <v>78</v>
      </c>
      <c r="L104" s="710"/>
      <c r="M104" s="710"/>
      <c r="N104" s="710"/>
      <c r="O104" s="710"/>
      <c r="P104" s="710"/>
      <c r="Q104" s="711"/>
      <c r="R104" s="561"/>
      <c r="S104" s="595"/>
      <c r="T104" s="600"/>
      <c r="U104" s="600"/>
      <c r="V104" s="600"/>
      <c r="W104" s="600"/>
      <c r="X104" s="600"/>
      <c r="Y104" s="600"/>
      <c r="Z104" s="600"/>
      <c r="AA104" s="600"/>
      <c r="AB104" s="600"/>
      <c r="AC104" s="600"/>
      <c r="AD104" s="600"/>
      <c r="AE104" s="600"/>
      <c r="AF104" s="600"/>
      <c r="AG104" s="600"/>
      <c r="AH104" s="600"/>
      <c r="AI104" s="600"/>
      <c r="AJ104" s="600"/>
      <c r="AK104" s="600"/>
      <c r="AL104" s="600"/>
      <c r="AM104" s="600"/>
      <c r="AN104" s="600"/>
      <c r="AO104" s="600"/>
      <c r="AP104" s="600"/>
      <c r="AQ104" s="600"/>
      <c r="AR104" s="600"/>
      <c r="AS104" s="600"/>
      <c r="AT104" s="600"/>
      <c r="AU104" s="600"/>
      <c r="AV104" s="600"/>
      <c r="AW104" s="600"/>
      <c r="AX104" s="600"/>
      <c r="AY104" s="600"/>
      <c r="AZ104" s="600"/>
      <c r="BA104" s="600"/>
      <c r="BB104" s="600"/>
    </row>
    <row r="105" spans="1:54" s="570" customFormat="1" ht="69.900000000000006" customHeight="1" x14ac:dyDescent="0.2">
      <c r="A105" s="712"/>
      <c r="B105" s="713"/>
      <c r="C105" s="713"/>
      <c r="D105" s="713"/>
      <c r="E105" s="713"/>
      <c r="F105" s="713"/>
      <c r="G105" s="713"/>
      <c r="H105" s="713"/>
      <c r="I105" s="713"/>
      <c r="J105" s="714"/>
      <c r="K105" s="572" t="s">
        <v>79</v>
      </c>
      <c r="L105" s="710"/>
      <c r="M105" s="710"/>
      <c r="N105" s="710"/>
      <c r="O105" s="710"/>
      <c r="P105" s="710"/>
      <c r="Q105" s="711"/>
      <c r="R105" s="561"/>
      <c r="S105" s="595"/>
      <c r="T105" s="600"/>
      <c r="U105" s="600"/>
      <c r="V105" s="600"/>
      <c r="W105" s="600"/>
      <c r="X105" s="600"/>
      <c r="Y105" s="600"/>
      <c r="Z105" s="600"/>
      <c r="AA105" s="600"/>
      <c r="AB105" s="600"/>
      <c r="AC105" s="600"/>
      <c r="AD105" s="600"/>
      <c r="AE105" s="600"/>
      <c r="AF105" s="600"/>
      <c r="AG105" s="600"/>
      <c r="AH105" s="600"/>
      <c r="AI105" s="600"/>
      <c r="AJ105" s="600"/>
      <c r="AK105" s="600"/>
      <c r="AL105" s="600"/>
      <c r="AM105" s="600"/>
      <c r="AN105" s="600"/>
      <c r="AO105" s="600"/>
      <c r="AP105" s="600"/>
      <c r="AQ105" s="600"/>
      <c r="AR105" s="600"/>
      <c r="AS105" s="600"/>
      <c r="AT105" s="600"/>
      <c r="AU105" s="600"/>
      <c r="AV105" s="600"/>
      <c r="AW105" s="600"/>
      <c r="AX105" s="600"/>
      <c r="AY105" s="600"/>
      <c r="AZ105" s="600"/>
      <c r="BA105" s="600"/>
      <c r="BB105" s="600"/>
    </row>
    <row r="106" spans="1:54" s="570" customFormat="1" ht="69.900000000000006" customHeight="1" x14ac:dyDescent="0.2">
      <c r="A106" s="715"/>
      <c r="B106" s="716"/>
      <c r="C106" s="716"/>
      <c r="D106" s="716"/>
      <c r="E106" s="716"/>
      <c r="F106" s="716"/>
      <c r="G106" s="716"/>
      <c r="H106" s="716"/>
      <c r="I106" s="716"/>
      <c r="J106" s="717"/>
      <c r="K106" s="572" t="s">
        <v>80</v>
      </c>
      <c r="L106" s="710"/>
      <c r="M106" s="710"/>
      <c r="N106" s="710"/>
      <c r="O106" s="710"/>
      <c r="P106" s="710"/>
      <c r="Q106" s="711"/>
      <c r="R106" s="561"/>
      <c r="S106" s="595"/>
      <c r="T106" s="600"/>
      <c r="U106" s="600"/>
      <c r="V106" s="600"/>
      <c r="W106" s="600"/>
      <c r="X106" s="600"/>
      <c r="Y106" s="600"/>
      <c r="Z106" s="600"/>
      <c r="AA106" s="600"/>
      <c r="AB106" s="600"/>
      <c r="AC106" s="600"/>
      <c r="AD106" s="600"/>
      <c r="AE106" s="600"/>
      <c r="AF106" s="600"/>
      <c r="AG106" s="600"/>
      <c r="AH106" s="600"/>
      <c r="AI106" s="600"/>
      <c r="AJ106" s="600"/>
      <c r="AK106" s="600"/>
      <c r="AL106" s="600"/>
      <c r="AM106" s="600"/>
      <c r="AN106" s="600"/>
      <c r="AO106" s="600"/>
      <c r="AP106" s="600"/>
      <c r="AQ106" s="600"/>
      <c r="AR106" s="600"/>
      <c r="AS106" s="600"/>
      <c r="AT106" s="600"/>
      <c r="AU106" s="600"/>
      <c r="AV106" s="600"/>
      <c r="AW106" s="600"/>
      <c r="AX106" s="600"/>
      <c r="AY106" s="600"/>
      <c r="AZ106" s="600"/>
      <c r="BA106" s="600"/>
      <c r="BB106" s="600"/>
    </row>
    <row r="107" spans="1:54" s="570" customFormat="1" ht="69" customHeight="1" x14ac:dyDescent="0.2">
      <c r="A107" s="707" t="s">
        <v>81</v>
      </c>
      <c r="B107" s="708"/>
      <c r="C107" s="708"/>
      <c r="D107" s="708"/>
      <c r="E107" s="708"/>
      <c r="F107" s="708"/>
      <c r="G107" s="708"/>
      <c r="H107" s="708"/>
      <c r="I107" s="708"/>
      <c r="J107" s="709"/>
      <c r="K107" s="572" t="s">
        <v>78</v>
      </c>
      <c r="L107" s="710"/>
      <c r="M107" s="710"/>
      <c r="N107" s="710"/>
      <c r="O107" s="710"/>
      <c r="P107" s="710"/>
      <c r="Q107" s="711"/>
      <c r="R107" s="561"/>
      <c r="S107" s="595"/>
      <c r="T107" s="600"/>
      <c r="U107" s="600"/>
      <c r="V107" s="600"/>
      <c r="W107" s="600"/>
      <c r="X107" s="600"/>
      <c r="Y107" s="600"/>
      <c r="Z107" s="600"/>
      <c r="AA107" s="600"/>
      <c r="AB107" s="600"/>
      <c r="AC107" s="600"/>
      <c r="AD107" s="600"/>
      <c r="AE107" s="600"/>
      <c r="AF107" s="600"/>
      <c r="AG107" s="600"/>
      <c r="AH107" s="600"/>
      <c r="AI107" s="600"/>
      <c r="AJ107" s="600"/>
      <c r="AK107" s="600"/>
      <c r="AL107" s="600"/>
      <c r="AM107" s="600"/>
      <c r="AN107" s="600"/>
      <c r="AO107" s="600"/>
      <c r="AP107" s="600"/>
      <c r="AQ107" s="600"/>
      <c r="AR107" s="600"/>
      <c r="AS107" s="600"/>
      <c r="AT107" s="600"/>
      <c r="AU107" s="600"/>
      <c r="AV107" s="600"/>
      <c r="AW107" s="600"/>
      <c r="AX107" s="600"/>
      <c r="AY107" s="600"/>
      <c r="AZ107" s="600"/>
      <c r="BA107" s="600"/>
      <c r="BB107" s="600"/>
    </row>
    <row r="108" spans="1:54" s="570" customFormat="1" ht="69" customHeight="1" x14ac:dyDescent="0.2">
      <c r="A108" s="712"/>
      <c r="B108" s="713"/>
      <c r="C108" s="713"/>
      <c r="D108" s="713"/>
      <c r="E108" s="713"/>
      <c r="F108" s="713"/>
      <c r="G108" s="713"/>
      <c r="H108" s="713"/>
      <c r="I108" s="713"/>
      <c r="J108" s="714"/>
      <c r="K108" s="572" t="s">
        <v>79</v>
      </c>
      <c r="L108" s="710"/>
      <c r="M108" s="710"/>
      <c r="N108" s="710"/>
      <c r="O108" s="710"/>
      <c r="P108" s="710"/>
      <c r="Q108" s="711"/>
      <c r="R108" s="561"/>
      <c r="S108" s="595"/>
      <c r="T108" s="600"/>
      <c r="U108" s="600"/>
      <c r="V108" s="600"/>
      <c r="W108" s="600"/>
      <c r="X108" s="600"/>
      <c r="Y108" s="600"/>
      <c r="Z108" s="600"/>
      <c r="AA108" s="600"/>
      <c r="AB108" s="600"/>
      <c r="AC108" s="600"/>
      <c r="AD108" s="600"/>
      <c r="AE108" s="600"/>
      <c r="AF108" s="600"/>
      <c r="AG108" s="600"/>
      <c r="AH108" s="600"/>
      <c r="AI108" s="600"/>
      <c r="AJ108" s="600"/>
      <c r="AK108" s="600"/>
      <c r="AL108" s="600"/>
      <c r="AM108" s="600"/>
      <c r="AN108" s="600"/>
      <c r="AO108" s="600"/>
      <c r="AP108" s="600"/>
      <c r="AQ108" s="600"/>
      <c r="AR108" s="600"/>
      <c r="AS108" s="600"/>
      <c r="AT108" s="600"/>
      <c r="AU108" s="600"/>
      <c r="AV108" s="600"/>
      <c r="AW108" s="600"/>
      <c r="AX108" s="600"/>
      <c r="AY108" s="600"/>
      <c r="AZ108" s="600"/>
      <c r="BA108" s="600"/>
      <c r="BB108" s="600"/>
    </row>
    <row r="109" spans="1:54" s="570" customFormat="1" ht="69.900000000000006" customHeight="1" x14ac:dyDescent="0.2">
      <c r="A109" s="712"/>
      <c r="B109" s="713"/>
      <c r="C109" s="713"/>
      <c r="D109" s="713"/>
      <c r="E109" s="713"/>
      <c r="F109" s="713"/>
      <c r="G109" s="713"/>
      <c r="H109" s="713"/>
      <c r="I109" s="713"/>
      <c r="J109" s="714"/>
      <c r="K109" s="572" t="s">
        <v>80</v>
      </c>
      <c r="L109" s="710"/>
      <c r="M109" s="710"/>
      <c r="N109" s="710"/>
      <c r="O109" s="710"/>
      <c r="P109" s="710"/>
      <c r="Q109" s="711"/>
      <c r="R109" s="561"/>
      <c r="S109" s="595"/>
      <c r="T109" s="600"/>
      <c r="U109" s="600"/>
      <c r="V109" s="600"/>
      <c r="W109" s="600"/>
      <c r="X109" s="600"/>
      <c r="Y109" s="600"/>
      <c r="Z109" s="600"/>
      <c r="AA109" s="600"/>
      <c r="AB109" s="600"/>
      <c r="AC109" s="600"/>
      <c r="AD109" s="600"/>
      <c r="AE109" s="600"/>
      <c r="AF109" s="600"/>
      <c r="AG109" s="600"/>
      <c r="AH109" s="600"/>
      <c r="AI109" s="600"/>
      <c r="AJ109" s="600"/>
      <c r="AK109" s="600"/>
      <c r="AL109" s="600"/>
      <c r="AM109" s="600"/>
      <c r="AN109" s="600"/>
      <c r="AO109" s="600"/>
      <c r="AP109" s="600"/>
      <c r="AQ109" s="600"/>
      <c r="AR109" s="600"/>
      <c r="AS109" s="600"/>
      <c r="AT109" s="600"/>
      <c r="AU109" s="600"/>
      <c r="AV109" s="600"/>
      <c r="AW109" s="600"/>
      <c r="AX109" s="600"/>
      <c r="AY109" s="600"/>
      <c r="AZ109" s="600"/>
      <c r="BA109" s="600"/>
      <c r="BB109" s="600"/>
    </row>
    <row r="110" spans="1:54" s="570" customFormat="1" ht="69.900000000000006" customHeight="1" x14ac:dyDescent="0.2">
      <c r="A110" s="718"/>
      <c r="B110" s="719"/>
      <c r="C110" s="719"/>
      <c r="D110" s="719"/>
      <c r="E110" s="719"/>
      <c r="F110" s="719"/>
      <c r="G110" s="719"/>
      <c r="H110" s="719"/>
      <c r="I110" s="719"/>
      <c r="J110" s="720"/>
      <c r="K110" s="721" t="s">
        <v>82</v>
      </c>
      <c r="L110" s="722"/>
      <c r="M110" s="660"/>
      <c r="N110" s="661"/>
      <c r="O110" s="661"/>
      <c r="P110" s="661"/>
      <c r="Q110" s="662"/>
      <c r="R110" s="561"/>
      <c r="S110" s="595"/>
      <c r="T110" s="600"/>
      <c r="U110" s="600"/>
      <c r="V110" s="600"/>
      <c r="W110" s="600"/>
      <c r="X110" s="600"/>
      <c r="Y110" s="600"/>
      <c r="Z110" s="600"/>
      <c r="AA110" s="600"/>
      <c r="AB110" s="600"/>
      <c r="AC110" s="600"/>
      <c r="AD110" s="600"/>
      <c r="AE110" s="600"/>
      <c r="AF110" s="600"/>
      <c r="AG110" s="600"/>
      <c r="AH110" s="600"/>
      <c r="AI110" s="600"/>
      <c r="AJ110" s="600"/>
      <c r="AK110" s="600"/>
      <c r="AL110" s="600"/>
      <c r="AM110" s="600"/>
      <c r="AN110" s="600"/>
      <c r="AO110" s="600"/>
      <c r="AP110" s="600"/>
      <c r="AQ110" s="600"/>
      <c r="AR110" s="600"/>
      <c r="AS110" s="600"/>
      <c r="AT110" s="600"/>
      <c r="AU110" s="600"/>
      <c r="AV110" s="600"/>
      <c r="AW110" s="600"/>
      <c r="AX110" s="600"/>
      <c r="AY110" s="600"/>
      <c r="AZ110" s="600"/>
      <c r="BA110" s="600"/>
      <c r="BB110" s="600"/>
    </row>
    <row r="111" spans="1:54" s="546" customFormat="1" ht="69.900000000000006" customHeight="1" x14ac:dyDescent="0.2">
      <c r="A111" s="70" t="s">
        <v>28</v>
      </c>
      <c r="B111" s="72"/>
      <c r="C111" s="72"/>
      <c r="D111" s="72"/>
      <c r="E111" s="72"/>
      <c r="F111" s="72"/>
      <c r="G111" s="72"/>
      <c r="H111" s="72"/>
      <c r="I111" s="72"/>
      <c r="J111" s="72"/>
      <c r="K111" s="72"/>
      <c r="L111" s="72"/>
      <c r="M111" s="72"/>
      <c r="N111" s="72"/>
      <c r="O111" s="72"/>
      <c r="P111" s="72"/>
      <c r="Q111" s="202"/>
      <c r="R111" s="561"/>
      <c r="S111" s="199"/>
    </row>
    <row r="112" spans="1:54" s="570" customFormat="1" ht="75" customHeight="1" x14ac:dyDescent="0.2">
      <c r="A112" s="575"/>
      <c r="B112" s="576"/>
      <c r="C112" s="576"/>
      <c r="D112" s="576"/>
      <c r="E112" s="576"/>
      <c r="F112" s="576"/>
      <c r="G112" s="576"/>
      <c r="H112" s="576"/>
      <c r="I112" s="576"/>
      <c r="J112" s="576"/>
      <c r="K112" s="576"/>
      <c r="L112" s="577"/>
      <c r="M112" s="576"/>
      <c r="N112" s="576"/>
      <c r="O112" s="576"/>
      <c r="P112" s="576"/>
      <c r="Q112" s="578"/>
      <c r="R112" s="561"/>
      <c r="S112" s="579"/>
    </row>
    <row r="113" spans="1:256" s="570" customFormat="1" ht="75" customHeight="1" thickBot="1" x14ac:dyDescent="0.25">
      <c r="A113" s="580"/>
      <c r="B113" s="581"/>
      <c r="C113" s="581"/>
      <c r="D113" s="581"/>
      <c r="E113" s="581"/>
      <c r="F113" s="581"/>
      <c r="G113" s="581"/>
      <c r="H113" s="581"/>
      <c r="I113" s="581"/>
      <c r="J113" s="581"/>
      <c r="K113" s="581"/>
      <c r="L113" s="582"/>
      <c r="M113" s="581"/>
      <c r="N113" s="581"/>
      <c r="O113" s="581"/>
      <c r="P113" s="581"/>
      <c r="Q113" s="583"/>
      <c r="R113" s="561"/>
      <c r="S113" s="723"/>
    </row>
    <row r="114" spans="1:256" s="546" customFormat="1" ht="69.900000000000006" customHeight="1" thickBot="1" x14ac:dyDescent="0.25">
      <c r="A114" s="724" t="s">
        <v>244</v>
      </c>
      <c r="B114" s="725"/>
      <c r="C114" s="725"/>
      <c r="D114" s="725"/>
      <c r="E114" s="725"/>
      <c r="F114" s="725"/>
      <c r="G114" s="725"/>
      <c r="H114" s="725"/>
      <c r="I114" s="725"/>
      <c r="J114" s="725"/>
      <c r="K114" s="725"/>
      <c r="L114" s="726"/>
      <c r="M114" s="725"/>
      <c r="N114" s="725"/>
      <c r="O114" s="725"/>
      <c r="P114" s="725"/>
      <c r="Q114" s="727"/>
      <c r="R114" s="561"/>
      <c r="S114" s="728" t="s">
        <v>245</v>
      </c>
      <c r="T114" s="596"/>
      <c r="U114" s="596"/>
      <c r="V114" s="596"/>
      <c r="W114" s="596"/>
      <c r="X114" s="596"/>
      <c r="Y114" s="596"/>
      <c r="Z114" s="596"/>
      <c r="AA114" s="596"/>
      <c r="AB114" s="596"/>
      <c r="AC114" s="596"/>
      <c r="AD114" s="596"/>
      <c r="AE114" s="596"/>
      <c r="AF114" s="596"/>
      <c r="AG114" s="596"/>
      <c r="AH114" s="596"/>
      <c r="AI114" s="596"/>
      <c r="AJ114" s="596"/>
      <c r="AK114" s="596"/>
      <c r="AL114" s="596"/>
      <c r="AM114" s="596"/>
      <c r="AN114" s="596"/>
      <c r="AO114" s="596"/>
      <c r="AP114" s="596"/>
      <c r="AQ114" s="596"/>
      <c r="AR114" s="596"/>
      <c r="AS114" s="596"/>
      <c r="AT114" s="596"/>
      <c r="AU114" s="596"/>
      <c r="AV114" s="596"/>
      <c r="AW114" s="596"/>
      <c r="AX114" s="596"/>
      <c r="AY114" s="596"/>
      <c r="AZ114" s="596"/>
      <c r="BA114" s="596"/>
      <c r="BB114" s="596"/>
    </row>
    <row r="115" spans="1:256" s="570" customFormat="1" ht="399.9" customHeight="1" thickTop="1" thickBot="1" x14ac:dyDescent="0.25">
      <c r="A115" s="729" t="s">
        <v>246</v>
      </c>
      <c r="B115" s="730"/>
      <c r="C115" s="730"/>
      <c r="D115" s="730"/>
      <c r="E115" s="730"/>
      <c r="F115" s="730"/>
      <c r="G115" s="730"/>
      <c r="H115" s="730"/>
      <c r="I115" s="730"/>
      <c r="J115" s="730"/>
      <c r="K115" s="730"/>
      <c r="L115" s="731"/>
      <c r="M115" s="730"/>
      <c r="N115" s="730"/>
      <c r="O115" s="732" t="s">
        <v>20</v>
      </c>
      <c r="P115" s="732" t="s">
        <v>21</v>
      </c>
      <c r="Q115" s="733" t="s">
        <v>22</v>
      </c>
      <c r="R115" s="561"/>
      <c r="S115" s="734"/>
      <c r="T115" s="600"/>
      <c r="U115" s="600"/>
      <c r="V115" s="600"/>
      <c r="W115" s="600"/>
      <c r="X115" s="600"/>
      <c r="Y115" s="600"/>
      <c r="Z115" s="600"/>
      <c r="AA115" s="600"/>
      <c r="AB115" s="600"/>
      <c r="AC115" s="600"/>
      <c r="AD115" s="600"/>
      <c r="AE115" s="600"/>
      <c r="AF115" s="600"/>
      <c r="AG115" s="600"/>
      <c r="AH115" s="600"/>
      <c r="AI115" s="600"/>
      <c r="AJ115" s="600"/>
      <c r="AK115" s="600"/>
      <c r="AL115" s="600"/>
      <c r="AM115" s="600"/>
      <c r="AN115" s="600"/>
      <c r="AO115" s="600"/>
      <c r="AP115" s="600"/>
      <c r="AQ115" s="600"/>
      <c r="AR115" s="600"/>
      <c r="AS115" s="600"/>
      <c r="AT115" s="600"/>
      <c r="AU115" s="600"/>
      <c r="AV115" s="600"/>
      <c r="AW115" s="600"/>
      <c r="AX115" s="600"/>
      <c r="AY115" s="600"/>
      <c r="AZ115" s="600"/>
      <c r="BA115" s="600"/>
      <c r="BB115" s="600"/>
    </row>
    <row r="116" spans="1:256" s="570" customFormat="1" ht="200.1" customHeight="1" thickTop="1" x14ac:dyDescent="0.2">
      <c r="A116" s="735"/>
      <c r="B116" s="736"/>
      <c r="C116" s="736"/>
      <c r="D116" s="736"/>
      <c r="E116" s="736"/>
      <c r="F116" s="736"/>
      <c r="G116" s="736"/>
      <c r="H116" s="736"/>
      <c r="I116" s="736"/>
      <c r="J116" s="736"/>
      <c r="K116" s="736"/>
      <c r="L116" s="731"/>
      <c r="M116" s="736"/>
      <c r="N116" s="736"/>
      <c r="O116" s="737"/>
      <c r="P116" s="737"/>
      <c r="Q116" s="738"/>
      <c r="R116" s="561"/>
      <c r="S116" s="739"/>
      <c r="T116" s="600"/>
      <c r="U116" s="600"/>
      <c r="V116" s="600"/>
      <c r="W116" s="600"/>
      <c r="X116" s="600"/>
      <c r="Y116" s="600"/>
      <c r="Z116" s="600"/>
      <c r="AA116" s="600"/>
      <c r="AB116" s="600"/>
      <c r="AC116" s="600"/>
      <c r="AD116" s="600"/>
      <c r="AE116" s="600"/>
      <c r="AF116" s="600"/>
      <c r="AG116" s="600"/>
      <c r="AH116" s="600"/>
      <c r="AI116" s="600"/>
      <c r="AJ116" s="600"/>
      <c r="AK116" s="600"/>
      <c r="AL116" s="600"/>
      <c r="AM116" s="600"/>
      <c r="AN116" s="600"/>
      <c r="AO116" s="600"/>
      <c r="AP116" s="600"/>
      <c r="AQ116" s="600"/>
      <c r="AR116" s="600"/>
      <c r="AS116" s="600"/>
      <c r="AT116" s="600"/>
      <c r="AU116" s="600"/>
      <c r="AV116" s="600"/>
      <c r="AW116" s="600"/>
      <c r="AX116" s="600"/>
      <c r="AY116" s="600"/>
      <c r="AZ116" s="600"/>
      <c r="BA116" s="600"/>
      <c r="BB116" s="600"/>
    </row>
    <row r="117" spans="1:256" s="570" customFormat="1" ht="279.89999999999998" customHeight="1" x14ac:dyDescent="0.2">
      <c r="A117" s="735"/>
      <c r="B117" s="736"/>
      <c r="C117" s="736"/>
      <c r="D117" s="736"/>
      <c r="E117" s="736"/>
      <c r="F117" s="736"/>
      <c r="G117" s="736"/>
      <c r="H117" s="736"/>
      <c r="I117" s="736"/>
      <c r="J117" s="736"/>
      <c r="K117" s="736"/>
      <c r="L117" s="443"/>
      <c r="M117" s="736"/>
      <c r="N117" s="736"/>
      <c r="O117" s="740"/>
      <c r="P117" s="740"/>
      <c r="Q117" s="741"/>
      <c r="R117" s="561"/>
      <c r="S117" s="739"/>
      <c r="T117" s="600"/>
      <c r="U117" s="600"/>
      <c r="V117" s="600"/>
      <c r="W117" s="600"/>
      <c r="X117" s="600"/>
      <c r="Y117" s="600"/>
      <c r="Z117" s="600"/>
      <c r="AA117" s="600"/>
      <c r="AB117" s="600"/>
      <c r="AC117" s="600"/>
      <c r="AD117" s="600"/>
      <c r="AE117" s="600"/>
      <c r="AF117" s="600"/>
      <c r="AG117" s="600"/>
      <c r="AH117" s="600"/>
      <c r="AI117" s="600"/>
      <c r="AJ117" s="600"/>
      <c r="AK117" s="600"/>
      <c r="AL117" s="600"/>
      <c r="AM117" s="600"/>
      <c r="AN117" s="600"/>
      <c r="AO117" s="600"/>
      <c r="AP117" s="600"/>
      <c r="AQ117" s="600"/>
      <c r="AR117" s="600"/>
      <c r="AS117" s="600"/>
      <c r="AT117" s="600"/>
      <c r="AU117" s="600"/>
      <c r="AV117" s="600"/>
      <c r="AW117" s="600"/>
      <c r="AX117" s="600"/>
      <c r="AY117" s="600"/>
      <c r="AZ117" s="600"/>
      <c r="BA117" s="600"/>
      <c r="BB117" s="600"/>
    </row>
    <row r="118" spans="1:256" s="546" customFormat="1" ht="69.900000000000006" customHeight="1" x14ac:dyDescent="0.2">
      <c r="A118" s="692" t="s">
        <v>55</v>
      </c>
      <c r="B118" s="693"/>
      <c r="C118" s="693"/>
      <c r="D118" s="693"/>
      <c r="E118" s="693"/>
      <c r="F118" s="693"/>
      <c r="G118" s="693"/>
      <c r="H118" s="693"/>
      <c r="I118" s="693"/>
      <c r="J118" s="693"/>
      <c r="K118" s="693"/>
      <c r="L118" s="694"/>
      <c r="M118" s="693"/>
      <c r="N118" s="693"/>
      <c r="O118" s="693"/>
      <c r="P118" s="693"/>
      <c r="Q118" s="695"/>
      <c r="R118" s="561"/>
      <c r="S118" s="199"/>
    </row>
    <row r="119" spans="1:256" s="546" customFormat="1" ht="69.900000000000006" customHeight="1" x14ac:dyDescent="0.2">
      <c r="A119" s="696" t="s">
        <v>74</v>
      </c>
      <c r="B119" s="697"/>
      <c r="C119" s="697"/>
      <c r="D119" s="697"/>
      <c r="E119" s="697"/>
      <c r="F119" s="697"/>
      <c r="G119" s="697"/>
      <c r="H119" s="697"/>
      <c r="I119" s="697"/>
      <c r="J119" s="697"/>
      <c r="K119" s="697"/>
      <c r="L119" s="697"/>
      <c r="M119" s="697"/>
      <c r="N119" s="697"/>
      <c r="O119" s="697"/>
      <c r="P119" s="697"/>
      <c r="Q119" s="698"/>
      <c r="R119" s="187"/>
      <c r="S119" s="199"/>
      <c r="T119" s="201"/>
      <c r="U119" s="201"/>
      <c r="V119" s="201"/>
      <c r="W119" s="201"/>
      <c r="X119" s="201"/>
      <c r="Y119" s="201"/>
      <c r="Z119" s="201"/>
      <c r="AA119" s="201"/>
      <c r="AB119" s="201"/>
      <c r="AC119" s="201"/>
      <c r="AD119" s="201"/>
      <c r="AE119" s="201"/>
      <c r="AF119" s="201"/>
      <c r="AG119" s="201"/>
      <c r="AH119" s="201"/>
      <c r="AI119" s="201"/>
      <c r="AJ119" s="201"/>
      <c r="AK119" s="201"/>
      <c r="AL119" s="201"/>
      <c r="AM119" s="201"/>
      <c r="AN119" s="201"/>
      <c r="AO119" s="201"/>
      <c r="AP119" s="201"/>
      <c r="AQ119" s="201"/>
      <c r="AR119" s="201"/>
      <c r="AS119" s="201"/>
      <c r="AT119" s="201"/>
      <c r="AU119" s="201"/>
      <c r="AV119" s="201"/>
      <c r="AW119" s="201"/>
      <c r="AX119" s="201"/>
      <c r="AY119" s="201"/>
      <c r="AZ119" s="201"/>
      <c r="BA119" s="201"/>
      <c r="BB119" s="201"/>
      <c r="BC119" s="201"/>
      <c r="BD119" s="201"/>
      <c r="BE119" s="201"/>
      <c r="BF119" s="201"/>
      <c r="BG119" s="201"/>
      <c r="BH119" s="201"/>
      <c r="BI119" s="201"/>
      <c r="BJ119" s="201"/>
      <c r="BK119" s="201"/>
      <c r="BL119" s="201"/>
      <c r="BM119" s="201"/>
      <c r="BN119" s="201"/>
      <c r="BO119" s="201"/>
      <c r="BP119" s="201"/>
      <c r="BQ119" s="201"/>
      <c r="BR119" s="201"/>
      <c r="BS119" s="201"/>
      <c r="BT119" s="201"/>
      <c r="BU119" s="201"/>
      <c r="BV119" s="201"/>
      <c r="BW119" s="201"/>
      <c r="BX119" s="201"/>
      <c r="BY119" s="201"/>
      <c r="BZ119" s="201"/>
      <c r="CA119" s="201"/>
      <c r="CB119" s="201"/>
      <c r="CC119" s="201"/>
      <c r="CD119" s="201"/>
      <c r="CE119" s="201"/>
      <c r="CF119" s="201"/>
      <c r="CG119" s="201"/>
      <c r="CH119" s="201"/>
      <c r="CI119" s="201"/>
      <c r="CJ119" s="201"/>
      <c r="CK119" s="201"/>
      <c r="CL119" s="201"/>
      <c r="CM119" s="201"/>
      <c r="CN119" s="201"/>
      <c r="CO119" s="201"/>
      <c r="CP119" s="201"/>
      <c r="CQ119" s="201"/>
      <c r="CR119" s="201"/>
      <c r="CS119" s="201"/>
      <c r="CT119" s="201"/>
      <c r="CU119" s="201"/>
      <c r="CV119" s="201"/>
      <c r="CW119" s="201"/>
      <c r="CX119" s="201"/>
      <c r="CY119" s="201"/>
      <c r="CZ119" s="201"/>
      <c r="DA119" s="201"/>
      <c r="DB119" s="201"/>
      <c r="DC119" s="201"/>
      <c r="DD119" s="201"/>
      <c r="DE119" s="201"/>
      <c r="DF119" s="201"/>
      <c r="DG119" s="201"/>
      <c r="DH119" s="201"/>
      <c r="DI119" s="201"/>
      <c r="DJ119" s="201"/>
      <c r="DK119" s="201"/>
      <c r="DL119" s="201"/>
      <c r="DM119" s="201"/>
      <c r="DN119" s="201"/>
      <c r="DO119" s="201"/>
      <c r="DP119" s="201"/>
      <c r="DQ119" s="201"/>
      <c r="DR119" s="201"/>
      <c r="DS119" s="201"/>
      <c r="DT119" s="201"/>
      <c r="DU119" s="201"/>
      <c r="DV119" s="201"/>
      <c r="DW119" s="201"/>
      <c r="DX119" s="201"/>
      <c r="DY119" s="201"/>
      <c r="DZ119" s="201"/>
      <c r="EA119" s="201"/>
      <c r="EB119" s="201"/>
      <c r="EC119" s="201"/>
      <c r="ED119" s="201"/>
      <c r="EE119" s="201"/>
      <c r="EF119" s="201"/>
      <c r="EG119" s="201"/>
      <c r="EH119" s="201"/>
      <c r="EI119" s="201"/>
      <c r="EJ119" s="201"/>
      <c r="EK119" s="201"/>
      <c r="EL119" s="201"/>
      <c r="EM119" s="201"/>
      <c r="EN119" s="201"/>
      <c r="EO119" s="201"/>
      <c r="EP119" s="201"/>
      <c r="EQ119" s="201"/>
      <c r="ER119" s="201"/>
      <c r="ES119" s="201"/>
      <c r="ET119" s="201"/>
      <c r="EU119" s="201"/>
      <c r="EV119" s="201"/>
      <c r="EW119" s="201"/>
      <c r="EX119" s="201"/>
      <c r="EY119" s="201"/>
      <c r="EZ119" s="201"/>
      <c r="FA119" s="201"/>
      <c r="FB119" s="201"/>
      <c r="FC119" s="201"/>
      <c r="FD119" s="201"/>
      <c r="FE119" s="201"/>
      <c r="FF119" s="201"/>
      <c r="FG119" s="201"/>
      <c r="FH119" s="201"/>
      <c r="FI119" s="201"/>
      <c r="FJ119" s="201"/>
      <c r="FK119" s="201"/>
      <c r="FL119" s="201"/>
      <c r="FM119" s="201"/>
      <c r="FN119" s="201"/>
      <c r="FO119" s="201"/>
      <c r="FP119" s="201"/>
      <c r="FQ119" s="201"/>
      <c r="FR119" s="201"/>
      <c r="FS119" s="201"/>
      <c r="FT119" s="201"/>
      <c r="FU119" s="201"/>
      <c r="FV119" s="201"/>
      <c r="FW119" s="201"/>
      <c r="FX119" s="201"/>
      <c r="FY119" s="201"/>
      <c r="FZ119" s="201"/>
      <c r="GA119" s="201"/>
      <c r="GB119" s="201"/>
      <c r="GC119" s="201"/>
      <c r="GD119" s="201"/>
      <c r="GE119" s="201"/>
      <c r="GF119" s="201"/>
      <c r="GG119" s="201"/>
      <c r="GH119" s="201"/>
      <c r="GI119" s="201"/>
      <c r="GJ119" s="201"/>
      <c r="GK119" s="201"/>
      <c r="GL119" s="201"/>
      <c r="GM119" s="201"/>
      <c r="GN119" s="201"/>
      <c r="GO119" s="201"/>
      <c r="GP119" s="201"/>
      <c r="GQ119" s="201"/>
      <c r="GR119" s="201"/>
      <c r="GS119" s="201"/>
      <c r="GT119" s="201"/>
      <c r="GU119" s="201"/>
      <c r="GV119" s="201"/>
      <c r="GW119" s="201"/>
      <c r="GX119" s="201"/>
      <c r="GY119" s="201"/>
      <c r="GZ119" s="201"/>
      <c r="HA119" s="201"/>
      <c r="HB119" s="201"/>
      <c r="HC119" s="201"/>
      <c r="HD119" s="201"/>
      <c r="HE119" s="201"/>
      <c r="HF119" s="201"/>
      <c r="HG119" s="201"/>
      <c r="HH119" s="201"/>
      <c r="HI119" s="201"/>
      <c r="HJ119" s="201"/>
      <c r="HK119" s="201"/>
      <c r="HL119" s="201"/>
      <c r="HM119" s="201"/>
      <c r="HN119" s="201"/>
      <c r="HO119" s="201"/>
      <c r="HP119" s="201"/>
      <c r="HQ119" s="201"/>
      <c r="HR119" s="201"/>
      <c r="HS119" s="201"/>
      <c r="HT119" s="201"/>
      <c r="HU119" s="201"/>
      <c r="HV119" s="201"/>
      <c r="HW119" s="201"/>
      <c r="HX119" s="201"/>
      <c r="HY119" s="201"/>
      <c r="HZ119" s="201"/>
      <c r="IA119" s="201"/>
      <c r="IB119" s="201"/>
      <c r="IC119" s="201"/>
      <c r="ID119" s="201"/>
      <c r="IE119" s="201"/>
      <c r="IF119" s="201"/>
      <c r="IG119" s="201"/>
      <c r="IH119" s="201"/>
      <c r="II119" s="201"/>
      <c r="IJ119" s="201"/>
      <c r="IK119" s="201"/>
      <c r="IL119" s="201"/>
      <c r="IM119" s="201"/>
      <c r="IN119" s="201"/>
      <c r="IO119" s="201"/>
      <c r="IP119" s="201"/>
      <c r="IQ119" s="201"/>
      <c r="IR119" s="201"/>
      <c r="IS119" s="201"/>
      <c r="IT119" s="201"/>
      <c r="IU119" s="201"/>
      <c r="IV119" s="201"/>
    </row>
    <row r="120" spans="1:256" s="570" customFormat="1" ht="65.099999999999994" customHeight="1" x14ac:dyDescent="0.2">
      <c r="A120" s="742" t="s">
        <v>247</v>
      </c>
      <c r="B120" s="743"/>
      <c r="C120" s="743"/>
      <c r="D120" s="743"/>
      <c r="E120" s="743"/>
      <c r="F120" s="743"/>
      <c r="G120" s="743"/>
      <c r="H120" s="743"/>
      <c r="I120" s="743"/>
      <c r="J120" s="743"/>
      <c r="K120" s="743"/>
      <c r="L120" s="743"/>
      <c r="M120" s="743"/>
      <c r="N120" s="743"/>
      <c r="O120" s="743"/>
      <c r="P120" s="743"/>
      <c r="Q120" s="744"/>
      <c r="R120" s="561"/>
      <c r="S120" s="595"/>
      <c r="T120" s="600"/>
      <c r="U120" s="600"/>
      <c r="V120" s="600"/>
      <c r="W120" s="600"/>
      <c r="X120" s="600"/>
      <c r="Y120" s="600"/>
      <c r="Z120" s="600"/>
      <c r="AA120" s="600"/>
      <c r="AB120" s="600"/>
      <c r="AC120" s="600"/>
      <c r="AD120" s="600"/>
      <c r="AE120" s="600"/>
      <c r="AF120" s="600"/>
      <c r="AG120" s="600"/>
      <c r="AH120" s="600"/>
      <c r="AI120" s="600"/>
      <c r="AJ120" s="600"/>
      <c r="AK120" s="600"/>
      <c r="AL120" s="600"/>
      <c r="AM120" s="600"/>
      <c r="AN120" s="600"/>
      <c r="AO120" s="600"/>
      <c r="AP120" s="600"/>
      <c r="AQ120" s="600"/>
      <c r="AR120" s="600"/>
      <c r="AS120" s="600"/>
      <c r="AT120" s="600"/>
      <c r="AU120" s="600"/>
      <c r="AV120" s="600"/>
      <c r="AW120" s="600"/>
      <c r="AX120" s="600"/>
      <c r="AY120" s="600"/>
      <c r="AZ120" s="600"/>
      <c r="BA120" s="600"/>
      <c r="BB120" s="600"/>
    </row>
    <row r="121" spans="1:256" s="570" customFormat="1" ht="135" customHeight="1" x14ac:dyDescent="0.2">
      <c r="A121" s="368" t="s">
        <v>248</v>
      </c>
      <c r="B121" s="369"/>
      <c r="C121" s="369"/>
      <c r="D121" s="369"/>
      <c r="E121" s="369"/>
      <c r="F121" s="369"/>
      <c r="G121" s="369"/>
      <c r="H121" s="369"/>
      <c r="I121" s="369"/>
      <c r="J121" s="369"/>
      <c r="K121" s="369"/>
      <c r="L121" s="369"/>
      <c r="M121" s="369"/>
      <c r="N121" s="369"/>
      <c r="O121" s="369"/>
      <c r="P121" s="369"/>
      <c r="Q121" s="370"/>
      <c r="R121" s="561"/>
      <c r="S121" s="595"/>
      <c r="T121" s="600"/>
      <c r="U121" s="600"/>
      <c r="V121" s="600"/>
      <c r="W121" s="600"/>
      <c r="X121" s="600"/>
      <c r="Y121" s="600"/>
      <c r="Z121" s="600"/>
      <c r="AA121" s="600"/>
      <c r="AB121" s="600"/>
      <c r="AC121" s="600"/>
      <c r="AD121" s="600"/>
      <c r="AE121" s="600"/>
      <c r="AF121" s="600"/>
      <c r="AG121" s="600"/>
      <c r="AH121" s="600"/>
      <c r="AI121" s="600"/>
      <c r="AJ121" s="600"/>
      <c r="AK121" s="600"/>
      <c r="AL121" s="600"/>
      <c r="AM121" s="600"/>
      <c r="AN121" s="600"/>
      <c r="AO121" s="600"/>
      <c r="AP121" s="600"/>
      <c r="AQ121" s="600"/>
      <c r="AR121" s="600"/>
      <c r="AS121" s="600"/>
      <c r="AT121" s="600"/>
      <c r="AU121" s="600"/>
      <c r="AV121" s="600"/>
      <c r="AW121" s="600"/>
      <c r="AX121" s="600"/>
      <c r="AY121" s="600"/>
      <c r="AZ121" s="600"/>
      <c r="BA121" s="600"/>
      <c r="BB121" s="600"/>
    </row>
    <row r="122" spans="1:256" s="546" customFormat="1" ht="69.900000000000006" customHeight="1" x14ac:dyDescent="0.2">
      <c r="A122" s="70" t="s">
        <v>28</v>
      </c>
      <c r="B122" s="72"/>
      <c r="C122" s="72"/>
      <c r="D122" s="72"/>
      <c r="E122" s="72"/>
      <c r="F122" s="72"/>
      <c r="G122" s="72"/>
      <c r="H122" s="72"/>
      <c r="I122" s="72"/>
      <c r="J122" s="72"/>
      <c r="K122" s="72"/>
      <c r="L122" s="72"/>
      <c r="M122" s="72"/>
      <c r="N122" s="72"/>
      <c r="O122" s="72"/>
      <c r="P122" s="72"/>
      <c r="Q122" s="202"/>
      <c r="R122" s="561"/>
      <c r="S122" s="199"/>
    </row>
    <row r="123" spans="1:256" s="570" customFormat="1" ht="75" customHeight="1" x14ac:dyDescent="0.2">
      <c r="A123" s="575"/>
      <c r="B123" s="576"/>
      <c r="C123" s="576"/>
      <c r="D123" s="576"/>
      <c r="E123" s="576"/>
      <c r="F123" s="576"/>
      <c r="G123" s="576"/>
      <c r="H123" s="576"/>
      <c r="I123" s="576"/>
      <c r="J123" s="576"/>
      <c r="K123" s="576"/>
      <c r="L123" s="577"/>
      <c r="M123" s="576"/>
      <c r="N123" s="576"/>
      <c r="O123" s="576"/>
      <c r="P123" s="576"/>
      <c r="Q123" s="578"/>
      <c r="R123" s="561"/>
      <c r="S123" s="579"/>
    </row>
    <row r="124" spans="1:256" s="570" customFormat="1" ht="75" customHeight="1" thickBot="1" x14ac:dyDescent="0.25">
      <c r="A124" s="606"/>
      <c r="B124" s="607"/>
      <c r="C124" s="607"/>
      <c r="D124" s="607"/>
      <c r="E124" s="607"/>
      <c r="F124" s="607"/>
      <c r="G124" s="607"/>
      <c r="H124" s="607"/>
      <c r="I124" s="607"/>
      <c r="J124" s="607"/>
      <c r="K124" s="607"/>
      <c r="L124" s="608"/>
      <c r="M124" s="607"/>
      <c r="N124" s="607"/>
      <c r="O124" s="607"/>
      <c r="P124" s="607"/>
      <c r="Q124" s="609"/>
      <c r="R124" s="561"/>
      <c r="S124" s="136"/>
    </row>
    <row r="125" spans="1:256" s="546" customFormat="1" ht="69.900000000000006" customHeight="1" thickBot="1" x14ac:dyDescent="0.25">
      <c r="A125" s="584" t="s">
        <v>87</v>
      </c>
      <c r="B125" s="585"/>
      <c r="C125" s="585"/>
      <c r="D125" s="585"/>
      <c r="E125" s="585"/>
      <c r="F125" s="585"/>
      <c r="G125" s="585"/>
      <c r="H125" s="585"/>
      <c r="I125" s="585"/>
      <c r="J125" s="585"/>
      <c r="K125" s="585"/>
      <c r="L125" s="586"/>
      <c r="M125" s="585"/>
      <c r="N125" s="585"/>
      <c r="O125" s="585"/>
      <c r="P125" s="585"/>
      <c r="Q125" s="587"/>
      <c r="R125" s="561"/>
      <c r="S125" s="555"/>
      <c r="T125" s="596"/>
      <c r="U125" s="596"/>
      <c r="V125" s="600"/>
      <c r="W125" s="600"/>
      <c r="X125" s="600"/>
      <c r="Y125" s="600"/>
      <c r="Z125" s="600"/>
      <c r="AA125" s="600"/>
      <c r="AB125" s="600"/>
      <c r="AC125" s="600"/>
      <c r="AD125" s="600"/>
      <c r="AE125" s="600"/>
      <c r="AF125" s="600"/>
      <c r="AG125" s="600"/>
      <c r="AH125" s="600"/>
      <c r="AI125" s="600"/>
      <c r="AJ125" s="600"/>
      <c r="AK125" s="600"/>
      <c r="AL125" s="596"/>
      <c r="AM125" s="596"/>
      <c r="AN125" s="596"/>
      <c r="AO125" s="596"/>
      <c r="AP125" s="596"/>
      <c r="AQ125" s="596"/>
      <c r="AR125" s="596"/>
      <c r="AS125" s="596"/>
      <c r="AT125" s="596"/>
      <c r="AU125" s="596"/>
      <c r="AV125" s="596"/>
      <c r="AW125" s="596"/>
      <c r="AX125" s="596"/>
      <c r="AY125" s="596"/>
      <c r="AZ125" s="596"/>
      <c r="BA125" s="596"/>
      <c r="BB125" s="596"/>
    </row>
    <row r="126" spans="1:256" s="570" customFormat="1" ht="139.94999999999999" customHeight="1" thickTop="1" thickBot="1" x14ac:dyDescent="0.25">
      <c r="A126" s="745" t="s">
        <v>249</v>
      </c>
      <c r="B126" s="746"/>
      <c r="C126" s="746"/>
      <c r="D126" s="746"/>
      <c r="E126" s="746"/>
      <c r="F126" s="746"/>
      <c r="G126" s="746"/>
      <c r="H126" s="746"/>
      <c r="I126" s="746"/>
      <c r="J126" s="746"/>
      <c r="K126" s="746"/>
      <c r="L126" s="747"/>
      <c r="M126" s="746"/>
      <c r="N126" s="746"/>
      <c r="O126" s="648" t="s">
        <v>20</v>
      </c>
      <c r="P126" s="648" t="s">
        <v>21</v>
      </c>
      <c r="Q126" s="649" t="s">
        <v>22</v>
      </c>
      <c r="R126" s="561"/>
      <c r="S126" s="569"/>
      <c r="T126" s="600"/>
      <c r="U126" s="600"/>
      <c r="V126" s="600"/>
      <c r="W126" s="600"/>
      <c r="X126" s="600"/>
      <c r="Y126" s="600"/>
      <c r="Z126" s="600"/>
      <c r="AA126" s="600"/>
      <c r="AB126" s="600"/>
      <c r="AC126" s="600"/>
      <c r="AD126" s="600"/>
      <c r="AE126" s="600"/>
      <c r="AF126" s="600"/>
      <c r="AG126" s="600"/>
      <c r="AH126" s="600"/>
      <c r="AI126" s="600"/>
      <c r="AJ126" s="600"/>
      <c r="AK126" s="600"/>
      <c r="AL126" s="600"/>
      <c r="AM126" s="600"/>
      <c r="AN126" s="600"/>
      <c r="AO126" s="600"/>
      <c r="AP126" s="600"/>
      <c r="AQ126" s="600"/>
      <c r="AR126" s="600"/>
      <c r="AS126" s="600"/>
      <c r="AT126" s="600"/>
      <c r="AU126" s="600"/>
      <c r="AV126" s="600"/>
      <c r="AW126" s="600"/>
      <c r="AX126" s="600"/>
      <c r="AY126" s="600"/>
      <c r="AZ126" s="600"/>
      <c r="BA126" s="600"/>
      <c r="BB126" s="600"/>
    </row>
    <row r="127" spans="1:256" s="546" customFormat="1" ht="69.900000000000006" customHeight="1" thickTop="1" x14ac:dyDescent="0.2">
      <c r="A127" s="70" t="s">
        <v>28</v>
      </c>
      <c r="B127" s="72"/>
      <c r="C127" s="72"/>
      <c r="D127" s="72"/>
      <c r="E127" s="72"/>
      <c r="F127" s="72"/>
      <c r="G127" s="72"/>
      <c r="H127" s="72"/>
      <c r="I127" s="72"/>
      <c r="J127" s="72"/>
      <c r="K127" s="72"/>
      <c r="L127" s="72"/>
      <c r="M127" s="72"/>
      <c r="N127" s="72"/>
      <c r="O127" s="72"/>
      <c r="P127" s="72"/>
      <c r="Q127" s="202"/>
      <c r="R127" s="561"/>
      <c r="S127" s="199"/>
    </row>
    <row r="128" spans="1:256" s="570" customFormat="1" ht="75" customHeight="1" x14ac:dyDescent="0.2">
      <c r="A128" s="575"/>
      <c r="B128" s="576"/>
      <c r="C128" s="576"/>
      <c r="D128" s="576"/>
      <c r="E128" s="576"/>
      <c r="F128" s="576"/>
      <c r="G128" s="576"/>
      <c r="H128" s="576"/>
      <c r="I128" s="576"/>
      <c r="J128" s="576"/>
      <c r="K128" s="576"/>
      <c r="L128" s="577"/>
      <c r="M128" s="576"/>
      <c r="N128" s="576"/>
      <c r="O128" s="576"/>
      <c r="P128" s="576"/>
      <c r="Q128" s="578"/>
      <c r="R128" s="561"/>
      <c r="S128" s="579"/>
    </row>
    <row r="129" spans="1:55" s="570" customFormat="1" ht="75" customHeight="1" thickBot="1" x14ac:dyDescent="0.25">
      <c r="A129" s="580"/>
      <c r="B129" s="581"/>
      <c r="C129" s="581"/>
      <c r="D129" s="581"/>
      <c r="E129" s="581"/>
      <c r="F129" s="581"/>
      <c r="G129" s="581"/>
      <c r="H129" s="581"/>
      <c r="I129" s="581"/>
      <c r="J129" s="581"/>
      <c r="K129" s="581"/>
      <c r="L129" s="582"/>
      <c r="M129" s="581"/>
      <c r="N129" s="581"/>
      <c r="O129" s="581"/>
      <c r="P129" s="581"/>
      <c r="Q129" s="583"/>
      <c r="R129" s="561"/>
      <c r="S129" s="579"/>
    </row>
    <row r="130" spans="1:55" s="546" customFormat="1" ht="69.900000000000006" customHeight="1" thickBot="1" x14ac:dyDescent="0.25">
      <c r="A130" s="584" t="s">
        <v>89</v>
      </c>
      <c r="B130" s="585"/>
      <c r="C130" s="585"/>
      <c r="D130" s="585"/>
      <c r="E130" s="585"/>
      <c r="F130" s="585"/>
      <c r="G130" s="585"/>
      <c r="H130" s="585"/>
      <c r="I130" s="585"/>
      <c r="J130" s="585"/>
      <c r="K130" s="585"/>
      <c r="L130" s="586"/>
      <c r="M130" s="585"/>
      <c r="N130" s="585"/>
      <c r="O130" s="585"/>
      <c r="P130" s="585"/>
      <c r="Q130" s="587"/>
      <c r="R130" s="561"/>
      <c r="S130" s="595"/>
      <c r="T130" s="596"/>
      <c r="U130" s="596"/>
      <c r="V130" s="596"/>
      <c r="W130" s="596"/>
      <c r="X130" s="596"/>
      <c r="Y130" s="596"/>
      <c r="Z130" s="596"/>
      <c r="AA130" s="596"/>
      <c r="AB130" s="596"/>
      <c r="AC130" s="596"/>
      <c r="AD130" s="596"/>
      <c r="AE130" s="596"/>
      <c r="AF130" s="596"/>
      <c r="AG130" s="596"/>
      <c r="AH130" s="596"/>
      <c r="AI130" s="596"/>
      <c r="AJ130" s="596"/>
      <c r="AK130" s="596"/>
      <c r="AL130" s="596"/>
      <c r="AM130" s="596"/>
      <c r="AN130" s="596"/>
      <c r="AO130" s="596"/>
      <c r="AP130" s="596"/>
      <c r="AQ130" s="596"/>
      <c r="AR130" s="596"/>
      <c r="AS130" s="596"/>
      <c r="AT130" s="596"/>
      <c r="AU130" s="596"/>
      <c r="AV130" s="596"/>
      <c r="AW130" s="596"/>
      <c r="AX130" s="596"/>
      <c r="AY130" s="596"/>
      <c r="AZ130" s="596"/>
      <c r="BA130" s="596"/>
      <c r="BB130" s="596"/>
    </row>
    <row r="131" spans="1:55" s="570" customFormat="1" ht="253.5" customHeight="1" thickTop="1" thickBot="1" x14ac:dyDescent="0.25">
      <c r="A131" s="748" t="s">
        <v>250</v>
      </c>
      <c r="B131" s="749"/>
      <c r="C131" s="749"/>
      <c r="D131" s="749"/>
      <c r="E131" s="749"/>
      <c r="F131" s="749"/>
      <c r="G131" s="749"/>
      <c r="H131" s="749"/>
      <c r="I131" s="749"/>
      <c r="J131" s="749"/>
      <c r="K131" s="749"/>
      <c r="L131" s="750"/>
      <c r="M131" s="749"/>
      <c r="N131" s="749"/>
      <c r="O131" s="648" t="s">
        <v>20</v>
      </c>
      <c r="P131" s="648" t="s">
        <v>21</v>
      </c>
      <c r="Q131" s="649" t="s">
        <v>22</v>
      </c>
      <c r="R131" s="561"/>
      <c r="S131" s="569"/>
      <c r="T131" s="600"/>
      <c r="U131" s="600"/>
      <c r="V131" s="596"/>
      <c r="W131" s="596"/>
      <c r="X131" s="596"/>
      <c r="Y131" s="596"/>
      <c r="Z131" s="596"/>
      <c r="AA131" s="596"/>
      <c r="AB131" s="596"/>
      <c r="AC131" s="596"/>
      <c r="AD131" s="596"/>
      <c r="AE131" s="596"/>
      <c r="AF131" s="596"/>
      <c r="AG131" s="596"/>
      <c r="AH131" s="596"/>
      <c r="AI131" s="596"/>
      <c r="AJ131" s="596"/>
      <c r="AK131" s="596"/>
      <c r="AL131" s="600"/>
      <c r="AM131" s="600"/>
      <c r="AN131" s="600"/>
      <c r="AO131" s="600"/>
      <c r="AP131" s="600"/>
      <c r="AQ131" s="600"/>
      <c r="AR131" s="600"/>
      <c r="AS131" s="600"/>
      <c r="AT131" s="600"/>
      <c r="AU131" s="600"/>
      <c r="AV131" s="600"/>
      <c r="AW131" s="600"/>
      <c r="AX131" s="600"/>
      <c r="AY131" s="600"/>
      <c r="AZ131" s="600"/>
      <c r="BA131" s="600"/>
      <c r="BB131" s="600"/>
    </row>
    <row r="132" spans="1:55" s="546" customFormat="1" ht="69.900000000000006" customHeight="1" thickTop="1" x14ac:dyDescent="0.2">
      <c r="A132" s="70" t="s">
        <v>28</v>
      </c>
      <c r="B132" s="72"/>
      <c r="C132" s="72"/>
      <c r="D132" s="72"/>
      <c r="E132" s="72"/>
      <c r="F132" s="72"/>
      <c r="G132" s="72"/>
      <c r="H132" s="72"/>
      <c r="I132" s="72"/>
      <c r="J132" s="72"/>
      <c r="K132" s="72"/>
      <c r="L132" s="72"/>
      <c r="M132" s="72"/>
      <c r="N132" s="72"/>
      <c r="O132" s="72"/>
      <c r="P132" s="72"/>
      <c r="Q132" s="202"/>
      <c r="R132" s="561"/>
      <c r="S132" s="199"/>
    </row>
    <row r="133" spans="1:55" s="570" customFormat="1" ht="75" customHeight="1" x14ac:dyDescent="0.2">
      <c r="A133" s="575"/>
      <c r="B133" s="576"/>
      <c r="C133" s="576"/>
      <c r="D133" s="576"/>
      <c r="E133" s="576"/>
      <c r="F133" s="576"/>
      <c r="G133" s="576"/>
      <c r="H133" s="576"/>
      <c r="I133" s="576"/>
      <c r="J133" s="576"/>
      <c r="K133" s="576"/>
      <c r="L133" s="577"/>
      <c r="M133" s="576"/>
      <c r="N133" s="576"/>
      <c r="O133" s="576"/>
      <c r="P133" s="576"/>
      <c r="Q133" s="578"/>
      <c r="R133" s="561"/>
      <c r="S133" s="579"/>
    </row>
    <row r="134" spans="1:55" s="570" customFormat="1" ht="75" customHeight="1" thickBot="1" x14ac:dyDescent="0.25">
      <c r="A134" s="580"/>
      <c r="B134" s="581"/>
      <c r="C134" s="581"/>
      <c r="D134" s="581"/>
      <c r="E134" s="581"/>
      <c r="F134" s="581"/>
      <c r="G134" s="581"/>
      <c r="H134" s="581"/>
      <c r="I134" s="581"/>
      <c r="J134" s="581"/>
      <c r="K134" s="581"/>
      <c r="L134" s="582"/>
      <c r="M134" s="581"/>
      <c r="N134" s="581"/>
      <c r="O134" s="581"/>
      <c r="P134" s="581"/>
      <c r="Q134" s="583"/>
      <c r="R134" s="561"/>
      <c r="S134" s="579"/>
    </row>
    <row r="135" spans="1:55" s="18" customFormat="1" ht="69.900000000000006" customHeight="1" thickBot="1" x14ac:dyDescent="0.25">
      <c r="A135" s="137" t="s">
        <v>91</v>
      </c>
      <c r="B135" s="139"/>
      <c r="C135" s="139"/>
      <c r="D135" s="139"/>
      <c r="E135" s="139"/>
      <c r="F135" s="139"/>
      <c r="G135" s="139"/>
      <c r="H135" s="139"/>
      <c r="I135" s="139"/>
      <c r="J135" s="139"/>
      <c r="K135" s="139"/>
      <c r="L135" s="139"/>
      <c r="M135" s="139"/>
      <c r="N135" s="139"/>
      <c r="O135" s="139"/>
      <c r="P135" s="139"/>
      <c r="Q135" s="269"/>
      <c r="R135" s="55"/>
      <c r="S135" s="43"/>
      <c r="T135" s="98"/>
      <c r="U135" s="98"/>
      <c r="V135" s="98"/>
      <c r="W135" s="98"/>
      <c r="X135" s="98"/>
      <c r="Y135" s="98"/>
      <c r="Z135" s="98"/>
      <c r="AA135" s="98"/>
      <c r="AB135" s="98"/>
      <c r="AC135" s="98"/>
      <c r="AD135" s="98"/>
      <c r="AE135" s="98"/>
      <c r="AF135" s="98"/>
      <c r="AG135" s="98"/>
      <c r="AH135" s="98"/>
      <c r="AI135" s="98"/>
      <c r="AJ135" s="98"/>
      <c r="AK135" s="98"/>
      <c r="AL135" s="98"/>
      <c r="AM135" s="98"/>
      <c r="AN135" s="98"/>
      <c r="AO135" s="98"/>
      <c r="AP135" s="98"/>
      <c r="AQ135" s="98"/>
      <c r="AR135" s="98"/>
      <c r="AS135" s="98"/>
      <c r="AT135" s="98"/>
      <c r="AU135" s="98"/>
      <c r="AV135" s="98"/>
      <c r="AW135" s="98"/>
      <c r="AX135" s="98"/>
      <c r="AY135" s="98"/>
      <c r="AZ135" s="98"/>
      <c r="BA135" s="98"/>
      <c r="BB135" s="98"/>
      <c r="BC135" s="98"/>
    </row>
    <row r="136" spans="1:55" s="57" customFormat="1" ht="132" customHeight="1" thickTop="1" thickBot="1" x14ac:dyDescent="0.25">
      <c r="A136" s="751" t="s">
        <v>92</v>
      </c>
      <c r="B136" s="752"/>
      <c r="C136" s="752"/>
      <c r="D136" s="752"/>
      <c r="E136" s="752"/>
      <c r="F136" s="752"/>
      <c r="G136" s="752"/>
      <c r="H136" s="752"/>
      <c r="I136" s="752"/>
      <c r="J136" s="752"/>
      <c r="K136" s="752"/>
      <c r="L136" s="752"/>
      <c r="M136" s="752"/>
      <c r="N136" s="752"/>
      <c r="O136" s="753" t="s">
        <v>20</v>
      </c>
      <c r="P136" s="753" t="s">
        <v>21</v>
      </c>
      <c r="Q136" s="754" t="s">
        <v>22</v>
      </c>
      <c r="R136" s="55"/>
      <c r="S136" s="56"/>
      <c r="T136" s="106"/>
      <c r="U136" s="106"/>
      <c r="V136" s="106"/>
      <c r="W136" s="106"/>
      <c r="X136" s="106"/>
      <c r="Y136" s="106"/>
      <c r="Z136" s="106"/>
      <c r="AA136" s="106"/>
      <c r="AB136" s="106"/>
      <c r="AC136" s="106"/>
      <c r="AD136" s="106"/>
      <c r="AE136" s="106"/>
      <c r="AF136" s="106"/>
      <c r="AG136" s="106"/>
      <c r="AH136" s="106"/>
      <c r="AI136" s="106"/>
      <c r="AJ136" s="106"/>
      <c r="AK136" s="106"/>
      <c r="AL136" s="106"/>
      <c r="AM136" s="106"/>
      <c r="AN136" s="106"/>
      <c r="AO136" s="106"/>
      <c r="AP136" s="106"/>
      <c r="AQ136" s="106"/>
      <c r="AR136" s="106"/>
      <c r="AS136" s="106"/>
      <c r="AT136" s="106"/>
      <c r="AU136" s="106"/>
      <c r="AV136" s="106"/>
      <c r="AW136" s="106"/>
      <c r="AX136" s="106"/>
      <c r="AY136" s="106"/>
      <c r="AZ136" s="106"/>
      <c r="BA136" s="106"/>
      <c r="BB136" s="106"/>
      <c r="BC136" s="106"/>
    </row>
    <row r="137" spans="1:55" s="57" customFormat="1" ht="199.95" customHeight="1" thickTop="1" thickBot="1" x14ac:dyDescent="0.25">
      <c r="A137" s="755" t="s">
        <v>93</v>
      </c>
      <c r="B137" s="756"/>
      <c r="C137" s="756"/>
      <c r="D137" s="756"/>
      <c r="E137" s="756"/>
      <c r="F137" s="756"/>
      <c r="G137" s="756"/>
      <c r="H137" s="756"/>
      <c r="I137" s="756"/>
      <c r="J137" s="756"/>
      <c r="K137" s="756"/>
      <c r="L137" s="756"/>
      <c r="M137" s="757"/>
      <c r="N137" s="758" t="s">
        <v>27</v>
      </c>
      <c r="O137" s="759" t="s">
        <v>24</v>
      </c>
      <c r="P137" s="760" t="s">
        <v>25</v>
      </c>
      <c r="Q137" s="761" t="s">
        <v>22</v>
      </c>
      <c r="R137" s="55"/>
      <c r="S137" s="56"/>
      <c r="T137" s="106"/>
      <c r="U137" s="106"/>
      <c r="V137" s="106"/>
      <c r="W137" s="98"/>
      <c r="X137" s="98"/>
      <c r="Y137" s="98"/>
      <c r="Z137" s="98"/>
      <c r="AA137" s="98"/>
      <c r="AB137" s="98"/>
      <c r="AC137" s="98"/>
      <c r="AD137" s="98"/>
      <c r="AE137" s="98"/>
      <c r="AF137" s="98"/>
      <c r="AG137" s="98"/>
      <c r="AH137" s="98"/>
      <c r="AI137" s="98"/>
      <c r="AJ137" s="98"/>
      <c r="AK137" s="98"/>
      <c r="AL137" s="98"/>
      <c r="AM137" s="106"/>
      <c r="AN137" s="106"/>
      <c r="AO137" s="106"/>
      <c r="AP137" s="106"/>
      <c r="AQ137" s="106"/>
      <c r="AR137" s="106"/>
      <c r="AS137" s="106"/>
      <c r="AT137" s="106"/>
      <c r="AU137" s="106"/>
      <c r="AV137" s="106"/>
      <c r="AW137" s="106"/>
      <c r="AX137" s="106"/>
      <c r="AY137" s="106"/>
      <c r="AZ137" s="106"/>
      <c r="BA137" s="106"/>
      <c r="BB137" s="106"/>
      <c r="BC137" s="106"/>
    </row>
    <row r="138" spans="1:55" s="57" customFormat="1" ht="241.95" customHeight="1" thickTop="1" thickBot="1" x14ac:dyDescent="0.25">
      <c r="A138" s="277" t="s">
        <v>94</v>
      </c>
      <c r="B138" s="278"/>
      <c r="C138" s="278"/>
      <c r="D138" s="278"/>
      <c r="E138" s="278"/>
      <c r="F138" s="278"/>
      <c r="G138" s="278"/>
      <c r="H138" s="278"/>
      <c r="I138" s="278"/>
      <c r="J138" s="278"/>
      <c r="K138" s="278"/>
      <c r="L138" s="278"/>
      <c r="M138" s="279"/>
      <c r="N138" s="758" t="s">
        <v>27</v>
      </c>
      <c r="O138" s="759" t="s">
        <v>24</v>
      </c>
      <c r="P138" s="760" t="s">
        <v>25</v>
      </c>
      <c r="Q138" s="761" t="s">
        <v>22</v>
      </c>
      <c r="R138" s="55"/>
      <c r="S138" s="56"/>
      <c r="T138" s="106"/>
      <c r="U138" s="106"/>
      <c r="V138" s="106"/>
      <c r="W138" s="98"/>
      <c r="X138" s="98"/>
      <c r="Y138" s="98"/>
      <c r="Z138" s="98"/>
      <c r="AA138" s="98"/>
      <c r="AB138" s="98"/>
      <c r="AC138" s="98"/>
      <c r="AD138" s="98"/>
      <c r="AE138" s="98"/>
      <c r="AF138" s="98"/>
      <c r="AG138" s="98"/>
      <c r="AH138" s="98"/>
      <c r="AI138" s="98"/>
      <c r="AJ138" s="98"/>
      <c r="AK138" s="98"/>
      <c r="AL138" s="98"/>
      <c r="AM138" s="106"/>
      <c r="AN138" s="106"/>
      <c r="AO138" s="106"/>
      <c r="AP138" s="106"/>
      <c r="AQ138" s="106"/>
      <c r="AR138" s="106"/>
      <c r="AS138" s="106"/>
      <c r="AT138" s="106"/>
      <c r="AU138" s="106"/>
      <c r="AV138" s="106"/>
      <c r="AW138" s="106"/>
      <c r="AX138" s="106"/>
      <c r="AY138" s="106"/>
      <c r="AZ138" s="106"/>
      <c r="BA138" s="106"/>
      <c r="BB138" s="106"/>
      <c r="BC138" s="106"/>
    </row>
    <row r="139" spans="1:55" s="57" customFormat="1" ht="132" customHeight="1" thickTop="1" thickBot="1" x14ac:dyDescent="0.25">
      <c r="A139" s="762" t="s">
        <v>95</v>
      </c>
      <c r="B139" s="763"/>
      <c r="C139" s="763"/>
      <c r="D139" s="763"/>
      <c r="E139" s="763"/>
      <c r="F139" s="763"/>
      <c r="G139" s="763"/>
      <c r="H139" s="763"/>
      <c r="I139" s="763"/>
      <c r="J139" s="763"/>
      <c r="K139" s="763"/>
      <c r="L139" s="763"/>
      <c r="M139" s="763"/>
      <c r="N139" s="764"/>
      <c r="O139" s="765" t="s">
        <v>20</v>
      </c>
      <c r="P139" s="766" t="s">
        <v>25</v>
      </c>
      <c r="Q139" s="767" t="s">
        <v>22</v>
      </c>
      <c r="R139" s="55"/>
      <c r="S139" s="56"/>
      <c r="T139" s="106"/>
      <c r="U139" s="106"/>
      <c r="V139" s="106"/>
      <c r="W139" s="98"/>
      <c r="X139" s="98"/>
      <c r="Y139" s="98"/>
      <c r="Z139" s="98"/>
      <c r="AA139" s="98"/>
      <c r="AB139" s="98"/>
      <c r="AC139" s="98"/>
      <c r="AD139" s="98"/>
      <c r="AE139" s="98"/>
      <c r="AF139" s="98"/>
      <c r="AG139" s="98"/>
      <c r="AH139" s="98"/>
      <c r="AI139" s="98"/>
      <c r="AJ139" s="98"/>
      <c r="AK139" s="98"/>
      <c r="AL139" s="98"/>
      <c r="AM139" s="106"/>
      <c r="AN139" s="106"/>
      <c r="AO139" s="106"/>
      <c r="AP139" s="106"/>
      <c r="AQ139" s="106"/>
      <c r="AR139" s="106"/>
      <c r="AS139" s="106"/>
      <c r="AT139" s="106"/>
      <c r="AU139" s="106"/>
      <c r="AV139" s="106"/>
      <c r="AW139" s="106"/>
      <c r="AX139" s="106"/>
      <c r="AY139" s="106"/>
      <c r="AZ139" s="106"/>
      <c r="BA139" s="106"/>
      <c r="BB139" s="106"/>
      <c r="BC139" s="106"/>
    </row>
    <row r="140" spans="1:55" s="18" customFormat="1" ht="69.900000000000006" customHeight="1" thickTop="1" x14ac:dyDescent="0.2">
      <c r="A140" s="284" t="s">
        <v>28</v>
      </c>
      <c r="B140" s="150"/>
      <c r="C140" s="150"/>
      <c r="D140" s="150"/>
      <c r="E140" s="150"/>
      <c r="F140" s="150"/>
      <c r="G140" s="150"/>
      <c r="H140" s="150"/>
      <c r="I140" s="150"/>
      <c r="J140" s="150"/>
      <c r="K140" s="150"/>
      <c r="L140" s="150"/>
      <c r="M140" s="150"/>
      <c r="N140" s="150"/>
      <c r="O140" s="150"/>
      <c r="P140" s="150"/>
      <c r="Q140" s="150"/>
      <c r="R140" s="768"/>
      <c r="S140" s="43"/>
    </row>
    <row r="141" spans="1:55" s="57" customFormat="1" ht="75" customHeight="1" x14ac:dyDescent="0.2">
      <c r="A141" s="338"/>
      <c r="B141" s="339"/>
      <c r="C141" s="339"/>
      <c r="D141" s="339"/>
      <c r="E141" s="339"/>
      <c r="F141" s="339"/>
      <c r="G141" s="339"/>
      <c r="H141" s="339"/>
      <c r="I141" s="339"/>
      <c r="J141" s="339"/>
      <c r="K141" s="339"/>
      <c r="L141" s="340"/>
      <c r="M141" s="339"/>
      <c r="N141" s="339"/>
      <c r="O141" s="339"/>
      <c r="P141" s="339"/>
      <c r="Q141" s="341"/>
      <c r="R141" s="55"/>
      <c r="S141" s="43"/>
    </row>
    <row r="142" spans="1:55" s="57" customFormat="1" ht="75" customHeight="1" thickBot="1" x14ac:dyDescent="0.25">
      <c r="A142" s="769"/>
      <c r="B142" s="770"/>
      <c r="C142" s="770"/>
      <c r="D142" s="770"/>
      <c r="E142" s="770"/>
      <c r="F142" s="770"/>
      <c r="G142" s="770"/>
      <c r="H142" s="770"/>
      <c r="I142" s="770"/>
      <c r="J142" s="770"/>
      <c r="K142" s="770"/>
      <c r="L142" s="771"/>
      <c r="M142" s="770"/>
      <c r="N142" s="770"/>
      <c r="O142" s="770"/>
      <c r="P142" s="770"/>
      <c r="Q142" s="770"/>
      <c r="R142" s="772"/>
      <c r="S142" s="43"/>
    </row>
    <row r="143" spans="1:55" s="546" customFormat="1" ht="69.900000000000006" customHeight="1" thickBot="1" x14ac:dyDescent="0.25">
      <c r="A143" s="773" t="s">
        <v>96</v>
      </c>
      <c r="B143" s="774"/>
      <c r="C143" s="774"/>
      <c r="D143" s="774"/>
      <c r="E143" s="774"/>
      <c r="F143" s="774"/>
      <c r="G143" s="774"/>
      <c r="H143" s="774"/>
      <c r="I143" s="774"/>
      <c r="J143" s="774"/>
      <c r="K143" s="774"/>
      <c r="L143" s="774"/>
      <c r="M143" s="774"/>
      <c r="N143" s="774"/>
      <c r="O143" s="774"/>
      <c r="P143" s="774"/>
      <c r="Q143" s="775"/>
      <c r="R143" s="561"/>
      <c r="S143" s="595"/>
      <c r="T143" s="596"/>
      <c r="U143" s="596"/>
      <c r="V143" s="600"/>
      <c r="W143" s="600"/>
      <c r="X143" s="600"/>
      <c r="Y143" s="600"/>
      <c r="Z143" s="600"/>
      <c r="AA143" s="600"/>
      <c r="AB143" s="600"/>
      <c r="AC143" s="600"/>
      <c r="AD143" s="600"/>
      <c r="AE143" s="600"/>
      <c r="AF143" s="600"/>
      <c r="AG143" s="600"/>
      <c r="AH143" s="600"/>
      <c r="AI143" s="600"/>
      <c r="AJ143" s="600"/>
      <c r="AK143" s="600"/>
      <c r="AL143" s="596"/>
      <c r="AM143" s="596"/>
      <c r="AN143" s="596"/>
      <c r="AO143" s="596"/>
      <c r="AP143" s="596"/>
      <c r="AQ143" s="596"/>
      <c r="AR143" s="596"/>
      <c r="AS143" s="596"/>
      <c r="AT143" s="596"/>
      <c r="AU143" s="596"/>
      <c r="AV143" s="596"/>
      <c r="AW143" s="596"/>
      <c r="AX143" s="596"/>
      <c r="AY143" s="596"/>
      <c r="AZ143" s="596"/>
      <c r="BA143" s="596"/>
      <c r="BB143" s="596"/>
    </row>
    <row r="144" spans="1:55" s="546" customFormat="1" ht="69.900000000000006" customHeight="1" thickBot="1" x14ac:dyDescent="0.25">
      <c r="A144" s="584" t="s">
        <v>251</v>
      </c>
      <c r="B144" s="585"/>
      <c r="C144" s="585"/>
      <c r="D144" s="585"/>
      <c r="E144" s="585"/>
      <c r="F144" s="585"/>
      <c r="G144" s="585"/>
      <c r="H144" s="585"/>
      <c r="I144" s="585"/>
      <c r="J144" s="585"/>
      <c r="K144" s="585"/>
      <c r="L144" s="586"/>
      <c r="M144" s="585"/>
      <c r="N144" s="585"/>
      <c r="O144" s="585"/>
      <c r="P144" s="585"/>
      <c r="Q144" s="587"/>
      <c r="R144" s="561"/>
      <c r="S144" s="595"/>
      <c r="T144" s="596"/>
      <c r="U144" s="596"/>
      <c r="V144" s="596"/>
      <c r="W144" s="596"/>
      <c r="X144" s="596"/>
      <c r="Y144" s="596"/>
      <c r="Z144" s="596"/>
      <c r="AA144" s="596"/>
      <c r="AB144" s="596"/>
      <c r="AC144" s="596"/>
      <c r="AD144" s="596"/>
      <c r="AE144" s="596"/>
      <c r="AF144" s="596"/>
      <c r="AG144" s="596"/>
      <c r="AH144" s="596"/>
      <c r="AI144" s="596"/>
      <c r="AJ144" s="596"/>
      <c r="AK144" s="596"/>
      <c r="AL144" s="596"/>
      <c r="AM144" s="596"/>
      <c r="AN144" s="596"/>
      <c r="AO144" s="596"/>
      <c r="AP144" s="596"/>
      <c r="AQ144" s="596"/>
      <c r="AR144" s="596"/>
      <c r="AS144" s="596"/>
      <c r="AT144" s="596"/>
      <c r="AU144" s="596"/>
      <c r="AV144" s="596"/>
      <c r="AW144" s="596"/>
      <c r="AX144" s="596"/>
      <c r="AY144" s="596"/>
      <c r="AZ144" s="596"/>
      <c r="BA144" s="596"/>
      <c r="BB144" s="596"/>
    </row>
    <row r="145" spans="1:54" s="570" customFormat="1" ht="389.4" customHeight="1" thickTop="1" thickBot="1" x14ac:dyDescent="0.25">
      <c r="A145" s="669" t="s">
        <v>98</v>
      </c>
      <c r="B145" s="679"/>
      <c r="C145" s="679"/>
      <c r="D145" s="679"/>
      <c r="E145" s="679"/>
      <c r="F145" s="679"/>
      <c r="G145" s="679"/>
      <c r="H145" s="679"/>
      <c r="I145" s="679"/>
      <c r="J145" s="679"/>
      <c r="K145" s="679"/>
      <c r="L145" s="196"/>
      <c r="M145" s="679"/>
      <c r="N145" s="679"/>
      <c r="O145" s="648" t="s">
        <v>20</v>
      </c>
      <c r="P145" s="648" t="s">
        <v>21</v>
      </c>
      <c r="Q145" s="649" t="s">
        <v>22</v>
      </c>
      <c r="R145" s="561"/>
      <c r="S145" s="569"/>
      <c r="T145" s="600"/>
      <c r="U145" s="600"/>
      <c r="V145" s="596"/>
      <c r="W145" s="596"/>
      <c r="X145" s="596"/>
      <c r="Y145" s="596"/>
      <c r="Z145" s="596"/>
      <c r="AA145" s="596"/>
      <c r="AB145" s="596"/>
      <c r="AC145" s="596"/>
      <c r="AD145" s="596"/>
      <c r="AE145" s="596"/>
      <c r="AF145" s="596"/>
      <c r="AG145" s="596"/>
      <c r="AH145" s="596"/>
      <c r="AI145" s="596"/>
      <c r="AJ145" s="596"/>
      <c r="AK145" s="596"/>
      <c r="AL145" s="600"/>
      <c r="AM145" s="600"/>
      <c r="AN145" s="600"/>
      <c r="AO145" s="600"/>
      <c r="AP145" s="600"/>
      <c r="AQ145" s="600"/>
      <c r="AR145" s="600"/>
      <c r="AS145" s="600"/>
      <c r="AT145" s="600"/>
      <c r="AU145" s="600"/>
      <c r="AV145" s="600"/>
      <c r="AW145" s="600"/>
      <c r="AX145" s="600"/>
      <c r="AY145" s="600"/>
      <c r="AZ145" s="600"/>
      <c r="BA145" s="600"/>
      <c r="BB145" s="600"/>
    </row>
    <row r="146" spans="1:54" s="546" customFormat="1" ht="69.900000000000006" customHeight="1" thickTop="1" x14ac:dyDescent="0.2">
      <c r="A146" s="692" t="s">
        <v>55</v>
      </c>
      <c r="B146" s="693"/>
      <c r="C146" s="693"/>
      <c r="D146" s="693"/>
      <c r="E146" s="693"/>
      <c r="F146" s="693"/>
      <c r="G146" s="693"/>
      <c r="H146" s="693"/>
      <c r="I146" s="693"/>
      <c r="J146" s="693"/>
      <c r="K146" s="693"/>
      <c r="L146" s="694"/>
      <c r="M146" s="693"/>
      <c r="N146" s="693"/>
      <c r="O146" s="693"/>
      <c r="P146" s="693"/>
      <c r="Q146" s="695"/>
      <c r="R146" s="561"/>
      <c r="S146" s="199"/>
    </row>
    <row r="147" spans="1:54" s="546" customFormat="1" ht="69.900000000000006" customHeight="1" x14ac:dyDescent="0.2">
      <c r="A147" s="696" t="s">
        <v>74</v>
      </c>
      <c r="B147" s="697"/>
      <c r="C147" s="697"/>
      <c r="D147" s="697"/>
      <c r="E147" s="697"/>
      <c r="F147" s="697"/>
      <c r="G147" s="697"/>
      <c r="H147" s="697"/>
      <c r="I147" s="697"/>
      <c r="J147" s="697"/>
      <c r="K147" s="697"/>
      <c r="L147" s="697"/>
      <c r="M147" s="697"/>
      <c r="N147" s="697"/>
      <c r="O147" s="697"/>
      <c r="P147" s="697"/>
      <c r="Q147" s="698"/>
      <c r="R147" s="561"/>
      <c r="S147" s="199"/>
    </row>
    <row r="148" spans="1:54" s="570" customFormat="1" ht="69.599999999999994" customHeight="1" x14ac:dyDescent="0.2">
      <c r="A148" s="776" t="s">
        <v>99</v>
      </c>
      <c r="B148" s="777"/>
      <c r="C148" s="777"/>
      <c r="D148" s="777"/>
      <c r="E148" s="777"/>
      <c r="F148" s="777"/>
      <c r="G148" s="777"/>
      <c r="H148" s="777"/>
      <c r="I148" s="777"/>
      <c r="J148" s="777"/>
      <c r="K148" s="777"/>
      <c r="L148" s="777"/>
      <c r="M148" s="777"/>
      <c r="N148" s="777"/>
      <c r="O148" s="777"/>
      <c r="P148" s="777"/>
      <c r="Q148" s="778"/>
      <c r="R148" s="561"/>
      <c r="S148" s="595"/>
      <c r="T148" s="600"/>
      <c r="U148" s="600"/>
      <c r="V148" s="600"/>
      <c r="W148" s="600"/>
      <c r="X148" s="600"/>
      <c r="Y148" s="600"/>
      <c r="Z148" s="600"/>
      <c r="AA148" s="600"/>
      <c r="AB148" s="600"/>
      <c r="AC148" s="600"/>
      <c r="AD148" s="600"/>
      <c r="AE148" s="600"/>
      <c r="AF148" s="600"/>
      <c r="AG148" s="600"/>
      <c r="AH148" s="600"/>
      <c r="AI148" s="600"/>
      <c r="AJ148" s="600"/>
      <c r="AK148" s="600"/>
      <c r="AL148" s="600"/>
      <c r="AM148" s="600"/>
      <c r="AN148" s="600"/>
      <c r="AO148" s="600"/>
      <c r="AP148" s="600"/>
      <c r="AQ148" s="600"/>
      <c r="AR148" s="600"/>
      <c r="AS148" s="600"/>
      <c r="AT148" s="600"/>
      <c r="AU148" s="600"/>
      <c r="AV148" s="600"/>
      <c r="AW148" s="600"/>
      <c r="AX148" s="600"/>
      <c r="AY148" s="600"/>
      <c r="AZ148" s="600"/>
      <c r="BA148" s="600"/>
      <c r="BB148" s="600"/>
    </row>
    <row r="149" spans="1:54" s="570" customFormat="1" ht="69.599999999999994" customHeight="1" x14ac:dyDescent="0.2">
      <c r="A149" s="779" t="s">
        <v>100</v>
      </c>
      <c r="B149" s="780"/>
      <c r="C149" s="780"/>
      <c r="D149" s="780"/>
      <c r="E149" s="780"/>
      <c r="F149" s="780"/>
      <c r="G149" s="780"/>
      <c r="H149" s="780"/>
      <c r="I149" s="780"/>
      <c r="J149" s="780"/>
      <c r="K149" s="780"/>
      <c r="L149" s="780"/>
      <c r="M149" s="780"/>
      <c r="N149" s="780"/>
      <c r="O149" s="780"/>
      <c r="P149" s="780"/>
      <c r="Q149" s="781"/>
      <c r="R149" s="561"/>
      <c r="S149" s="595"/>
      <c r="T149" s="600"/>
      <c r="U149" s="600"/>
      <c r="V149" s="600"/>
      <c r="W149" s="600"/>
      <c r="X149" s="600"/>
      <c r="Y149" s="600"/>
      <c r="Z149" s="600"/>
      <c r="AA149" s="600"/>
      <c r="AB149" s="600"/>
      <c r="AC149" s="600"/>
      <c r="AD149" s="600"/>
      <c r="AE149" s="600"/>
      <c r="AF149" s="600"/>
      <c r="AG149" s="600"/>
      <c r="AH149" s="600"/>
      <c r="AI149" s="600"/>
      <c r="AJ149" s="600"/>
      <c r="AK149" s="600"/>
      <c r="AL149" s="600"/>
      <c r="AM149" s="600"/>
      <c r="AN149" s="600"/>
      <c r="AO149" s="600"/>
      <c r="AP149" s="600"/>
      <c r="AQ149" s="600"/>
      <c r="AR149" s="600"/>
      <c r="AS149" s="600"/>
      <c r="AT149" s="600"/>
      <c r="AU149" s="600"/>
      <c r="AV149" s="600"/>
      <c r="AW149" s="600"/>
      <c r="AX149" s="600"/>
      <c r="AY149" s="600"/>
      <c r="AZ149" s="600"/>
      <c r="BA149" s="600"/>
      <c r="BB149" s="600"/>
    </row>
    <row r="150" spans="1:54" s="546" customFormat="1" ht="69.900000000000006" customHeight="1" x14ac:dyDescent="0.2">
      <c r="A150" s="70" t="s">
        <v>28</v>
      </c>
      <c r="B150" s="72"/>
      <c r="C150" s="72"/>
      <c r="D150" s="72"/>
      <c r="E150" s="72"/>
      <c r="F150" s="72"/>
      <c r="G150" s="72"/>
      <c r="H150" s="72"/>
      <c r="I150" s="72"/>
      <c r="J150" s="72"/>
      <c r="K150" s="72"/>
      <c r="L150" s="72"/>
      <c r="M150" s="72"/>
      <c r="N150" s="72"/>
      <c r="O150" s="72"/>
      <c r="P150" s="72"/>
      <c r="Q150" s="202"/>
      <c r="R150" s="561"/>
      <c r="S150" s="199"/>
    </row>
    <row r="151" spans="1:54" s="570" customFormat="1" ht="75" customHeight="1" x14ac:dyDescent="0.2">
      <c r="A151" s="575"/>
      <c r="B151" s="576"/>
      <c r="C151" s="576"/>
      <c r="D151" s="576"/>
      <c r="E151" s="576"/>
      <c r="F151" s="576"/>
      <c r="G151" s="576"/>
      <c r="H151" s="576"/>
      <c r="I151" s="576"/>
      <c r="J151" s="576"/>
      <c r="K151" s="576"/>
      <c r="L151" s="577"/>
      <c r="M151" s="576"/>
      <c r="N151" s="576"/>
      <c r="O151" s="576"/>
      <c r="P151" s="576"/>
      <c r="Q151" s="578"/>
      <c r="R151" s="561"/>
      <c r="S151" s="579"/>
    </row>
    <row r="152" spans="1:54" s="570" customFormat="1" ht="75" customHeight="1" thickBot="1" x14ac:dyDescent="0.25">
      <c r="A152" s="580"/>
      <c r="B152" s="581"/>
      <c r="C152" s="581"/>
      <c r="D152" s="581"/>
      <c r="E152" s="581"/>
      <c r="F152" s="581"/>
      <c r="G152" s="581"/>
      <c r="H152" s="581"/>
      <c r="I152" s="581"/>
      <c r="J152" s="581"/>
      <c r="K152" s="581"/>
      <c r="L152" s="582"/>
      <c r="M152" s="581"/>
      <c r="N152" s="581"/>
      <c r="O152" s="581"/>
      <c r="P152" s="581"/>
      <c r="Q152" s="583"/>
      <c r="R152" s="561"/>
      <c r="S152" s="723"/>
    </row>
    <row r="153" spans="1:54" s="546" customFormat="1" ht="69.900000000000006" customHeight="1" thickBot="1" x14ac:dyDescent="0.25">
      <c r="A153" s="584" t="s">
        <v>252</v>
      </c>
      <c r="B153" s="585"/>
      <c r="C153" s="585"/>
      <c r="D153" s="585"/>
      <c r="E153" s="585"/>
      <c r="F153" s="585"/>
      <c r="G153" s="585"/>
      <c r="H153" s="585"/>
      <c r="I153" s="585"/>
      <c r="J153" s="585"/>
      <c r="K153" s="585"/>
      <c r="L153" s="586"/>
      <c r="M153" s="585"/>
      <c r="N153" s="585"/>
      <c r="O153" s="585"/>
      <c r="P153" s="585"/>
      <c r="Q153" s="587"/>
      <c r="R153" s="561"/>
      <c r="S153" s="728" t="s">
        <v>253</v>
      </c>
      <c r="T153" s="596"/>
      <c r="U153" s="596"/>
      <c r="V153" s="600"/>
      <c r="W153" s="600"/>
      <c r="X153" s="600"/>
      <c r="Y153" s="600"/>
      <c r="Z153" s="600"/>
      <c r="AA153" s="600"/>
      <c r="AB153" s="600"/>
      <c r="AC153" s="600"/>
      <c r="AD153" s="600"/>
      <c r="AE153" s="600"/>
      <c r="AF153" s="600"/>
      <c r="AG153" s="600"/>
      <c r="AH153" s="600"/>
      <c r="AI153" s="600"/>
      <c r="AJ153" s="600"/>
      <c r="AK153" s="600"/>
      <c r="AL153" s="596"/>
      <c r="AM153" s="596"/>
      <c r="AN153" s="596"/>
      <c r="AO153" s="596"/>
      <c r="AP153" s="596"/>
      <c r="AQ153" s="596"/>
      <c r="AR153" s="596"/>
      <c r="AS153" s="596"/>
      <c r="AT153" s="596"/>
      <c r="AU153" s="596"/>
      <c r="AV153" s="596"/>
      <c r="AW153" s="596"/>
      <c r="AX153" s="596"/>
      <c r="AY153" s="596"/>
      <c r="AZ153" s="596"/>
      <c r="BA153" s="596"/>
      <c r="BB153" s="596"/>
    </row>
    <row r="154" spans="1:54" s="570" customFormat="1" ht="199.95" customHeight="1" thickTop="1" thickBot="1" x14ac:dyDescent="0.25">
      <c r="A154" s="729" t="s">
        <v>254</v>
      </c>
      <c r="B154" s="730"/>
      <c r="C154" s="730"/>
      <c r="D154" s="730"/>
      <c r="E154" s="730"/>
      <c r="F154" s="730"/>
      <c r="G154" s="730"/>
      <c r="H154" s="730"/>
      <c r="I154" s="730"/>
      <c r="J154" s="730"/>
      <c r="K154" s="730"/>
      <c r="L154" s="731"/>
      <c r="M154" s="730"/>
      <c r="N154" s="730"/>
      <c r="O154" s="648" t="s">
        <v>20</v>
      </c>
      <c r="P154" s="648" t="s">
        <v>21</v>
      </c>
      <c r="Q154" s="649" t="s">
        <v>22</v>
      </c>
      <c r="R154" s="561"/>
      <c r="S154" s="569"/>
      <c r="T154" s="600"/>
      <c r="U154" s="600"/>
      <c r="V154" s="600"/>
      <c r="W154" s="600"/>
      <c r="X154" s="600"/>
      <c r="Y154" s="600"/>
      <c r="Z154" s="600"/>
      <c r="AA154" s="600"/>
      <c r="AB154" s="600"/>
      <c r="AC154" s="600"/>
      <c r="AD154" s="600"/>
      <c r="AE154" s="600"/>
      <c r="AF154" s="600"/>
      <c r="AG154" s="600"/>
      <c r="AH154" s="600"/>
      <c r="AI154" s="600"/>
      <c r="AJ154" s="600"/>
      <c r="AK154" s="600"/>
      <c r="AL154" s="600"/>
      <c r="AM154" s="600"/>
      <c r="AN154" s="600"/>
      <c r="AO154" s="600"/>
      <c r="AP154" s="600"/>
      <c r="AQ154" s="600"/>
      <c r="AR154" s="600"/>
      <c r="AS154" s="600"/>
      <c r="AT154" s="600"/>
      <c r="AU154" s="600"/>
      <c r="AV154" s="600"/>
      <c r="AW154" s="600"/>
      <c r="AX154" s="600"/>
      <c r="AY154" s="600"/>
      <c r="AZ154" s="600"/>
      <c r="BA154" s="600"/>
      <c r="BB154" s="600"/>
    </row>
    <row r="155" spans="1:54" s="546" customFormat="1" ht="69.900000000000006" customHeight="1" thickTop="1" x14ac:dyDescent="0.2">
      <c r="A155" s="70" t="s">
        <v>28</v>
      </c>
      <c r="B155" s="72"/>
      <c r="C155" s="72"/>
      <c r="D155" s="72"/>
      <c r="E155" s="72"/>
      <c r="F155" s="72"/>
      <c r="G155" s="72"/>
      <c r="H155" s="72"/>
      <c r="I155" s="72"/>
      <c r="J155" s="72"/>
      <c r="K155" s="72"/>
      <c r="L155" s="72"/>
      <c r="M155" s="72"/>
      <c r="N155" s="72"/>
      <c r="O155" s="72"/>
      <c r="P155" s="72"/>
      <c r="Q155" s="202"/>
      <c r="R155" s="561"/>
      <c r="S155" s="199"/>
    </row>
    <row r="156" spans="1:54" s="570" customFormat="1" ht="75" customHeight="1" x14ac:dyDescent="0.2">
      <c r="A156" s="575"/>
      <c r="B156" s="576"/>
      <c r="C156" s="576"/>
      <c r="D156" s="576"/>
      <c r="E156" s="576"/>
      <c r="F156" s="576"/>
      <c r="G156" s="576"/>
      <c r="H156" s="576"/>
      <c r="I156" s="576"/>
      <c r="J156" s="576"/>
      <c r="K156" s="576"/>
      <c r="L156" s="577"/>
      <c r="M156" s="576"/>
      <c r="N156" s="576"/>
      <c r="O156" s="576"/>
      <c r="P156" s="576"/>
      <c r="Q156" s="578"/>
      <c r="R156" s="561"/>
      <c r="S156" s="579"/>
    </row>
    <row r="157" spans="1:54" s="570" customFormat="1" ht="75" customHeight="1" thickBot="1" x14ac:dyDescent="0.25">
      <c r="A157" s="580"/>
      <c r="B157" s="581"/>
      <c r="C157" s="581"/>
      <c r="D157" s="581"/>
      <c r="E157" s="581"/>
      <c r="F157" s="581"/>
      <c r="G157" s="581"/>
      <c r="H157" s="581"/>
      <c r="I157" s="581"/>
      <c r="J157" s="581"/>
      <c r="K157" s="581"/>
      <c r="L157" s="582"/>
      <c r="M157" s="581"/>
      <c r="N157" s="581"/>
      <c r="O157" s="581"/>
      <c r="P157" s="581"/>
      <c r="Q157" s="583"/>
      <c r="R157" s="561"/>
      <c r="S157" s="579"/>
    </row>
    <row r="158" spans="1:54" s="546" customFormat="1" ht="69.900000000000006" customHeight="1" thickBot="1" x14ac:dyDescent="0.25">
      <c r="A158" s="584" t="s">
        <v>255</v>
      </c>
      <c r="B158" s="585"/>
      <c r="C158" s="585"/>
      <c r="D158" s="585"/>
      <c r="E158" s="585"/>
      <c r="F158" s="585"/>
      <c r="G158" s="585"/>
      <c r="H158" s="585"/>
      <c r="I158" s="585"/>
      <c r="J158" s="585"/>
      <c r="K158" s="585"/>
      <c r="L158" s="586"/>
      <c r="M158" s="585"/>
      <c r="N158" s="585"/>
      <c r="O158" s="585"/>
      <c r="P158" s="585"/>
      <c r="Q158" s="587"/>
      <c r="R158" s="561"/>
      <c r="S158" s="595"/>
      <c r="T158" s="596"/>
      <c r="U158" s="596"/>
      <c r="V158" s="596"/>
      <c r="W158" s="596"/>
      <c r="X158" s="596"/>
      <c r="Y158" s="596"/>
      <c r="Z158" s="596"/>
      <c r="AA158" s="596"/>
      <c r="AB158" s="596"/>
      <c r="AC158" s="596"/>
      <c r="AD158" s="596"/>
      <c r="AE158" s="596"/>
      <c r="AF158" s="596"/>
      <c r="AG158" s="596"/>
      <c r="AH158" s="596"/>
      <c r="AI158" s="596"/>
      <c r="AJ158" s="596"/>
      <c r="AK158" s="596"/>
      <c r="AL158" s="596"/>
      <c r="AM158" s="596"/>
      <c r="AN158" s="596"/>
      <c r="AO158" s="596"/>
      <c r="AP158" s="596"/>
      <c r="AQ158" s="596"/>
      <c r="AR158" s="596"/>
      <c r="AS158" s="596"/>
      <c r="AT158" s="596"/>
      <c r="AU158" s="596"/>
      <c r="AV158" s="596"/>
      <c r="AW158" s="596"/>
      <c r="AX158" s="596"/>
      <c r="AY158" s="596"/>
      <c r="AZ158" s="596"/>
      <c r="BA158" s="596"/>
      <c r="BB158" s="596"/>
    </row>
    <row r="159" spans="1:54" s="570" customFormat="1" ht="201" customHeight="1" thickTop="1" thickBot="1" x14ac:dyDescent="0.25">
      <c r="A159" s="669" t="s">
        <v>256</v>
      </c>
      <c r="B159" s="679"/>
      <c r="C159" s="679"/>
      <c r="D159" s="679"/>
      <c r="E159" s="679"/>
      <c r="F159" s="679"/>
      <c r="G159" s="679"/>
      <c r="H159" s="679"/>
      <c r="I159" s="679"/>
      <c r="J159" s="679"/>
      <c r="K159" s="679"/>
      <c r="L159" s="196"/>
      <c r="M159" s="679"/>
      <c r="N159" s="679"/>
      <c r="O159" s="648" t="s">
        <v>20</v>
      </c>
      <c r="P159" s="648" t="s">
        <v>21</v>
      </c>
      <c r="Q159" s="649" t="s">
        <v>22</v>
      </c>
      <c r="R159" s="561"/>
      <c r="S159" s="569"/>
      <c r="T159" s="600"/>
      <c r="U159" s="600"/>
      <c r="V159" s="596"/>
      <c r="W159" s="596"/>
      <c r="X159" s="596"/>
      <c r="Y159" s="596"/>
      <c r="Z159" s="596"/>
      <c r="AA159" s="596"/>
      <c r="AB159" s="596"/>
      <c r="AC159" s="596"/>
      <c r="AD159" s="596"/>
      <c r="AE159" s="596"/>
      <c r="AF159" s="596"/>
      <c r="AG159" s="596"/>
      <c r="AH159" s="596"/>
      <c r="AI159" s="596"/>
      <c r="AJ159" s="596"/>
      <c r="AK159" s="596"/>
      <c r="AL159" s="600"/>
      <c r="AM159" s="600"/>
      <c r="AN159" s="600"/>
      <c r="AO159" s="600"/>
      <c r="AP159" s="600"/>
      <c r="AQ159" s="600"/>
      <c r="AR159" s="600"/>
      <c r="AS159" s="600"/>
      <c r="AT159" s="600"/>
      <c r="AU159" s="600"/>
      <c r="AV159" s="600"/>
      <c r="AW159" s="600"/>
      <c r="AX159" s="600"/>
      <c r="AY159" s="600"/>
      <c r="AZ159" s="600"/>
      <c r="BA159" s="600"/>
      <c r="BB159" s="600"/>
    </row>
    <row r="160" spans="1:54" s="546" customFormat="1" ht="69.900000000000006" customHeight="1" thickTop="1" x14ac:dyDescent="0.2">
      <c r="A160" s="692" t="s">
        <v>178</v>
      </c>
      <c r="B160" s="693"/>
      <c r="C160" s="693"/>
      <c r="D160" s="693"/>
      <c r="E160" s="693"/>
      <c r="F160" s="693"/>
      <c r="G160" s="693"/>
      <c r="H160" s="693"/>
      <c r="I160" s="693"/>
      <c r="J160" s="693"/>
      <c r="K160" s="693"/>
      <c r="L160" s="694"/>
      <c r="M160" s="693"/>
      <c r="N160" s="693"/>
      <c r="O160" s="693"/>
      <c r="P160" s="693"/>
      <c r="Q160" s="695"/>
      <c r="R160" s="561"/>
      <c r="S160" s="199"/>
    </row>
    <row r="161" spans="1:256" s="546" customFormat="1" ht="69.900000000000006" customHeight="1" x14ac:dyDescent="0.2">
      <c r="A161" s="696" t="s">
        <v>106</v>
      </c>
      <c r="B161" s="697"/>
      <c r="C161" s="697"/>
      <c r="D161" s="697"/>
      <c r="E161" s="697"/>
      <c r="F161" s="697"/>
      <c r="G161" s="697"/>
      <c r="H161" s="697"/>
      <c r="I161" s="697"/>
      <c r="J161" s="697"/>
      <c r="K161" s="697"/>
      <c r="L161" s="697"/>
      <c r="M161" s="697"/>
      <c r="N161" s="697"/>
      <c r="O161" s="697"/>
      <c r="P161" s="697"/>
      <c r="Q161" s="698"/>
      <c r="R161" s="187"/>
      <c r="S161" s="199"/>
      <c r="T161" s="201"/>
      <c r="U161" s="201"/>
      <c r="V161" s="201"/>
      <c r="W161" s="201"/>
      <c r="X161" s="201"/>
      <c r="Y161" s="201"/>
      <c r="Z161" s="201"/>
      <c r="AA161" s="201"/>
      <c r="AB161" s="201"/>
      <c r="AC161" s="201"/>
      <c r="AD161" s="201"/>
      <c r="AE161" s="201"/>
      <c r="AF161" s="201"/>
      <c r="AG161" s="201"/>
      <c r="AH161" s="201"/>
      <c r="AI161" s="201"/>
      <c r="AJ161" s="201"/>
      <c r="AK161" s="201"/>
      <c r="AL161" s="201"/>
      <c r="AM161" s="201"/>
      <c r="AN161" s="201"/>
      <c r="AO161" s="201"/>
      <c r="AP161" s="201"/>
      <c r="AQ161" s="201"/>
      <c r="AR161" s="201"/>
      <c r="AS161" s="201"/>
      <c r="AT161" s="201"/>
      <c r="AU161" s="201"/>
      <c r="AV161" s="201"/>
      <c r="AW161" s="201"/>
      <c r="AX161" s="201"/>
      <c r="AY161" s="201"/>
      <c r="AZ161" s="201"/>
      <c r="BA161" s="201"/>
      <c r="BB161" s="201"/>
      <c r="BC161" s="201"/>
      <c r="BD161" s="201"/>
      <c r="BE161" s="201"/>
      <c r="BF161" s="201"/>
      <c r="BG161" s="201"/>
      <c r="BH161" s="201"/>
      <c r="BI161" s="201"/>
      <c r="BJ161" s="201"/>
      <c r="BK161" s="201"/>
      <c r="BL161" s="201"/>
      <c r="BM161" s="201"/>
      <c r="BN161" s="201"/>
      <c r="BO161" s="201"/>
      <c r="BP161" s="201"/>
      <c r="BQ161" s="201"/>
      <c r="BR161" s="201"/>
      <c r="BS161" s="201"/>
      <c r="BT161" s="201"/>
      <c r="BU161" s="201"/>
      <c r="BV161" s="201"/>
      <c r="BW161" s="201"/>
      <c r="BX161" s="201"/>
      <c r="BY161" s="201"/>
      <c r="BZ161" s="201"/>
      <c r="CA161" s="201"/>
      <c r="CB161" s="201"/>
      <c r="CC161" s="201"/>
      <c r="CD161" s="201"/>
      <c r="CE161" s="201"/>
      <c r="CF161" s="201"/>
      <c r="CG161" s="201"/>
      <c r="CH161" s="201"/>
      <c r="CI161" s="201"/>
      <c r="CJ161" s="201"/>
      <c r="CK161" s="201"/>
      <c r="CL161" s="201"/>
      <c r="CM161" s="201"/>
      <c r="CN161" s="201"/>
      <c r="CO161" s="201"/>
      <c r="CP161" s="201"/>
      <c r="CQ161" s="201"/>
      <c r="CR161" s="201"/>
      <c r="CS161" s="201"/>
      <c r="CT161" s="201"/>
      <c r="CU161" s="201"/>
      <c r="CV161" s="201"/>
      <c r="CW161" s="201"/>
      <c r="CX161" s="201"/>
      <c r="CY161" s="201"/>
      <c r="CZ161" s="201"/>
      <c r="DA161" s="201"/>
      <c r="DB161" s="201"/>
      <c r="DC161" s="201"/>
      <c r="DD161" s="201"/>
      <c r="DE161" s="201"/>
      <c r="DF161" s="201"/>
      <c r="DG161" s="201"/>
      <c r="DH161" s="201"/>
      <c r="DI161" s="201"/>
      <c r="DJ161" s="201"/>
      <c r="DK161" s="201"/>
      <c r="DL161" s="201"/>
      <c r="DM161" s="201"/>
      <c r="DN161" s="201"/>
      <c r="DO161" s="201"/>
      <c r="DP161" s="201"/>
      <c r="DQ161" s="201"/>
      <c r="DR161" s="201"/>
      <c r="DS161" s="201"/>
      <c r="DT161" s="201"/>
      <c r="DU161" s="201"/>
      <c r="DV161" s="201"/>
      <c r="DW161" s="201"/>
      <c r="DX161" s="201"/>
      <c r="DY161" s="201"/>
      <c r="DZ161" s="201"/>
      <c r="EA161" s="201"/>
      <c r="EB161" s="201"/>
      <c r="EC161" s="201"/>
      <c r="ED161" s="201"/>
      <c r="EE161" s="201"/>
      <c r="EF161" s="201"/>
      <c r="EG161" s="201"/>
      <c r="EH161" s="201"/>
      <c r="EI161" s="201"/>
      <c r="EJ161" s="201"/>
      <c r="EK161" s="201"/>
      <c r="EL161" s="201"/>
      <c r="EM161" s="201"/>
      <c r="EN161" s="201"/>
      <c r="EO161" s="201"/>
      <c r="EP161" s="201"/>
      <c r="EQ161" s="201"/>
      <c r="ER161" s="201"/>
      <c r="ES161" s="201"/>
      <c r="ET161" s="201"/>
      <c r="EU161" s="201"/>
      <c r="EV161" s="201"/>
      <c r="EW161" s="201"/>
      <c r="EX161" s="201"/>
      <c r="EY161" s="201"/>
      <c r="EZ161" s="201"/>
      <c r="FA161" s="201"/>
      <c r="FB161" s="201"/>
      <c r="FC161" s="201"/>
      <c r="FD161" s="201"/>
      <c r="FE161" s="201"/>
      <c r="FF161" s="201"/>
      <c r="FG161" s="201"/>
      <c r="FH161" s="201"/>
      <c r="FI161" s="201"/>
      <c r="FJ161" s="201"/>
      <c r="FK161" s="201"/>
      <c r="FL161" s="201"/>
      <c r="FM161" s="201"/>
      <c r="FN161" s="201"/>
      <c r="FO161" s="201"/>
      <c r="FP161" s="201"/>
      <c r="FQ161" s="201"/>
      <c r="FR161" s="201"/>
      <c r="FS161" s="201"/>
      <c r="FT161" s="201"/>
      <c r="FU161" s="201"/>
      <c r="FV161" s="201"/>
      <c r="FW161" s="201"/>
      <c r="FX161" s="201"/>
      <c r="FY161" s="201"/>
      <c r="FZ161" s="201"/>
      <c r="GA161" s="201"/>
      <c r="GB161" s="201"/>
      <c r="GC161" s="201"/>
      <c r="GD161" s="201"/>
      <c r="GE161" s="201"/>
      <c r="GF161" s="201"/>
      <c r="GG161" s="201"/>
      <c r="GH161" s="201"/>
      <c r="GI161" s="201"/>
      <c r="GJ161" s="201"/>
      <c r="GK161" s="201"/>
      <c r="GL161" s="201"/>
      <c r="GM161" s="201"/>
      <c r="GN161" s="201"/>
      <c r="GO161" s="201"/>
      <c r="GP161" s="201"/>
      <c r="GQ161" s="201"/>
      <c r="GR161" s="201"/>
      <c r="GS161" s="201"/>
      <c r="GT161" s="201"/>
      <c r="GU161" s="201"/>
      <c r="GV161" s="201"/>
      <c r="GW161" s="201"/>
      <c r="GX161" s="201"/>
      <c r="GY161" s="201"/>
      <c r="GZ161" s="201"/>
      <c r="HA161" s="201"/>
      <c r="HB161" s="201"/>
      <c r="HC161" s="201"/>
      <c r="HD161" s="201"/>
      <c r="HE161" s="201"/>
      <c r="HF161" s="201"/>
      <c r="HG161" s="201"/>
      <c r="HH161" s="201"/>
      <c r="HI161" s="201"/>
      <c r="HJ161" s="201"/>
      <c r="HK161" s="201"/>
      <c r="HL161" s="201"/>
      <c r="HM161" s="201"/>
      <c r="HN161" s="201"/>
      <c r="HO161" s="201"/>
      <c r="HP161" s="201"/>
      <c r="HQ161" s="201"/>
      <c r="HR161" s="201"/>
      <c r="HS161" s="201"/>
      <c r="HT161" s="201"/>
      <c r="HU161" s="201"/>
      <c r="HV161" s="201"/>
      <c r="HW161" s="201"/>
      <c r="HX161" s="201"/>
      <c r="HY161" s="201"/>
      <c r="HZ161" s="201"/>
      <c r="IA161" s="201"/>
      <c r="IB161" s="201"/>
      <c r="IC161" s="201"/>
      <c r="ID161" s="201"/>
      <c r="IE161" s="201"/>
      <c r="IF161" s="201"/>
      <c r="IG161" s="201"/>
      <c r="IH161" s="201"/>
      <c r="II161" s="201"/>
      <c r="IJ161" s="201"/>
      <c r="IK161" s="201"/>
      <c r="IL161" s="201"/>
      <c r="IM161" s="201"/>
      <c r="IN161" s="201"/>
      <c r="IO161" s="201"/>
      <c r="IP161" s="201"/>
      <c r="IQ161" s="201"/>
      <c r="IR161" s="201"/>
      <c r="IS161" s="201"/>
      <c r="IT161" s="201"/>
      <c r="IU161" s="201"/>
      <c r="IV161" s="201"/>
    </row>
    <row r="162" spans="1:256" s="570" customFormat="1" ht="69.599999999999994" customHeight="1" x14ac:dyDescent="0.2">
      <c r="A162" s="782" t="s">
        <v>107</v>
      </c>
      <c r="B162" s="783"/>
      <c r="C162" s="783"/>
      <c r="D162" s="783"/>
      <c r="E162" s="783"/>
      <c r="F162" s="783"/>
      <c r="G162" s="783"/>
      <c r="H162" s="783"/>
      <c r="I162" s="783"/>
      <c r="J162" s="783"/>
      <c r="K162" s="783"/>
      <c r="L162" s="783"/>
      <c r="M162" s="783"/>
      <c r="N162" s="783"/>
      <c r="O162" s="783"/>
      <c r="P162" s="783"/>
      <c r="Q162" s="784"/>
      <c r="R162" s="561"/>
      <c r="S162" s="595"/>
      <c r="T162" s="600"/>
      <c r="U162" s="600"/>
      <c r="V162" s="600"/>
      <c r="W162" s="600"/>
      <c r="X162" s="600"/>
      <c r="Y162" s="600"/>
      <c r="Z162" s="600"/>
      <c r="AA162" s="600"/>
      <c r="AB162" s="600"/>
      <c r="AC162" s="600"/>
      <c r="AD162" s="600"/>
      <c r="AE162" s="600"/>
      <c r="AF162" s="600"/>
      <c r="AG162" s="600"/>
      <c r="AH162" s="600"/>
      <c r="AI162" s="600"/>
      <c r="AJ162" s="600"/>
      <c r="AK162" s="600"/>
      <c r="AL162" s="600"/>
      <c r="AM162" s="600"/>
      <c r="AN162" s="600"/>
      <c r="AO162" s="600"/>
      <c r="AP162" s="600"/>
      <c r="AQ162" s="600"/>
      <c r="AR162" s="600"/>
      <c r="AS162" s="600"/>
      <c r="AT162" s="600"/>
      <c r="AU162" s="600"/>
      <c r="AV162" s="600"/>
      <c r="AW162" s="600"/>
      <c r="AX162" s="600"/>
      <c r="AY162" s="600"/>
      <c r="AZ162" s="600"/>
      <c r="BA162" s="600"/>
      <c r="BB162" s="600"/>
    </row>
    <row r="163" spans="1:256" s="570" customFormat="1" ht="69.599999999999994" customHeight="1" x14ac:dyDescent="0.2">
      <c r="A163" s="779" t="s">
        <v>100</v>
      </c>
      <c r="B163" s="780"/>
      <c r="C163" s="780"/>
      <c r="D163" s="780"/>
      <c r="E163" s="780"/>
      <c r="F163" s="780"/>
      <c r="G163" s="780"/>
      <c r="H163" s="780"/>
      <c r="I163" s="780"/>
      <c r="J163" s="780"/>
      <c r="K163" s="780"/>
      <c r="L163" s="780"/>
      <c r="M163" s="780"/>
      <c r="N163" s="780"/>
      <c r="O163" s="780"/>
      <c r="P163" s="780"/>
      <c r="Q163" s="781"/>
      <c r="R163" s="561"/>
      <c r="S163" s="595"/>
      <c r="T163" s="600"/>
      <c r="U163" s="600"/>
      <c r="V163" s="600"/>
      <c r="W163" s="600"/>
      <c r="X163" s="600"/>
      <c r="Y163" s="600"/>
      <c r="Z163" s="600"/>
      <c r="AA163" s="600"/>
      <c r="AB163" s="600"/>
      <c r="AC163" s="600"/>
      <c r="AD163" s="600"/>
      <c r="AE163" s="600"/>
      <c r="AF163" s="600"/>
      <c r="AG163" s="600"/>
      <c r="AH163" s="600"/>
      <c r="AI163" s="600"/>
      <c r="AJ163" s="600"/>
      <c r="AK163" s="600"/>
      <c r="AL163" s="600"/>
      <c r="AM163" s="600"/>
      <c r="AN163" s="600"/>
      <c r="AO163" s="600"/>
      <c r="AP163" s="600"/>
      <c r="AQ163" s="600"/>
      <c r="AR163" s="600"/>
      <c r="AS163" s="600"/>
      <c r="AT163" s="600"/>
      <c r="AU163" s="600"/>
      <c r="AV163" s="600"/>
      <c r="AW163" s="600"/>
      <c r="AX163" s="600"/>
      <c r="AY163" s="600"/>
      <c r="AZ163" s="600"/>
      <c r="BA163" s="600"/>
      <c r="BB163" s="600"/>
    </row>
    <row r="164" spans="1:256" s="546" customFormat="1" ht="69.900000000000006" customHeight="1" x14ac:dyDescent="0.2">
      <c r="A164" s="70" t="s">
        <v>221</v>
      </c>
      <c r="B164" s="72"/>
      <c r="C164" s="72"/>
      <c r="D164" s="72"/>
      <c r="E164" s="72"/>
      <c r="F164" s="72"/>
      <c r="G164" s="72"/>
      <c r="H164" s="72"/>
      <c r="I164" s="72"/>
      <c r="J164" s="72"/>
      <c r="K164" s="72"/>
      <c r="L164" s="72"/>
      <c r="M164" s="72"/>
      <c r="N164" s="72"/>
      <c r="O164" s="72"/>
      <c r="P164" s="72"/>
      <c r="Q164" s="202"/>
      <c r="R164" s="561"/>
      <c r="S164" s="199"/>
    </row>
    <row r="165" spans="1:256" s="570" customFormat="1" ht="75" customHeight="1" x14ac:dyDescent="0.2">
      <c r="A165" s="575"/>
      <c r="B165" s="576"/>
      <c r="C165" s="576"/>
      <c r="D165" s="576"/>
      <c r="E165" s="576"/>
      <c r="F165" s="576"/>
      <c r="G165" s="576"/>
      <c r="H165" s="576"/>
      <c r="I165" s="576"/>
      <c r="J165" s="576"/>
      <c r="K165" s="576"/>
      <c r="L165" s="577"/>
      <c r="M165" s="576"/>
      <c r="N165" s="576"/>
      <c r="O165" s="576"/>
      <c r="P165" s="576"/>
      <c r="Q165" s="578"/>
      <c r="R165" s="561"/>
      <c r="S165" s="579"/>
    </row>
    <row r="166" spans="1:256" s="570" customFormat="1" ht="75" customHeight="1" thickBot="1" x14ac:dyDescent="0.25">
      <c r="A166" s="580"/>
      <c r="B166" s="581"/>
      <c r="C166" s="581"/>
      <c r="D166" s="581"/>
      <c r="E166" s="581"/>
      <c r="F166" s="581"/>
      <c r="G166" s="581"/>
      <c r="H166" s="581"/>
      <c r="I166" s="581"/>
      <c r="J166" s="581"/>
      <c r="K166" s="581"/>
      <c r="L166" s="582"/>
      <c r="M166" s="581"/>
      <c r="N166" s="581"/>
      <c r="O166" s="581"/>
      <c r="P166" s="581"/>
      <c r="Q166" s="583"/>
      <c r="R166" s="561"/>
      <c r="S166" s="579"/>
    </row>
    <row r="167" spans="1:256" s="546" customFormat="1" ht="69.900000000000006" customHeight="1" thickBot="1" x14ac:dyDescent="0.25">
      <c r="A167" s="785" t="s">
        <v>257</v>
      </c>
      <c r="B167" s="786"/>
      <c r="C167" s="786"/>
      <c r="D167" s="786"/>
      <c r="E167" s="786"/>
      <c r="F167" s="786"/>
      <c r="G167" s="786"/>
      <c r="H167" s="786"/>
      <c r="I167" s="786"/>
      <c r="J167" s="786"/>
      <c r="K167" s="786"/>
      <c r="L167" s="786"/>
      <c r="M167" s="786"/>
      <c r="N167" s="786"/>
      <c r="O167" s="786"/>
      <c r="P167" s="786"/>
      <c r="Q167" s="787"/>
      <c r="R167" s="561"/>
      <c r="S167" s="595"/>
      <c r="T167" s="596"/>
      <c r="U167" s="596"/>
      <c r="V167" s="596"/>
      <c r="W167" s="596"/>
      <c r="X167" s="596"/>
      <c r="Y167" s="596"/>
      <c r="Z167" s="596"/>
      <c r="AA167" s="596"/>
      <c r="AB167" s="596"/>
      <c r="AC167" s="596"/>
      <c r="AD167" s="596"/>
      <c r="AE167" s="596"/>
      <c r="AF167" s="596"/>
      <c r="AG167" s="596"/>
      <c r="AH167" s="596"/>
      <c r="AI167" s="596"/>
      <c r="AJ167" s="596"/>
      <c r="AK167" s="596"/>
      <c r="AL167" s="596"/>
      <c r="AM167" s="596"/>
      <c r="AN167" s="596"/>
      <c r="AO167" s="596"/>
      <c r="AP167" s="596"/>
      <c r="AQ167" s="596"/>
      <c r="AR167" s="596"/>
      <c r="AS167" s="596"/>
      <c r="AT167" s="596"/>
      <c r="AU167" s="596"/>
      <c r="AV167" s="596"/>
      <c r="AW167" s="596"/>
      <c r="AX167" s="596"/>
      <c r="AY167" s="596"/>
      <c r="AZ167" s="596"/>
      <c r="BA167" s="596"/>
      <c r="BB167" s="596"/>
    </row>
    <row r="168" spans="1:256" s="570" customFormat="1" ht="199.95" customHeight="1" thickTop="1" thickBot="1" x14ac:dyDescent="0.25">
      <c r="A168" s="788" t="s">
        <v>258</v>
      </c>
      <c r="B168" s="690"/>
      <c r="C168" s="690"/>
      <c r="D168" s="690"/>
      <c r="E168" s="690"/>
      <c r="F168" s="690"/>
      <c r="G168" s="690"/>
      <c r="H168" s="690"/>
      <c r="I168" s="690"/>
      <c r="J168" s="690"/>
      <c r="K168" s="690"/>
      <c r="L168" s="690"/>
      <c r="M168" s="690"/>
      <c r="N168" s="789"/>
      <c r="O168" s="753" t="s">
        <v>20</v>
      </c>
      <c r="P168" s="753" t="s">
        <v>21</v>
      </c>
      <c r="Q168" s="754" t="s">
        <v>22</v>
      </c>
      <c r="R168" s="561"/>
      <c r="S168" s="569"/>
      <c r="T168" s="600"/>
      <c r="U168" s="600"/>
      <c r="V168" s="596"/>
      <c r="W168" s="596"/>
      <c r="X168" s="596"/>
      <c r="Y168" s="596"/>
      <c r="Z168" s="596"/>
      <c r="AA168" s="596"/>
      <c r="AB168" s="596"/>
      <c r="AC168" s="596"/>
      <c r="AD168" s="596"/>
      <c r="AE168" s="596"/>
      <c r="AF168" s="596"/>
      <c r="AG168" s="596"/>
      <c r="AH168" s="596"/>
      <c r="AI168" s="596"/>
      <c r="AJ168" s="596"/>
      <c r="AK168" s="596"/>
      <c r="AL168" s="600"/>
      <c r="AM168" s="600"/>
      <c r="AN168" s="600"/>
      <c r="AO168" s="600"/>
      <c r="AP168" s="600"/>
      <c r="AQ168" s="600"/>
      <c r="AR168" s="600"/>
      <c r="AS168" s="600"/>
      <c r="AT168" s="600"/>
      <c r="AU168" s="600"/>
      <c r="AV168" s="600"/>
      <c r="AW168" s="600"/>
      <c r="AX168" s="600"/>
      <c r="AY168" s="600"/>
      <c r="AZ168" s="600"/>
      <c r="BA168" s="600"/>
      <c r="BB168" s="600"/>
    </row>
    <row r="169" spans="1:256" s="201" customFormat="1" ht="69.900000000000006" customHeight="1" thickTop="1" x14ac:dyDescent="0.2">
      <c r="A169" s="790" t="s">
        <v>124</v>
      </c>
      <c r="B169" s="694"/>
      <c r="C169" s="694"/>
      <c r="D169" s="694"/>
      <c r="E169" s="694"/>
      <c r="F169" s="694"/>
      <c r="G169" s="694"/>
      <c r="H169" s="694"/>
      <c r="I169" s="694"/>
      <c r="J169" s="694"/>
      <c r="K169" s="694"/>
      <c r="L169" s="694"/>
      <c r="M169" s="694"/>
      <c r="N169" s="694"/>
      <c r="O169" s="694"/>
      <c r="P169" s="694"/>
      <c r="Q169" s="791"/>
      <c r="R169" s="187"/>
      <c r="S169" s="199"/>
    </row>
    <row r="170" spans="1:256" s="201" customFormat="1" ht="69.900000000000006" customHeight="1" x14ac:dyDescent="0.2">
      <c r="A170" s="792" t="s">
        <v>106</v>
      </c>
      <c r="B170" s="793"/>
      <c r="C170" s="793"/>
      <c r="D170" s="793"/>
      <c r="E170" s="793"/>
      <c r="F170" s="793"/>
      <c r="G170" s="793"/>
      <c r="H170" s="793"/>
      <c r="I170" s="793"/>
      <c r="J170" s="793"/>
      <c r="K170" s="793"/>
      <c r="L170" s="793"/>
      <c r="M170" s="793"/>
      <c r="N170" s="793"/>
      <c r="O170" s="793"/>
      <c r="P170" s="793"/>
      <c r="Q170" s="794"/>
      <c r="R170" s="187"/>
      <c r="S170" s="199"/>
    </row>
    <row r="171" spans="1:256" s="570" customFormat="1" ht="69.599999999999994" customHeight="1" x14ac:dyDescent="0.2">
      <c r="A171" s="326" t="s">
        <v>111</v>
      </c>
      <c r="B171" s="327"/>
      <c r="C171" s="327"/>
      <c r="D171" s="327"/>
      <c r="E171" s="327"/>
      <c r="F171" s="327"/>
      <c r="G171" s="327"/>
      <c r="H171" s="327"/>
      <c r="I171" s="327"/>
      <c r="J171" s="327"/>
      <c r="K171" s="327"/>
      <c r="L171" s="327"/>
      <c r="M171" s="327"/>
      <c r="N171" s="327"/>
      <c r="O171" s="327"/>
      <c r="P171" s="327"/>
      <c r="Q171" s="328"/>
      <c r="R171" s="561"/>
      <c r="S171" s="595"/>
      <c r="T171" s="600"/>
      <c r="U171" s="600"/>
      <c r="V171" s="600"/>
      <c r="W171" s="600"/>
      <c r="X171" s="600"/>
      <c r="Y171" s="600"/>
      <c r="Z171" s="600"/>
      <c r="AA171" s="600"/>
      <c r="AB171" s="600"/>
      <c r="AC171" s="600"/>
      <c r="AD171" s="600"/>
      <c r="AE171" s="600"/>
      <c r="AF171" s="600"/>
      <c r="AG171" s="600"/>
      <c r="AH171" s="600"/>
      <c r="AI171" s="600"/>
      <c r="AJ171" s="600"/>
      <c r="AK171" s="600"/>
      <c r="AL171" s="600"/>
      <c r="AM171" s="600"/>
      <c r="AN171" s="600"/>
      <c r="AO171" s="600"/>
      <c r="AP171" s="600"/>
      <c r="AQ171" s="600"/>
      <c r="AR171" s="600"/>
      <c r="AS171" s="600"/>
      <c r="AT171" s="600"/>
      <c r="AU171" s="600"/>
      <c r="AV171" s="600"/>
      <c r="AW171" s="600"/>
      <c r="AX171" s="600"/>
      <c r="AY171" s="600"/>
      <c r="AZ171" s="600"/>
      <c r="BA171" s="600"/>
      <c r="BB171" s="600"/>
    </row>
    <row r="172" spans="1:256" s="570" customFormat="1" ht="69.599999999999994" customHeight="1" x14ac:dyDescent="0.2">
      <c r="A172" s="335" t="s">
        <v>100</v>
      </c>
      <c r="B172" s="336"/>
      <c r="C172" s="336"/>
      <c r="D172" s="336"/>
      <c r="E172" s="336"/>
      <c r="F172" s="336"/>
      <c r="G172" s="336"/>
      <c r="H172" s="336"/>
      <c r="I172" s="336"/>
      <c r="J172" s="336"/>
      <c r="K172" s="336"/>
      <c r="L172" s="336"/>
      <c r="M172" s="336"/>
      <c r="N172" s="336"/>
      <c r="O172" s="336"/>
      <c r="P172" s="336"/>
      <c r="Q172" s="337"/>
      <c r="R172" s="561"/>
      <c r="S172" s="595"/>
      <c r="T172" s="600"/>
      <c r="U172" s="600"/>
      <c r="V172" s="600"/>
      <c r="W172" s="600"/>
      <c r="X172" s="600"/>
      <c r="Y172" s="600"/>
      <c r="Z172" s="600"/>
      <c r="AA172" s="600"/>
      <c r="AB172" s="600"/>
      <c r="AC172" s="600"/>
      <c r="AD172" s="600"/>
      <c r="AE172" s="600"/>
      <c r="AF172" s="600"/>
      <c r="AG172" s="600"/>
      <c r="AH172" s="600"/>
      <c r="AI172" s="600"/>
      <c r="AJ172" s="600"/>
      <c r="AK172" s="600"/>
      <c r="AL172" s="600"/>
      <c r="AM172" s="600"/>
      <c r="AN172" s="600"/>
      <c r="AO172" s="600"/>
      <c r="AP172" s="600"/>
      <c r="AQ172" s="600"/>
      <c r="AR172" s="600"/>
      <c r="AS172" s="600"/>
      <c r="AT172" s="600"/>
      <c r="AU172" s="600"/>
      <c r="AV172" s="600"/>
      <c r="AW172" s="600"/>
      <c r="AX172" s="600"/>
      <c r="AY172" s="600"/>
      <c r="AZ172" s="600"/>
      <c r="BA172" s="600"/>
      <c r="BB172" s="600"/>
    </row>
    <row r="173" spans="1:256" s="546" customFormat="1" ht="69.900000000000006" customHeight="1" x14ac:dyDescent="0.2">
      <c r="A173" s="795" t="s">
        <v>259</v>
      </c>
      <c r="B173" s="675"/>
      <c r="C173" s="675"/>
      <c r="D173" s="675"/>
      <c r="E173" s="675"/>
      <c r="F173" s="675"/>
      <c r="G173" s="675"/>
      <c r="H173" s="675"/>
      <c r="I173" s="675"/>
      <c r="J173" s="675"/>
      <c r="K173" s="675"/>
      <c r="L173" s="675"/>
      <c r="M173" s="675"/>
      <c r="N173" s="675"/>
      <c r="O173" s="675"/>
      <c r="P173" s="675"/>
      <c r="Q173" s="676"/>
      <c r="R173" s="561"/>
      <c r="S173" s="199"/>
    </row>
    <row r="174" spans="1:256" s="570" customFormat="1" ht="75" customHeight="1" x14ac:dyDescent="0.2">
      <c r="A174" s="796"/>
      <c r="B174" s="797"/>
      <c r="C174" s="797"/>
      <c r="D174" s="797"/>
      <c r="E174" s="797"/>
      <c r="F174" s="797"/>
      <c r="G174" s="797"/>
      <c r="H174" s="797"/>
      <c r="I174" s="797"/>
      <c r="J174" s="797"/>
      <c r="K174" s="797"/>
      <c r="L174" s="798"/>
      <c r="M174" s="797"/>
      <c r="N174" s="797"/>
      <c r="O174" s="797"/>
      <c r="P174" s="797"/>
      <c r="Q174" s="799"/>
      <c r="R174" s="561"/>
      <c r="S174" s="579"/>
    </row>
    <row r="175" spans="1:256" s="570" customFormat="1" ht="75" customHeight="1" thickBot="1" x14ac:dyDescent="0.25">
      <c r="A175" s="800"/>
      <c r="B175" s="801"/>
      <c r="C175" s="801"/>
      <c r="D175" s="801"/>
      <c r="E175" s="801"/>
      <c r="F175" s="801"/>
      <c r="G175" s="801"/>
      <c r="H175" s="801"/>
      <c r="I175" s="801"/>
      <c r="J175" s="801"/>
      <c r="K175" s="801"/>
      <c r="L175" s="802"/>
      <c r="M175" s="801"/>
      <c r="N175" s="801"/>
      <c r="O175" s="801"/>
      <c r="P175" s="801"/>
      <c r="Q175" s="803"/>
      <c r="R175" s="561"/>
      <c r="S175" s="579"/>
    </row>
    <row r="176" spans="1:256" s="546" customFormat="1" ht="69.900000000000006" customHeight="1" thickBot="1" x14ac:dyDescent="0.25">
      <c r="A176" s="584" t="s">
        <v>112</v>
      </c>
      <c r="B176" s="585"/>
      <c r="C176" s="585"/>
      <c r="D176" s="585"/>
      <c r="E176" s="585"/>
      <c r="F176" s="585"/>
      <c r="G176" s="585"/>
      <c r="H176" s="585"/>
      <c r="I176" s="585"/>
      <c r="J176" s="585"/>
      <c r="K176" s="585"/>
      <c r="L176" s="586"/>
      <c r="M176" s="585"/>
      <c r="N176" s="585"/>
      <c r="O176" s="585"/>
      <c r="P176" s="585"/>
      <c r="Q176" s="587"/>
      <c r="R176" s="561"/>
      <c r="S176" s="595"/>
      <c r="T176" s="596"/>
      <c r="U176" s="596"/>
      <c r="V176" s="600"/>
      <c r="W176" s="600"/>
      <c r="X176" s="600"/>
      <c r="Y176" s="600"/>
      <c r="Z176" s="600"/>
      <c r="AA176" s="600"/>
      <c r="AB176" s="600"/>
      <c r="AC176" s="600"/>
      <c r="AD176" s="600"/>
      <c r="AE176" s="600"/>
      <c r="AF176" s="600"/>
      <c r="AG176" s="600"/>
      <c r="AH176" s="600"/>
      <c r="AI176" s="600"/>
      <c r="AJ176" s="600"/>
      <c r="AK176" s="600"/>
      <c r="AL176" s="596"/>
      <c r="AM176" s="596"/>
      <c r="AN176" s="596"/>
      <c r="AO176" s="596"/>
      <c r="AP176" s="596"/>
      <c r="AQ176" s="596"/>
      <c r="AR176" s="596"/>
      <c r="AS176" s="596"/>
      <c r="AT176" s="596"/>
      <c r="AU176" s="596"/>
      <c r="AV176" s="596"/>
      <c r="AW176" s="596"/>
      <c r="AX176" s="596"/>
      <c r="AY176" s="596"/>
      <c r="AZ176" s="596"/>
      <c r="BA176" s="596"/>
      <c r="BB176" s="596"/>
    </row>
    <row r="177" spans="1:256" s="570" customFormat="1" ht="307.95" customHeight="1" thickTop="1" thickBot="1" x14ac:dyDescent="0.25">
      <c r="A177" s="88" t="s">
        <v>113</v>
      </c>
      <c r="B177" s="89"/>
      <c r="C177" s="89"/>
      <c r="D177" s="89"/>
      <c r="E177" s="89"/>
      <c r="F177" s="89"/>
      <c r="G177" s="89"/>
      <c r="H177" s="89"/>
      <c r="I177" s="89"/>
      <c r="J177" s="89"/>
      <c r="K177" s="89"/>
      <c r="L177" s="90"/>
      <c r="M177" s="89"/>
      <c r="N177" s="89"/>
      <c r="O177" s="648" t="s">
        <v>20</v>
      </c>
      <c r="P177" s="648" t="s">
        <v>21</v>
      </c>
      <c r="Q177" s="649" t="s">
        <v>22</v>
      </c>
      <c r="R177" s="561"/>
      <c r="S177" s="569"/>
      <c r="T177" s="600"/>
      <c r="U177" s="600"/>
      <c r="V177" s="804"/>
      <c r="W177" s="804"/>
      <c r="X177" s="804"/>
      <c r="Y177" s="804"/>
      <c r="Z177" s="804"/>
      <c r="AA177" s="804"/>
      <c r="AB177" s="804"/>
      <c r="AC177" s="804"/>
      <c r="AD177" s="804"/>
      <c r="AE177" s="804"/>
      <c r="AF177" s="804"/>
      <c r="AG177" s="804"/>
      <c r="AH177" s="804"/>
      <c r="AI177" s="804"/>
      <c r="AJ177" s="804"/>
      <c r="AK177" s="804"/>
      <c r="AL177" s="600"/>
      <c r="AM177" s="600"/>
      <c r="AN177" s="600"/>
      <c r="AO177" s="600"/>
      <c r="AP177" s="600"/>
      <c r="AQ177" s="600"/>
      <c r="AR177" s="600"/>
      <c r="AS177" s="600"/>
      <c r="AT177" s="600"/>
      <c r="AU177" s="600"/>
      <c r="AV177" s="600"/>
      <c r="AW177" s="600"/>
      <c r="AX177" s="600"/>
      <c r="AY177" s="600"/>
      <c r="AZ177" s="600"/>
      <c r="BA177" s="600"/>
      <c r="BB177" s="600"/>
    </row>
    <row r="178" spans="1:256" s="570" customFormat="1" ht="201" customHeight="1" thickTop="1" thickBot="1" x14ac:dyDescent="0.25">
      <c r="A178" s="603" t="s">
        <v>260</v>
      </c>
      <c r="B178" s="572"/>
      <c r="C178" s="572"/>
      <c r="D178" s="572"/>
      <c r="E178" s="572"/>
      <c r="F178" s="572"/>
      <c r="G178" s="572"/>
      <c r="H178" s="572"/>
      <c r="I178" s="572"/>
      <c r="J178" s="572"/>
      <c r="K178" s="572"/>
      <c r="L178" s="231"/>
      <c r="M178" s="572"/>
      <c r="N178" s="572"/>
      <c r="O178" s="682" t="s">
        <v>24</v>
      </c>
      <c r="P178" s="683" t="s">
        <v>25</v>
      </c>
      <c r="Q178" s="684" t="s">
        <v>22</v>
      </c>
      <c r="R178" s="561"/>
      <c r="S178" s="569"/>
      <c r="T178" s="600"/>
      <c r="U178" s="600"/>
      <c r="V178" s="596"/>
      <c r="W178" s="596"/>
      <c r="X178" s="596"/>
      <c r="Y178" s="596"/>
      <c r="Z178" s="596"/>
      <c r="AA178" s="596"/>
      <c r="AB178" s="596"/>
      <c r="AC178" s="596"/>
      <c r="AD178" s="596"/>
      <c r="AE178" s="596"/>
      <c r="AF178" s="596"/>
      <c r="AG178" s="596"/>
      <c r="AH178" s="596"/>
      <c r="AI178" s="596"/>
      <c r="AJ178" s="596"/>
      <c r="AK178" s="596"/>
      <c r="AL178" s="600"/>
      <c r="AM178" s="600"/>
      <c r="AN178" s="600"/>
      <c r="AO178" s="600"/>
      <c r="AP178" s="600"/>
      <c r="AQ178" s="600"/>
      <c r="AR178" s="600"/>
      <c r="AS178" s="600"/>
      <c r="AT178" s="600"/>
      <c r="AU178" s="600"/>
      <c r="AV178" s="600"/>
      <c r="AW178" s="600"/>
      <c r="AX178" s="600"/>
      <c r="AY178" s="600"/>
      <c r="AZ178" s="600"/>
      <c r="BA178" s="600"/>
      <c r="BB178" s="600"/>
    </row>
    <row r="179" spans="1:256" s="806" customFormat="1" ht="140.1" customHeight="1" thickTop="1" thickBot="1" x14ac:dyDescent="0.25">
      <c r="A179" s="604" t="s">
        <v>261</v>
      </c>
      <c r="B179" s="605"/>
      <c r="C179" s="605"/>
      <c r="D179" s="605"/>
      <c r="E179" s="605"/>
      <c r="F179" s="605"/>
      <c r="G179" s="605"/>
      <c r="H179" s="605"/>
      <c r="I179" s="605"/>
      <c r="J179" s="605"/>
      <c r="K179" s="605"/>
      <c r="L179" s="184"/>
      <c r="M179" s="605"/>
      <c r="N179" s="605"/>
      <c r="O179" s="685" t="s">
        <v>20</v>
      </c>
      <c r="P179" s="686" t="s">
        <v>25</v>
      </c>
      <c r="Q179" s="687" t="s">
        <v>22</v>
      </c>
      <c r="R179" s="805"/>
      <c r="S179" s="569"/>
      <c r="T179" s="804"/>
      <c r="U179" s="804"/>
      <c r="V179" s="600"/>
      <c r="W179" s="600"/>
      <c r="X179" s="600"/>
      <c r="Y179" s="600"/>
      <c r="Z179" s="600"/>
      <c r="AA179" s="600"/>
      <c r="AB179" s="600"/>
      <c r="AC179" s="600"/>
      <c r="AD179" s="600"/>
      <c r="AE179" s="600"/>
      <c r="AF179" s="600"/>
      <c r="AG179" s="600"/>
      <c r="AH179" s="600"/>
      <c r="AI179" s="600"/>
      <c r="AJ179" s="600"/>
      <c r="AK179" s="600"/>
      <c r="AL179" s="804"/>
      <c r="AM179" s="804"/>
      <c r="AN179" s="804"/>
      <c r="AO179" s="804"/>
      <c r="AP179" s="804"/>
      <c r="AQ179" s="804"/>
      <c r="AR179" s="804"/>
      <c r="AS179" s="804"/>
      <c r="AT179" s="804"/>
      <c r="AU179" s="804"/>
      <c r="AV179" s="804"/>
      <c r="AW179" s="804"/>
      <c r="AX179" s="804"/>
      <c r="AY179" s="804"/>
      <c r="AZ179" s="804"/>
      <c r="BA179" s="804"/>
      <c r="BB179" s="804"/>
    </row>
    <row r="180" spans="1:256" s="546" customFormat="1" ht="69.900000000000006" customHeight="1" thickTop="1" x14ac:dyDescent="0.2">
      <c r="A180" s="70" t="s">
        <v>28</v>
      </c>
      <c r="B180" s="72"/>
      <c r="C180" s="72"/>
      <c r="D180" s="72"/>
      <c r="E180" s="72"/>
      <c r="F180" s="72"/>
      <c r="G180" s="72"/>
      <c r="H180" s="72"/>
      <c r="I180" s="72"/>
      <c r="J180" s="72"/>
      <c r="K180" s="72"/>
      <c r="L180" s="72"/>
      <c r="M180" s="72"/>
      <c r="N180" s="72"/>
      <c r="O180" s="72"/>
      <c r="P180" s="72"/>
      <c r="Q180" s="202"/>
      <c r="R180" s="561"/>
      <c r="S180" s="199"/>
    </row>
    <row r="181" spans="1:256" s="570" customFormat="1" ht="75" customHeight="1" x14ac:dyDescent="0.2">
      <c r="A181" s="575"/>
      <c r="B181" s="576"/>
      <c r="C181" s="576"/>
      <c r="D181" s="576"/>
      <c r="E181" s="576"/>
      <c r="F181" s="576"/>
      <c r="G181" s="576"/>
      <c r="H181" s="576"/>
      <c r="I181" s="576"/>
      <c r="J181" s="576"/>
      <c r="K181" s="576"/>
      <c r="L181" s="577"/>
      <c r="M181" s="576"/>
      <c r="N181" s="576"/>
      <c r="O181" s="576"/>
      <c r="P181" s="576"/>
      <c r="Q181" s="578"/>
      <c r="R181" s="561"/>
      <c r="S181" s="579"/>
    </row>
    <row r="182" spans="1:256" s="570" customFormat="1" ht="75" customHeight="1" thickBot="1" x14ac:dyDescent="0.25">
      <c r="A182" s="606"/>
      <c r="B182" s="607"/>
      <c r="C182" s="607"/>
      <c r="D182" s="607"/>
      <c r="E182" s="607"/>
      <c r="F182" s="607"/>
      <c r="G182" s="607"/>
      <c r="H182" s="607"/>
      <c r="I182" s="607"/>
      <c r="J182" s="607"/>
      <c r="K182" s="607"/>
      <c r="L182" s="608"/>
      <c r="M182" s="607"/>
      <c r="N182" s="607"/>
      <c r="O182" s="607"/>
      <c r="P182" s="607"/>
      <c r="Q182" s="609"/>
      <c r="R182" s="561"/>
      <c r="S182" s="136"/>
    </row>
    <row r="183" spans="1:256" s="546" customFormat="1" ht="69.900000000000006" customHeight="1" thickBot="1" x14ac:dyDescent="0.25">
      <c r="A183" s="584" t="s">
        <v>262</v>
      </c>
      <c r="B183" s="585"/>
      <c r="C183" s="585"/>
      <c r="D183" s="585"/>
      <c r="E183" s="585"/>
      <c r="F183" s="585"/>
      <c r="G183" s="585"/>
      <c r="H183" s="585"/>
      <c r="I183" s="585"/>
      <c r="J183" s="585"/>
      <c r="K183" s="585"/>
      <c r="L183" s="586"/>
      <c r="M183" s="585"/>
      <c r="N183" s="585"/>
      <c r="O183" s="585"/>
      <c r="P183" s="585"/>
      <c r="Q183" s="587"/>
      <c r="R183" s="561"/>
      <c r="S183" s="555"/>
      <c r="T183" s="596"/>
      <c r="U183" s="596"/>
      <c r="V183" s="600"/>
      <c r="W183" s="600"/>
      <c r="X183" s="600"/>
      <c r="Y183" s="600"/>
      <c r="Z183" s="600"/>
      <c r="AA183" s="600"/>
      <c r="AB183" s="600"/>
      <c r="AC183" s="600"/>
      <c r="AD183" s="600"/>
      <c r="AE183" s="600"/>
      <c r="AF183" s="600"/>
      <c r="AG183" s="600"/>
      <c r="AH183" s="600"/>
      <c r="AI183" s="600"/>
      <c r="AJ183" s="600"/>
      <c r="AK183" s="600"/>
      <c r="AL183" s="596"/>
      <c r="AM183" s="596"/>
      <c r="AN183" s="596"/>
      <c r="AO183" s="596"/>
      <c r="AP183" s="596"/>
      <c r="AQ183" s="596"/>
      <c r="AR183" s="596"/>
      <c r="AS183" s="596"/>
      <c r="AT183" s="596"/>
      <c r="AU183" s="596"/>
      <c r="AV183" s="596"/>
      <c r="AW183" s="596"/>
      <c r="AX183" s="596"/>
      <c r="AY183" s="596"/>
      <c r="AZ183" s="596"/>
      <c r="BA183" s="596"/>
      <c r="BB183" s="596"/>
    </row>
    <row r="184" spans="1:256" s="570" customFormat="1" ht="132" customHeight="1" thickTop="1" thickBot="1" x14ac:dyDescent="0.25">
      <c r="A184" s="669" t="s">
        <v>263</v>
      </c>
      <c r="B184" s="196"/>
      <c r="C184" s="196"/>
      <c r="D184" s="196"/>
      <c r="E184" s="196"/>
      <c r="F184" s="196"/>
      <c r="G184" s="196"/>
      <c r="H184" s="196"/>
      <c r="I184" s="196"/>
      <c r="J184" s="196"/>
      <c r="K184" s="196"/>
      <c r="L184" s="196"/>
      <c r="M184" s="807"/>
      <c r="N184" s="808" t="s">
        <v>27</v>
      </c>
      <c r="O184" s="648" t="s">
        <v>20</v>
      </c>
      <c r="P184" s="648" t="s">
        <v>21</v>
      </c>
      <c r="Q184" s="649" t="s">
        <v>22</v>
      </c>
      <c r="R184" s="561"/>
      <c r="S184" s="569"/>
      <c r="T184" s="600"/>
      <c r="U184" s="600"/>
      <c r="V184" s="600"/>
      <c r="W184" s="600"/>
      <c r="X184" s="600"/>
      <c r="Y184" s="600"/>
      <c r="Z184" s="600"/>
      <c r="AA184" s="600"/>
      <c r="AB184" s="600"/>
      <c r="AC184" s="600"/>
      <c r="AD184" s="600"/>
      <c r="AE184" s="600"/>
      <c r="AF184" s="600"/>
      <c r="AG184" s="600"/>
      <c r="AH184" s="600"/>
      <c r="AI184" s="600"/>
      <c r="AJ184" s="600"/>
      <c r="AK184" s="600"/>
      <c r="AL184" s="600"/>
      <c r="AM184" s="600"/>
      <c r="AN184" s="600"/>
      <c r="AO184" s="600"/>
      <c r="AP184" s="600"/>
      <c r="AQ184" s="600"/>
      <c r="AR184" s="600"/>
      <c r="AS184" s="600"/>
      <c r="AT184" s="600"/>
      <c r="AU184" s="600"/>
      <c r="AV184" s="600"/>
      <c r="AW184" s="600"/>
      <c r="AX184" s="600"/>
      <c r="AY184" s="600"/>
      <c r="AZ184" s="600"/>
      <c r="BA184" s="600"/>
      <c r="BB184" s="600"/>
    </row>
    <row r="185" spans="1:256" s="546" customFormat="1" ht="69.599999999999994" customHeight="1" thickTop="1" x14ac:dyDescent="0.2">
      <c r="A185" s="692" t="s">
        <v>178</v>
      </c>
      <c r="B185" s="693"/>
      <c r="C185" s="693"/>
      <c r="D185" s="693"/>
      <c r="E185" s="693"/>
      <c r="F185" s="693"/>
      <c r="G185" s="693"/>
      <c r="H185" s="693"/>
      <c r="I185" s="693"/>
      <c r="J185" s="693"/>
      <c r="K185" s="693"/>
      <c r="L185" s="694"/>
      <c r="M185" s="693"/>
      <c r="N185" s="693"/>
      <c r="O185" s="693"/>
      <c r="P185" s="693"/>
      <c r="Q185" s="695"/>
      <c r="R185" s="561"/>
      <c r="S185" s="199"/>
    </row>
    <row r="186" spans="1:256" s="546" customFormat="1" ht="69.599999999999994" customHeight="1" x14ac:dyDescent="0.2">
      <c r="A186" s="696" t="s">
        <v>106</v>
      </c>
      <c r="B186" s="697"/>
      <c r="C186" s="697"/>
      <c r="D186" s="697"/>
      <c r="E186" s="697"/>
      <c r="F186" s="697"/>
      <c r="G186" s="697"/>
      <c r="H186" s="697"/>
      <c r="I186" s="697"/>
      <c r="J186" s="697"/>
      <c r="K186" s="697"/>
      <c r="L186" s="697"/>
      <c r="M186" s="697"/>
      <c r="N186" s="697"/>
      <c r="O186" s="697"/>
      <c r="P186" s="697"/>
      <c r="Q186" s="698"/>
      <c r="R186" s="187"/>
      <c r="S186" s="199"/>
      <c r="T186" s="201"/>
      <c r="U186" s="201"/>
      <c r="V186" s="201"/>
      <c r="W186" s="201"/>
      <c r="X186" s="201"/>
      <c r="Y186" s="201"/>
      <c r="Z186" s="201"/>
      <c r="AA186" s="201"/>
      <c r="AB186" s="201"/>
      <c r="AC186" s="201"/>
      <c r="AD186" s="201"/>
      <c r="AE186" s="201"/>
      <c r="AF186" s="201"/>
      <c r="AG186" s="201"/>
      <c r="AH186" s="201"/>
      <c r="AI186" s="201"/>
      <c r="AJ186" s="201"/>
      <c r="AK186" s="201"/>
      <c r="AL186" s="201"/>
      <c r="AM186" s="201"/>
      <c r="AN186" s="201"/>
      <c r="AO186" s="201"/>
      <c r="AP186" s="201"/>
      <c r="AQ186" s="201"/>
      <c r="AR186" s="201"/>
      <c r="AS186" s="201"/>
      <c r="AT186" s="201"/>
      <c r="AU186" s="201"/>
      <c r="AV186" s="201"/>
      <c r="AW186" s="201"/>
      <c r="AX186" s="201"/>
      <c r="AY186" s="201"/>
      <c r="AZ186" s="201"/>
      <c r="BA186" s="201"/>
      <c r="BB186" s="201"/>
      <c r="BC186" s="201"/>
      <c r="BD186" s="201"/>
      <c r="BE186" s="201"/>
      <c r="BF186" s="201"/>
      <c r="BG186" s="201"/>
      <c r="BH186" s="201"/>
      <c r="BI186" s="201"/>
      <c r="BJ186" s="201"/>
      <c r="BK186" s="201"/>
      <c r="BL186" s="201"/>
      <c r="BM186" s="201"/>
      <c r="BN186" s="201"/>
      <c r="BO186" s="201"/>
      <c r="BP186" s="201"/>
      <c r="BQ186" s="201"/>
      <c r="BR186" s="201"/>
      <c r="BS186" s="201"/>
      <c r="BT186" s="201"/>
      <c r="BU186" s="201"/>
      <c r="BV186" s="201"/>
      <c r="BW186" s="201"/>
      <c r="BX186" s="201"/>
      <c r="BY186" s="201"/>
      <c r="BZ186" s="201"/>
      <c r="CA186" s="201"/>
      <c r="CB186" s="201"/>
      <c r="CC186" s="201"/>
      <c r="CD186" s="201"/>
      <c r="CE186" s="201"/>
      <c r="CF186" s="201"/>
      <c r="CG186" s="201"/>
      <c r="CH186" s="201"/>
      <c r="CI186" s="201"/>
      <c r="CJ186" s="201"/>
      <c r="CK186" s="201"/>
      <c r="CL186" s="201"/>
      <c r="CM186" s="201"/>
      <c r="CN186" s="201"/>
      <c r="CO186" s="201"/>
      <c r="CP186" s="201"/>
      <c r="CQ186" s="201"/>
      <c r="CR186" s="201"/>
      <c r="CS186" s="201"/>
      <c r="CT186" s="201"/>
      <c r="CU186" s="201"/>
      <c r="CV186" s="201"/>
      <c r="CW186" s="201"/>
      <c r="CX186" s="201"/>
      <c r="CY186" s="201"/>
      <c r="CZ186" s="201"/>
      <c r="DA186" s="201"/>
      <c r="DB186" s="201"/>
      <c r="DC186" s="201"/>
      <c r="DD186" s="201"/>
      <c r="DE186" s="201"/>
      <c r="DF186" s="201"/>
      <c r="DG186" s="201"/>
      <c r="DH186" s="201"/>
      <c r="DI186" s="201"/>
      <c r="DJ186" s="201"/>
      <c r="DK186" s="201"/>
      <c r="DL186" s="201"/>
      <c r="DM186" s="201"/>
      <c r="DN186" s="201"/>
      <c r="DO186" s="201"/>
      <c r="DP186" s="201"/>
      <c r="DQ186" s="201"/>
      <c r="DR186" s="201"/>
      <c r="DS186" s="201"/>
      <c r="DT186" s="201"/>
      <c r="DU186" s="201"/>
      <c r="DV186" s="201"/>
      <c r="DW186" s="201"/>
      <c r="DX186" s="201"/>
      <c r="DY186" s="201"/>
      <c r="DZ186" s="201"/>
      <c r="EA186" s="201"/>
      <c r="EB186" s="201"/>
      <c r="EC186" s="201"/>
      <c r="ED186" s="201"/>
      <c r="EE186" s="201"/>
      <c r="EF186" s="201"/>
      <c r="EG186" s="201"/>
      <c r="EH186" s="201"/>
      <c r="EI186" s="201"/>
      <c r="EJ186" s="201"/>
      <c r="EK186" s="201"/>
      <c r="EL186" s="201"/>
      <c r="EM186" s="201"/>
      <c r="EN186" s="201"/>
      <c r="EO186" s="201"/>
      <c r="EP186" s="201"/>
      <c r="EQ186" s="201"/>
      <c r="ER186" s="201"/>
      <c r="ES186" s="201"/>
      <c r="ET186" s="201"/>
      <c r="EU186" s="201"/>
      <c r="EV186" s="201"/>
      <c r="EW186" s="201"/>
      <c r="EX186" s="201"/>
      <c r="EY186" s="201"/>
      <c r="EZ186" s="201"/>
      <c r="FA186" s="201"/>
      <c r="FB186" s="201"/>
      <c r="FC186" s="201"/>
      <c r="FD186" s="201"/>
      <c r="FE186" s="201"/>
      <c r="FF186" s="201"/>
      <c r="FG186" s="201"/>
      <c r="FH186" s="201"/>
      <c r="FI186" s="201"/>
      <c r="FJ186" s="201"/>
      <c r="FK186" s="201"/>
      <c r="FL186" s="201"/>
      <c r="FM186" s="201"/>
      <c r="FN186" s="201"/>
      <c r="FO186" s="201"/>
      <c r="FP186" s="201"/>
      <c r="FQ186" s="201"/>
      <c r="FR186" s="201"/>
      <c r="FS186" s="201"/>
      <c r="FT186" s="201"/>
      <c r="FU186" s="201"/>
      <c r="FV186" s="201"/>
      <c r="FW186" s="201"/>
      <c r="FX186" s="201"/>
      <c r="FY186" s="201"/>
      <c r="FZ186" s="201"/>
      <c r="GA186" s="201"/>
      <c r="GB186" s="201"/>
      <c r="GC186" s="201"/>
      <c r="GD186" s="201"/>
      <c r="GE186" s="201"/>
      <c r="GF186" s="201"/>
      <c r="GG186" s="201"/>
      <c r="GH186" s="201"/>
      <c r="GI186" s="201"/>
      <c r="GJ186" s="201"/>
      <c r="GK186" s="201"/>
      <c r="GL186" s="201"/>
      <c r="GM186" s="201"/>
      <c r="GN186" s="201"/>
      <c r="GO186" s="201"/>
      <c r="GP186" s="201"/>
      <c r="GQ186" s="201"/>
      <c r="GR186" s="201"/>
      <c r="GS186" s="201"/>
      <c r="GT186" s="201"/>
      <c r="GU186" s="201"/>
      <c r="GV186" s="201"/>
      <c r="GW186" s="201"/>
      <c r="GX186" s="201"/>
      <c r="GY186" s="201"/>
      <c r="GZ186" s="201"/>
      <c r="HA186" s="201"/>
      <c r="HB186" s="201"/>
      <c r="HC186" s="201"/>
      <c r="HD186" s="201"/>
      <c r="HE186" s="201"/>
      <c r="HF186" s="201"/>
      <c r="HG186" s="201"/>
      <c r="HH186" s="201"/>
      <c r="HI186" s="201"/>
      <c r="HJ186" s="201"/>
      <c r="HK186" s="201"/>
      <c r="HL186" s="201"/>
      <c r="HM186" s="201"/>
      <c r="HN186" s="201"/>
      <c r="HO186" s="201"/>
      <c r="HP186" s="201"/>
      <c r="HQ186" s="201"/>
      <c r="HR186" s="201"/>
      <c r="HS186" s="201"/>
      <c r="HT186" s="201"/>
      <c r="HU186" s="201"/>
      <c r="HV186" s="201"/>
      <c r="HW186" s="201"/>
      <c r="HX186" s="201"/>
      <c r="HY186" s="201"/>
      <c r="HZ186" s="201"/>
      <c r="IA186" s="201"/>
      <c r="IB186" s="201"/>
      <c r="IC186" s="201"/>
      <c r="ID186" s="201"/>
      <c r="IE186" s="201"/>
      <c r="IF186" s="201"/>
      <c r="IG186" s="201"/>
      <c r="IH186" s="201"/>
      <c r="II186" s="201"/>
      <c r="IJ186" s="201"/>
      <c r="IK186" s="201"/>
      <c r="IL186" s="201"/>
      <c r="IM186" s="201"/>
      <c r="IN186" s="201"/>
      <c r="IO186" s="201"/>
      <c r="IP186" s="201"/>
      <c r="IQ186" s="201"/>
      <c r="IR186" s="201"/>
      <c r="IS186" s="201"/>
      <c r="IT186" s="201"/>
      <c r="IU186" s="201"/>
      <c r="IV186" s="201"/>
    </row>
    <row r="187" spans="1:256" s="570" customFormat="1" ht="69.599999999999994" customHeight="1" x14ac:dyDescent="0.2">
      <c r="A187" s="776" t="s">
        <v>118</v>
      </c>
      <c r="B187" s="777"/>
      <c r="C187" s="777"/>
      <c r="D187" s="777"/>
      <c r="E187" s="777"/>
      <c r="F187" s="777"/>
      <c r="G187" s="777"/>
      <c r="H187" s="777"/>
      <c r="I187" s="777"/>
      <c r="J187" s="777"/>
      <c r="K187" s="777"/>
      <c r="L187" s="777"/>
      <c r="M187" s="777"/>
      <c r="N187" s="777"/>
      <c r="O187" s="777"/>
      <c r="P187" s="777"/>
      <c r="Q187" s="778"/>
      <c r="R187" s="561"/>
      <c r="S187" s="595"/>
      <c r="T187" s="600"/>
      <c r="U187" s="600"/>
      <c r="V187" s="600"/>
      <c r="W187" s="600"/>
      <c r="X187" s="600"/>
      <c r="Y187" s="600"/>
      <c r="Z187" s="600"/>
      <c r="AA187" s="600"/>
      <c r="AB187" s="600"/>
      <c r="AC187" s="600"/>
      <c r="AD187" s="600"/>
      <c r="AE187" s="600"/>
      <c r="AF187" s="600"/>
      <c r="AG187" s="600"/>
      <c r="AH187" s="600"/>
      <c r="AI187" s="600"/>
      <c r="AJ187" s="600"/>
      <c r="AK187" s="600"/>
      <c r="AL187" s="600"/>
      <c r="AM187" s="600"/>
      <c r="AN187" s="600"/>
      <c r="AO187" s="600"/>
      <c r="AP187" s="600"/>
      <c r="AQ187" s="600"/>
      <c r="AR187" s="600"/>
      <c r="AS187" s="600"/>
      <c r="AT187" s="600"/>
      <c r="AU187" s="600"/>
      <c r="AV187" s="600"/>
      <c r="AW187" s="600"/>
      <c r="AX187" s="600"/>
      <c r="AY187" s="600"/>
      <c r="AZ187" s="600"/>
      <c r="BA187" s="600"/>
      <c r="BB187" s="600"/>
    </row>
    <row r="188" spans="1:256" s="570" customFormat="1" ht="69.599999999999994" customHeight="1" x14ac:dyDescent="0.2">
      <c r="A188" s="809" t="s">
        <v>264</v>
      </c>
      <c r="B188" s="810"/>
      <c r="C188" s="810"/>
      <c r="D188" s="810"/>
      <c r="E188" s="810"/>
      <c r="F188" s="810"/>
      <c r="G188" s="810"/>
      <c r="H188" s="810"/>
      <c r="I188" s="810"/>
      <c r="J188" s="810"/>
      <c r="K188" s="810"/>
      <c r="L188" s="810"/>
      <c r="M188" s="810"/>
      <c r="N188" s="810"/>
      <c r="O188" s="810"/>
      <c r="P188" s="810"/>
      <c r="Q188" s="811"/>
      <c r="R188" s="561"/>
      <c r="S188" s="595"/>
      <c r="T188" s="600"/>
      <c r="U188" s="600"/>
      <c r="V188" s="600"/>
      <c r="W188" s="600"/>
      <c r="X188" s="600"/>
      <c r="Y188" s="600"/>
      <c r="Z188" s="600"/>
      <c r="AA188" s="600"/>
      <c r="AB188" s="600"/>
      <c r="AC188" s="600"/>
      <c r="AD188" s="600"/>
      <c r="AE188" s="600"/>
      <c r="AF188" s="600"/>
      <c r="AG188" s="600"/>
      <c r="AH188" s="600"/>
      <c r="AI188" s="600"/>
      <c r="AJ188" s="600"/>
      <c r="AK188" s="600"/>
      <c r="AL188" s="600"/>
      <c r="AM188" s="600"/>
      <c r="AN188" s="600"/>
      <c r="AO188" s="600"/>
      <c r="AP188" s="600"/>
      <c r="AQ188" s="600"/>
      <c r="AR188" s="600"/>
      <c r="AS188" s="600"/>
      <c r="AT188" s="600"/>
      <c r="AU188" s="600"/>
      <c r="AV188" s="600"/>
      <c r="AW188" s="600"/>
      <c r="AX188" s="600"/>
      <c r="AY188" s="600"/>
      <c r="AZ188" s="600"/>
      <c r="BA188" s="600"/>
      <c r="BB188" s="600"/>
    </row>
    <row r="189" spans="1:256" s="570" customFormat="1" ht="69.599999999999994" customHeight="1" thickBot="1" x14ac:dyDescent="0.25">
      <c r="A189" s="812" t="s">
        <v>100</v>
      </c>
      <c r="B189" s="780"/>
      <c r="C189" s="780"/>
      <c r="D189" s="780"/>
      <c r="E189" s="780"/>
      <c r="F189" s="780"/>
      <c r="G189" s="780"/>
      <c r="H189" s="780"/>
      <c r="I189" s="780"/>
      <c r="J189" s="780"/>
      <c r="K189" s="780"/>
      <c r="L189" s="780"/>
      <c r="M189" s="780"/>
      <c r="N189" s="780"/>
      <c r="O189" s="813"/>
      <c r="P189" s="813"/>
      <c r="Q189" s="814"/>
      <c r="R189" s="561"/>
      <c r="S189" s="595"/>
      <c r="T189" s="600"/>
      <c r="U189" s="600"/>
      <c r="V189" s="600"/>
      <c r="W189" s="600"/>
      <c r="X189" s="600"/>
      <c r="Y189" s="600"/>
      <c r="Z189" s="600"/>
      <c r="AA189" s="600"/>
      <c r="AB189" s="600"/>
      <c r="AC189" s="600"/>
      <c r="AD189" s="600"/>
      <c r="AE189" s="600"/>
      <c r="AF189" s="600"/>
      <c r="AG189" s="600"/>
      <c r="AH189" s="600"/>
      <c r="AI189" s="600"/>
      <c r="AJ189" s="600"/>
      <c r="AK189" s="600"/>
      <c r="AL189" s="600"/>
      <c r="AM189" s="600"/>
      <c r="AN189" s="600"/>
      <c r="AO189" s="600"/>
      <c r="AP189" s="600"/>
      <c r="AQ189" s="600"/>
      <c r="AR189" s="600"/>
      <c r="AS189" s="600"/>
      <c r="AT189" s="600"/>
      <c r="AU189" s="600"/>
      <c r="AV189" s="600"/>
      <c r="AW189" s="600"/>
      <c r="AX189" s="600"/>
      <c r="AY189" s="600"/>
      <c r="AZ189" s="600"/>
      <c r="BA189" s="600"/>
      <c r="BB189" s="600"/>
    </row>
    <row r="190" spans="1:256" s="191" customFormat="1" ht="204" customHeight="1" thickTop="1" thickBot="1" x14ac:dyDescent="0.25">
      <c r="A190" s="815" t="s">
        <v>265</v>
      </c>
      <c r="B190" s="816"/>
      <c r="C190" s="816"/>
      <c r="D190" s="816"/>
      <c r="E190" s="816"/>
      <c r="F190" s="816"/>
      <c r="G190" s="816"/>
      <c r="H190" s="816"/>
      <c r="I190" s="816"/>
      <c r="J190" s="816"/>
      <c r="K190" s="816"/>
      <c r="L190" s="816"/>
      <c r="M190" s="817"/>
      <c r="N190" s="671" t="s">
        <v>27</v>
      </c>
      <c r="O190" s="672" t="s">
        <v>20</v>
      </c>
      <c r="P190" s="672" t="s">
        <v>21</v>
      </c>
      <c r="Q190" s="673" t="s">
        <v>22</v>
      </c>
      <c r="R190" s="187"/>
      <c r="S190" s="569"/>
      <c r="T190" s="190"/>
      <c r="U190" s="190"/>
      <c r="V190" s="818"/>
      <c r="W190" s="818"/>
      <c r="X190" s="818"/>
      <c r="Y190" s="818"/>
      <c r="Z190" s="818"/>
      <c r="AA190" s="818"/>
      <c r="AB190" s="818"/>
      <c r="AC190" s="818"/>
      <c r="AD190" s="818"/>
      <c r="AE190" s="818"/>
      <c r="AF190" s="818"/>
      <c r="AG190" s="818"/>
      <c r="AH190" s="818"/>
      <c r="AI190" s="818"/>
      <c r="AJ190" s="818"/>
      <c r="AK190" s="818"/>
      <c r="AL190" s="190"/>
      <c r="AM190" s="190"/>
      <c r="AN190" s="190"/>
      <c r="AO190" s="190"/>
      <c r="AP190" s="190"/>
      <c r="AQ190" s="190"/>
      <c r="AR190" s="190"/>
      <c r="AS190" s="190"/>
      <c r="AT190" s="190"/>
      <c r="AU190" s="190"/>
      <c r="AV190" s="190"/>
      <c r="AW190" s="190"/>
      <c r="AX190" s="190"/>
      <c r="AY190" s="190"/>
      <c r="AZ190" s="190"/>
      <c r="BA190" s="190"/>
      <c r="BB190" s="190"/>
    </row>
    <row r="191" spans="1:256" s="201" customFormat="1" ht="69.599999999999994" customHeight="1" thickTop="1" x14ac:dyDescent="0.2">
      <c r="A191" s="70" t="s">
        <v>28</v>
      </c>
      <c r="B191" s="72"/>
      <c r="C191" s="72"/>
      <c r="D191" s="72"/>
      <c r="E191" s="72"/>
      <c r="F191" s="72"/>
      <c r="G191" s="72"/>
      <c r="H191" s="72"/>
      <c r="I191" s="72"/>
      <c r="J191" s="72"/>
      <c r="K191" s="72"/>
      <c r="L191" s="72"/>
      <c r="M191" s="72"/>
      <c r="N191" s="72"/>
      <c r="O191" s="72"/>
      <c r="P191" s="72"/>
      <c r="Q191" s="202"/>
      <c r="R191" s="187"/>
      <c r="S191" s="199"/>
    </row>
    <row r="192" spans="1:256" s="570" customFormat="1" ht="75" customHeight="1" x14ac:dyDescent="0.2">
      <c r="A192" s="575"/>
      <c r="B192" s="576"/>
      <c r="C192" s="576"/>
      <c r="D192" s="576"/>
      <c r="E192" s="576"/>
      <c r="F192" s="576"/>
      <c r="G192" s="576"/>
      <c r="H192" s="576"/>
      <c r="I192" s="576"/>
      <c r="J192" s="576"/>
      <c r="K192" s="576"/>
      <c r="L192" s="577"/>
      <c r="M192" s="576"/>
      <c r="N192" s="576"/>
      <c r="O192" s="576"/>
      <c r="P192" s="576"/>
      <c r="Q192" s="578"/>
      <c r="R192" s="561"/>
      <c r="S192" s="579"/>
    </row>
    <row r="193" spans="1:256" s="570" customFormat="1" ht="75" customHeight="1" thickBot="1" x14ac:dyDescent="0.25">
      <c r="A193" s="606"/>
      <c r="B193" s="607"/>
      <c r="C193" s="607"/>
      <c r="D193" s="607"/>
      <c r="E193" s="607"/>
      <c r="F193" s="607"/>
      <c r="G193" s="607"/>
      <c r="H193" s="607"/>
      <c r="I193" s="607"/>
      <c r="J193" s="607"/>
      <c r="K193" s="607"/>
      <c r="L193" s="608"/>
      <c r="M193" s="607"/>
      <c r="N193" s="607"/>
      <c r="O193" s="607"/>
      <c r="P193" s="607"/>
      <c r="Q193" s="609"/>
      <c r="R193" s="561"/>
      <c r="S193" s="723"/>
    </row>
    <row r="194" spans="1:256" s="546" customFormat="1" ht="69.900000000000006" customHeight="1" thickBot="1" x14ac:dyDescent="0.25">
      <c r="A194" s="724" t="s">
        <v>266</v>
      </c>
      <c r="B194" s="726"/>
      <c r="C194" s="726"/>
      <c r="D194" s="726"/>
      <c r="E194" s="726"/>
      <c r="F194" s="726"/>
      <c r="G194" s="726"/>
      <c r="H194" s="726"/>
      <c r="I194" s="726"/>
      <c r="J194" s="726"/>
      <c r="K194" s="726"/>
      <c r="L194" s="726"/>
      <c r="M194" s="726"/>
      <c r="N194" s="726"/>
      <c r="O194" s="726"/>
      <c r="P194" s="726"/>
      <c r="Q194" s="819"/>
      <c r="R194" s="561"/>
      <c r="S194" s="555" t="s">
        <v>267</v>
      </c>
      <c r="T194" s="596"/>
      <c r="U194" s="596"/>
      <c r="V194" s="596"/>
      <c r="W194" s="596"/>
      <c r="X194" s="596"/>
      <c r="Y194" s="596"/>
      <c r="Z194" s="596"/>
      <c r="AA194" s="596"/>
      <c r="AB194" s="596"/>
      <c r="AC194" s="596"/>
      <c r="AD194" s="596"/>
      <c r="AE194" s="596"/>
      <c r="AF194" s="596"/>
      <c r="AG194" s="596"/>
      <c r="AH194" s="596"/>
      <c r="AI194" s="596"/>
      <c r="AJ194" s="596"/>
      <c r="AK194" s="596"/>
      <c r="AL194" s="596"/>
      <c r="AM194" s="596"/>
      <c r="AN194" s="596"/>
      <c r="AO194" s="596"/>
      <c r="AP194" s="596"/>
      <c r="AQ194" s="596"/>
      <c r="AR194" s="596"/>
      <c r="AS194" s="596"/>
      <c r="AT194" s="596"/>
      <c r="AU194" s="596"/>
      <c r="AV194" s="596"/>
      <c r="AW194" s="596"/>
      <c r="AX194" s="596"/>
      <c r="AY194" s="596"/>
      <c r="AZ194" s="596"/>
      <c r="BA194" s="596"/>
      <c r="BB194" s="596"/>
    </row>
    <row r="195" spans="1:256" s="570" customFormat="1" ht="199.95" customHeight="1" thickTop="1" thickBot="1" x14ac:dyDescent="0.25">
      <c r="A195" s="788" t="s">
        <v>268</v>
      </c>
      <c r="B195" s="690"/>
      <c r="C195" s="690"/>
      <c r="D195" s="690"/>
      <c r="E195" s="690"/>
      <c r="F195" s="690"/>
      <c r="G195" s="690"/>
      <c r="H195" s="690"/>
      <c r="I195" s="690"/>
      <c r="J195" s="690"/>
      <c r="K195" s="690"/>
      <c r="L195" s="690"/>
      <c r="M195" s="789"/>
      <c r="N195" s="820" t="s">
        <v>27</v>
      </c>
      <c r="O195" s="821" t="s">
        <v>20</v>
      </c>
      <c r="P195" s="821" t="s">
        <v>21</v>
      </c>
      <c r="Q195" s="822" t="s">
        <v>22</v>
      </c>
      <c r="R195" s="561"/>
      <c r="S195" s="569"/>
      <c r="T195" s="600"/>
      <c r="U195" s="600"/>
      <c r="V195" s="596"/>
      <c r="W195" s="596"/>
      <c r="X195" s="596"/>
      <c r="Y195" s="596"/>
      <c r="Z195" s="596"/>
      <c r="AA195" s="596"/>
      <c r="AB195" s="596"/>
      <c r="AC195" s="596"/>
      <c r="AD195" s="596"/>
      <c r="AE195" s="596"/>
      <c r="AF195" s="596"/>
      <c r="AG195" s="596"/>
      <c r="AH195" s="596"/>
      <c r="AI195" s="596"/>
      <c r="AJ195" s="596"/>
      <c r="AK195" s="596"/>
      <c r="AL195" s="600"/>
      <c r="AM195" s="600"/>
      <c r="AN195" s="600"/>
      <c r="AO195" s="600"/>
      <c r="AP195" s="600"/>
      <c r="AQ195" s="600"/>
      <c r="AR195" s="600"/>
      <c r="AS195" s="600"/>
      <c r="AT195" s="600"/>
      <c r="AU195" s="600"/>
      <c r="AV195" s="600"/>
      <c r="AW195" s="600"/>
      <c r="AX195" s="600"/>
      <c r="AY195" s="600"/>
      <c r="AZ195" s="600"/>
      <c r="BA195" s="600"/>
      <c r="BB195" s="600"/>
    </row>
    <row r="196" spans="1:256" s="546" customFormat="1" ht="69.900000000000006" customHeight="1" thickTop="1" x14ac:dyDescent="0.2">
      <c r="A196" s="790" t="s">
        <v>269</v>
      </c>
      <c r="B196" s="694"/>
      <c r="C196" s="694"/>
      <c r="D196" s="694"/>
      <c r="E196" s="694"/>
      <c r="F196" s="694"/>
      <c r="G196" s="694"/>
      <c r="H196" s="694"/>
      <c r="I196" s="694"/>
      <c r="J196" s="694"/>
      <c r="K196" s="694"/>
      <c r="L196" s="694"/>
      <c r="M196" s="694"/>
      <c r="N196" s="694"/>
      <c r="O196" s="694"/>
      <c r="P196" s="694"/>
      <c r="Q196" s="791"/>
      <c r="R196" s="561"/>
      <c r="S196" s="199"/>
    </row>
    <row r="197" spans="1:256" s="546" customFormat="1" ht="69.900000000000006" customHeight="1" x14ac:dyDescent="0.2">
      <c r="A197" s="792" t="s">
        <v>106</v>
      </c>
      <c r="B197" s="793"/>
      <c r="C197" s="793"/>
      <c r="D197" s="793"/>
      <c r="E197" s="793"/>
      <c r="F197" s="793"/>
      <c r="G197" s="793"/>
      <c r="H197" s="793"/>
      <c r="I197" s="793"/>
      <c r="J197" s="793"/>
      <c r="K197" s="793"/>
      <c r="L197" s="793"/>
      <c r="M197" s="793"/>
      <c r="N197" s="793"/>
      <c r="O197" s="793"/>
      <c r="P197" s="793"/>
      <c r="Q197" s="794"/>
      <c r="R197" s="187"/>
      <c r="S197" s="199"/>
      <c r="T197" s="201"/>
      <c r="U197" s="201"/>
      <c r="V197" s="201"/>
      <c r="W197" s="201"/>
      <c r="X197" s="201"/>
      <c r="Y197" s="201"/>
      <c r="Z197" s="201"/>
      <c r="AA197" s="201"/>
      <c r="AB197" s="201"/>
      <c r="AC197" s="201"/>
      <c r="AD197" s="201"/>
      <c r="AE197" s="201"/>
      <c r="AF197" s="201"/>
      <c r="AG197" s="201"/>
      <c r="AH197" s="201"/>
      <c r="AI197" s="201"/>
      <c r="AJ197" s="201"/>
      <c r="AK197" s="201"/>
      <c r="AL197" s="201"/>
      <c r="AM197" s="201"/>
      <c r="AN197" s="201"/>
      <c r="AO197" s="201"/>
      <c r="AP197" s="201"/>
      <c r="AQ197" s="201"/>
      <c r="AR197" s="201"/>
      <c r="AS197" s="201"/>
      <c r="AT197" s="201"/>
      <c r="AU197" s="201"/>
      <c r="AV197" s="201"/>
      <c r="AW197" s="201"/>
      <c r="AX197" s="201"/>
      <c r="AY197" s="201"/>
      <c r="AZ197" s="201"/>
      <c r="BA197" s="201"/>
      <c r="BB197" s="201"/>
      <c r="BC197" s="201"/>
      <c r="BD197" s="201"/>
      <c r="BE197" s="201"/>
      <c r="BF197" s="201"/>
      <c r="BG197" s="201"/>
      <c r="BH197" s="201"/>
      <c r="BI197" s="201"/>
      <c r="BJ197" s="201"/>
      <c r="BK197" s="201"/>
      <c r="BL197" s="201"/>
      <c r="BM197" s="201"/>
      <c r="BN197" s="201"/>
      <c r="BO197" s="201"/>
      <c r="BP197" s="201"/>
      <c r="BQ197" s="201"/>
      <c r="BR197" s="201"/>
      <c r="BS197" s="201"/>
      <c r="BT197" s="201"/>
      <c r="BU197" s="201"/>
      <c r="BV197" s="201"/>
      <c r="BW197" s="201"/>
      <c r="BX197" s="201"/>
      <c r="BY197" s="201"/>
      <c r="BZ197" s="201"/>
      <c r="CA197" s="201"/>
      <c r="CB197" s="201"/>
      <c r="CC197" s="201"/>
      <c r="CD197" s="201"/>
      <c r="CE197" s="201"/>
      <c r="CF197" s="201"/>
      <c r="CG197" s="201"/>
      <c r="CH197" s="201"/>
      <c r="CI197" s="201"/>
      <c r="CJ197" s="201"/>
      <c r="CK197" s="201"/>
      <c r="CL197" s="201"/>
      <c r="CM197" s="201"/>
      <c r="CN197" s="201"/>
      <c r="CO197" s="201"/>
      <c r="CP197" s="201"/>
      <c r="CQ197" s="201"/>
      <c r="CR197" s="201"/>
      <c r="CS197" s="201"/>
      <c r="CT197" s="201"/>
      <c r="CU197" s="201"/>
      <c r="CV197" s="201"/>
      <c r="CW197" s="201"/>
      <c r="CX197" s="201"/>
      <c r="CY197" s="201"/>
      <c r="CZ197" s="201"/>
      <c r="DA197" s="201"/>
      <c r="DB197" s="201"/>
      <c r="DC197" s="201"/>
      <c r="DD197" s="201"/>
      <c r="DE197" s="201"/>
      <c r="DF197" s="201"/>
      <c r="DG197" s="201"/>
      <c r="DH197" s="201"/>
      <c r="DI197" s="201"/>
      <c r="DJ197" s="201"/>
      <c r="DK197" s="201"/>
      <c r="DL197" s="201"/>
      <c r="DM197" s="201"/>
      <c r="DN197" s="201"/>
      <c r="DO197" s="201"/>
      <c r="DP197" s="201"/>
      <c r="DQ197" s="201"/>
      <c r="DR197" s="201"/>
      <c r="DS197" s="201"/>
      <c r="DT197" s="201"/>
      <c r="DU197" s="201"/>
      <c r="DV197" s="201"/>
      <c r="DW197" s="201"/>
      <c r="DX197" s="201"/>
      <c r="DY197" s="201"/>
      <c r="DZ197" s="201"/>
      <c r="EA197" s="201"/>
      <c r="EB197" s="201"/>
      <c r="EC197" s="201"/>
      <c r="ED197" s="201"/>
      <c r="EE197" s="201"/>
      <c r="EF197" s="201"/>
      <c r="EG197" s="201"/>
      <c r="EH197" s="201"/>
      <c r="EI197" s="201"/>
      <c r="EJ197" s="201"/>
      <c r="EK197" s="201"/>
      <c r="EL197" s="201"/>
      <c r="EM197" s="201"/>
      <c r="EN197" s="201"/>
      <c r="EO197" s="201"/>
      <c r="EP197" s="201"/>
      <c r="EQ197" s="201"/>
      <c r="ER197" s="201"/>
      <c r="ES197" s="201"/>
      <c r="ET197" s="201"/>
      <c r="EU197" s="201"/>
      <c r="EV197" s="201"/>
      <c r="EW197" s="201"/>
      <c r="EX197" s="201"/>
      <c r="EY197" s="201"/>
      <c r="EZ197" s="201"/>
      <c r="FA197" s="201"/>
      <c r="FB197" s="201"/>
      <c r="FC197" s="201"/>
      <c r="FD197" s="201"/>
      <c r="FE197" s="201"/>
      <c r="FF197" s="201"/>
      <c r="FG197" s="201"/>
      <c r="FH197" s="201"/>
      <c r="FI197" s="201"/>
      <c r="FJ197" s="201"/>
      <c r="FK197" s="201"/>
      <c r="FL197" s="201"/>
      <c r="FM197" s="201"/>
      <c r="FN197" s="201"/>
      <c r="FO197" s="201"/>
      <c r="FP197" s="201"/>
      <c r="FQ197" s="201"/>
      <c r="FR197" s="201"/>
      <c r="FS197" s="201"/>
      <c r="FT197" s="201"/>
      <c r="FU197" s="201"/>
      <c r="FV197" s="201"/>
      <c r="FW197" s="201"/>
      <c r="FX197" s="201"/>
      <c r="FY197" s="201"/>
      <c r="FZ197" s="201"/>
      <c r="GA197" s="201"/>
      <c r="GB197" s="201"/>
      <c r="GC197" s="201"/>
      <c r="GD197" s="201"/>
      <c r="GE197" s="201"/>
      <c r="GF197" s="201"/>
      <c r="GG197" s="201"/>
      <c r="GH197" s="201"/>
      <c r="GI197" s="201"/>
      <c r="GJ197" s="201"/>
      <c r="GK197" s="201"/>
      <c r="GL197" s="201"/>
      <c r="GM197" s="201"/>
      <c r="GN197" s="201"/>
      <c r="GO197" s="201"/>
      <c r="GP197" s="201"/>
      <c r="GQ197" s="201"/>
      <c r="GR197" s="201"/>
      <c r="GS197" s="201"/>
      <c r="GT197" s="201"/>
      <c r="GU197" s="201"/>
      <c r="GV197" s="201"/>
      <c r="GW197" s="201"/>
      <c r="GX197" s="201"/>
      <c r="GY197" s="201"/>
      <c r="GZ197" s="201"/>
      <c r="HA197" s="201"/>
      <c r="HB197" s="201"/>
      <c r="HC197" s="201"/>
      <c r="HD197" s="201"/>
      <c r="HE197" s="201"/>
      <c r="HF197" s="201"/>
      <c r="HG197" s="201"/>
      <c r="HH197" s="201"/>
      <c r="HI197" s="201"/>
      <c r="HJ197" s="201"/>
      <c r="HK197" s="201"/>
      <c r="HL197" s="201"/>
      <c r="HM197" s="201"/>
      <c r="HN197" s="201"/>
      <c r="HO197" s="201"/>
      <c r="HP197" s="201"/>
      <c r="HQ197" s="201"/>
      <c r="HR197" s="201"/>
      <c r="HS197" s="201"/>
      <c r="HT197" s="201"/>
      <c r="HU197" s="201"/>
      <c r="HV197" s="201"/>
      <c r="HW197" s="201"/>
      <c r="HX197" s="201"/>
      <c r="HY197" s="201"/>
      <c r="HZ197" s="201"/>
      <c r="IA197" s="201"/>
      <c r="IB197" s="201"/>
      <c r="IC197" s="201"/>
      <c r="ID197" s="201"/>
      <c r="IE197" s="201"/>
      <c r="IF197" s="201"/>
      <c r="IG197" s="201"/>
      <c r="IH197" s="201"/>
      <c r="II197" s="201"/>
      <c r="IJ197" s="201"/>
      <c r="IK197" s="201"/>
      <c r="IL197" s="201"/>
      <c r="IM197" s="201"/>
      <c r="IN197" s="201"/>
      <c r="IO197" s="201"/>
      <c r="IP197" s="201"/>
      <c r="IQ197" s="201"/>
      <c r="IR197" s="201"/>
      <c r="IS197" s="201"/>
      <c r="IT197" s="201"/>
      <c r="IU197" s="201"/>
      <c r="IV197" s="201"/>
    </row>
    <row r="198" spans="1:256" s="570" customFormat="1" ht="69.599999999999994" customHeight="1" x14ac:dyDescent="0.2">
      <c r="A198" s="823" t="s">
        <v>125</v>
      </c>
      <c r="B198" s="458"/>
      <c r="C198" s="458"/>
      <c r="D198" s="458"/>
      <c r="E198" s="458"/>
      <c r="F198" s="458"/>
      <c r="G198" s="458"/>
      <c r="H198" s="458"/>
      <c r="I198" s="458"/>
      <c r="J198" s="458"/>
      <c r="K198" s="458"/>
      <c r="L198" s="458"/>
      <c r="M198" s="458"/>
      <c r="N198" s="458"/>
      <c r="O198" s="458"/>
      <c r="P198" s="458"/>
      <c r="Q198" s="459"/>
      <c r="R198" s="561"/>
      <c r="S198" s="595"/>
      <c r="T198" s="600"/>
      <c r="U198" s="600"/>
      <c r="V198" s="600"/>
      <c r="W198" s="600"/>
      <c r="X198" s="600"/>
      <c r="Y198" s="600"/>
      <c r="Z198" s="600"/>
      <c r="AA198" s="600"/>
      <c r="AB198" s="600"/>
      <c r="AC198" s="600"/>
      <c r="AD198" s="600"/>
      <c r="AE198" s="600"/>
      <c r="AF198" s="600"/>
      <c r="AG198" s="600"/>
      <c r="AH198" s="600"/>
      <c r="AI198" s="600"/>
      <c r="AJ198" s="600"/>
      <c r="AK198" s="600"/>
      <c r="AL198" s="600"/>
      <c r="AM198" s="600"/>
      <c r="AN198" s="600"/>
      <c r="AO198" s="600"/>
      <c r="AP198" s="600"/>
      <c r="AQ198" s="600"/>
      <c r="AR198" s="600"/>
      <c r="AS198" s="600"/>
      <c r="AT198" s="600"/>
      <c r="AU198" s="600"/>
      <c r="AV198" s="600"/>
      <c r="AW198" s="600"/>
      <c r="AX198" s="600"/>
      <c r="AY198" s="600"/>
      <c r="AZ198" s="600"/>
      <c r="BA198" s="600"/>
      <c r="BB198" s="600"/>
    </row>
    <row r="199" spans="1:256" s="570" customFormat="1" ht="69.599999999999994" customHeight="1" x14ac:dyDescent="0.2">
      <c r="A199" s="824" t="s">
        <v>264</v>
      </c>
      <c r="B199" s="825"/>
      <c r="C199" s="825"/>
      <c r="D199" s="825"/>
      <c r="E199" s="825"/>
      <c r="F199" s="825"/>
      <c r="G199" s="825"/>
      <c r="H199" s="825"/>
      <c r="I199" s="825"/>
      <c r="J199" s="825"/>
      <c r="K199" s="825"/>
      <c r="L199" s="825"/>
      <c r="M199" s="825"/>
      <c r="N199" s="825"/>
      <c r="O199" s="825"/>
      <c r="P199" s="825"/>
      <c r="Q199" s="826"/>
      <c r="R199" s="561"/>
      <c r="S199" s="595"/>
      <c r="T199" s="600"/>
      <c r="U199" s="600"/>
      <c r="V199" s="600"/>
      <c r="W199" s="600"/>
      <c r="X199" s="600"/>
      <c r="Y199" s="600"/>
      <c r="Z199" s="600"/>
      <c r="AA199" s="600"/>
      <c r="AB199" s="600"/>
      <c r="AC199" s="600"/>
      <c r="AD199" s="600"/>
      <c r="AE199" s="600"/>
      <c r="AF199" s="600"/>
      <c r="AG199" s="600"/>
      <c r="AH199" s="600"/>
      <c r="AI199" s="600"/>
      <c r="AJ199" s="600"/>
      <c r="AK199" s="600"/>
      <c r="AL199" s="600"/>
      <c r="AM199" s="600"/>
      <c r="AN199" s="600"/>
      <c r="AO199" s="600"/>
      <c r="AP199" s="600"/>
      <c r="AQ199" s="600"/>
      <c r="AR199" s="600"/>
      <c r="AS199" s="600"/>
      <c r="AT199" s="600"/>
      <c r="AU199" s="600"/>
      <c r="AV199" s="600"/>
      <c r="AW199" s="600"/>
      <c r="AX199" s="600"/>
      <c r="AY199" s="600"/>
      <c r="AZ199" s="600"/>
      <c r="BA199" s="600"/>
      <c r="BB199" s="600"/>
    </row>
    <row r="200" spans="1:256" s="570" customFormat="1" ht="69.599999999999994" customHeight="1" x14ac:dyDescent="0.2">
      <c r="A200" s="335" t="s">
        <v>100</v>
      </c>
      <c r="B200" s="336"/>
      <c r="C200" s="336"/>
      <c r="D200" s="336"/>
      <c r="E200" s="336"/>
      <c r="F200" s="336"/>
      <c r="G200" s="336"/>
      <c r="H200" s="336"/>
      <c r="I200" s="336"/>
      <c r="J200" s="336"/>
      <c r="K200" s="336"/>
      <c r="L200" s="336"/>
      <c r="M200" s="336"/>
      <c r="N200" s="336"/>
      <c r="O200" s="336"/>
      <c r="P200" s="336"/>
      <c r="Q200" s="337"/>
      <c r="R200" s="561"/>
      <c r="S200" s="595"/>
      <c r="T200" s="600"/>
      <c r="U200" s="600"/>
      <c r="V200" s="600"/>
      <c r="W200" s="600"/>
      <c r="X200" s="600"/>
      <c r="Y200" s="600"/>
      <c r="Z200" s="600"/>
      <c r="AA200" s="600"/>
      <c r="AB200" s="600"/>
      <c r="AC200" s="600"/>
      <c r="AD200" s="600"/>
      <c r="AE200" s="600"/>
      <c r="AF200" s="600"/>
      <c r="AG200" s="600"/>
      <c r="AH200" s="600"/>
      <c r="AI200" s="600"/>
      <c r="AJ200" s="600"/>
      <c r="AK200" s="600"/>
      <c r="AL200" s="600"/>
      <c r="AM200" s="600"/>
      <c r="AN200" s="600"/>
      <c r="AO200" s="600"/>
      <c r="AP200" s="600"/>
      <c r="AQ200" s="600"/>
      <c r="AR200" s="600"/>
      <c r="AS200" s="600"/>
      <c r="AT200" s="600"/>
      <c r="AU200" s="600"/>
      <c r="AV200" s="600"/>
      <c r="AW200" s="600"/>
      <c r="AX200" s="600"/>
      <c r="AY200" s="600"/>
      <c r="AZ200" s="600"/>
      <c r="BA200" s="600"/>
      <c r="BB200" s="600"/>
    </row>
    <row r="201" spans="1:256" s="546" customFormat="1" ht="69.900000000000006" customHeight="1" x14ac:dyDescent="0.2">
      <c r="A201" s="795" t="s">
        <v>270</v>
      </c>
      <c r="B201" s="675"/>
      <c r="C201" s="675"/>
      <c r="D201" s="675"/>
      <c r="E201" s="675"/>
      <c r="F201" s="675"/>
      <c r="G201" s="675"/>
      <c r="H201" s="675"/>
      <c r="I201" s="675"/>
      <c r="J201" s="675"/>
      <c r="K201" s="675"/>
      <c r="L201" s="675"/>
      <c r="M201" s="675"/>
      <c r="N201" s="675"/>
      <c r="O201" s="675"/>
      <c r="P201" s="675"/>
      <c r="Q201" s="676"/>
      <c r="R201" s="561"/>
      <c r="S201" s="199"/>
    </row>
    <row r="202" spans="1:256" s="570" customFormat="1" ht="75" customHeight="1" x14ac:dyDescent="0.2">
      <c r="A202" s="796"/>
      <c r="B202" s="797"/>
      <c r="C202" s="797"/>
      <c r="D202" s="797"/>
      <c r="E202" s="797"/>
      <c r="F202" s="797"/>
      <c r="G202" s="797"/>
      <c r="H202" s="797"/>
      <c r="I202" s="797"/>
      <c r="J202" s="797"/>
      <c r="K202" s="797"/>
      <c r="L202" s="798"/>
      <c r="M202" s="797"/>
      <c r="N202" s="797"/>
      <c r="O202" s="797"/>
      <c r="P202" s="797"/>
      <c r="Q202" s="799"/>
      <c r="R202" s="561"/>
      <c r="S202" s="579"/>
    </row>
    <row r="203" spans="1:256" s="570" customFormat="1" ht="75" customHeight="1" thickBot="1" x14ac:dyDescent="0.25">
      <c r="A203" s="827"/>
      <c r="B203" s="828"/>
      <c r="C203" s="828"/>
      <c r="D203" s="828"/>
      <c r="E203" s="828"/>
      <c r="F203" s="828"/>
      <c r="G203" s="828"/>
      <c r="H203" s="828"/>
      <c r="I203" s="828"/>
      <c r="J203" s="828"/>
      <c r="K203" s="828"/>
      <c r="L203" s="829"/>
      <c r="M203" s="828"/>
      <c r="N203" s="828"/>
      <c r="O203" s="828"/>
      <c r="P203" s="828"/>
      <c r="Q203" s="830"/>
      <c r="R203" s="561"/>
      <c r="S203" s="579"/>
    </row>
    <row r="204" spans="1:256" s="18" customFormat="1" ht="69.599999999999994" customHeight="1" thickBot="1" x14ac:dyDescent="0.25">
      <c r="A204" s="137" t="s">
        <v>271</v>
      </c>
      <c r="B204" s="139"/>
      <c r="C204" s="139"/>
      <c r="D204" s="139"/>
      <c r="E204" s="139"/>
      <c r="F204" s="139"/>
      <c r="G204" s="139"/>
      <c r="H204" s="139"/>
      <c r="I204" s="139"/>
      <c r="J204" s="139"/>
      <c r="K204" s="139"/>
      <c r="L204" s="139"/>
      <c r="M204" s="139"/>
      <c r="N204" s="139"/>
      <c r="O204" s="139"/>
      <c r="P204" s="139"/>
      <c r="Q204" s="269"/>
      <c r="R204" s="55"/>
      <c r="S204" s="43"/>
      <c r="T204" s="98"/>
      <c r="U204" s="98"/>
      <c r="V204" s="98"/>
      <c r="W204" s="98"/>
      <c r="X204" s="98"/>
      <c r="Y204" s="98"/>
      <c r="Z204" s="98"/>
      <c r="AA204" s="98"/>
      <c r="AB204" s="98"/>
      <c r="AC204" s="98"/>
      <c r="AD204" s="98"/>
      <c r="AE204" s="98"/>
      <c r="AF204" s="98"/>
      <c r="AG204" s="98"/>
      <c r="AH204" s="98"/>
      <c r="AI204" s="98"/>
      <c r="AJ204" s="98"/>
      <c r="AK204" s="98"/>
      <c r="AL204" s="98"/>
      <c r="AM204" s="98"/>
      <c r="AN204" s="98"/>
      <c r="AO204" s="98"/>
      <c r="AP204" s="98"/>
      <c r="AQ204" s="98"/>
      <c r="AR204" s="98"/>
      <c r="AS204" s="98"/>
      <c r="AT204" s="98"/>
      <c r="AU204" s="98"/>
      <c r="AV204" s="98"/>
      <c r="AW204" s="98"/>
      <c r="AX204" s="98"/>
      <c r="AY204" s="98"/>
      <c r="AZ204" s="98"/>
      <c r="BA204" s="98"/>
      <c r="BB204" s="98"/>
      <c r="BC204" s="98"/>
    </row>
    <row r="205" spans="1:256" s="57" customFormat="1" ht="409.5" customHeight="1" thickTop="1" thickBot="1" x14ac:dyDescent="0.25">
      <c r="A205" s="312" t="s">
        <v>127</v>
      </c>
      <c r="B205" s="313"/>
      <c r="C205" s="313"/>
      <c r="D205" s="313"/>
      <c r="E205" s="313"/>
      <c r="F205" s="313"/>
      <c r="G205" s="313"/>
      <c r="H205" s="313"/>
      <c r="I205" s="313"/>
      <c r="J205" s="313"/>
      <c r="K205" s="313"/>
      <c r="L205" s="313"/>
      <c r="M205" s="313"/>
      <c r="N205" s="314"/>
      <c r="O205" s="753" t="s">
        <v>20</v>
      </c>
      <c r="P205" s="753" t="s">
        <v>21</v>
      </c>
      <c r="Q205" s="754" t="s">
        <v>22</v>
      </c>
      <c r="R205" s="55"/>
      <c r="S205" s="569"/>
      <c r="T205" s="106"/>
      <c r="U205" s="106"/>
      <c r="V205" s="106"/>
      <c r="W205" s="98"/>
      <c r="X205" s="98"/>
      <c r="Y205" s="98"/>
      <c r="Z205" s="98"/>
      <c r="AA205" s="98"/>
      <c r="AB205" s="98"/>
      <c r="AC205" s="98"/>
      <c r="AD205" s="98"/>
      <c r="AE205" s="98"/>
      <c r="AF205" s="98"/>
      <c r="AG205" s="98"/>
      <c r="AH205" s="98"/>
      <c r="AI205" s="98"/>
      <c r="AJ205" s="98"/>
      <c r="AK205" s="98"/>
      <c r="AL205" s="98"/>
      <c r="AM205" s="106"/>
      <c r="AN205" s="106"/>
      <c r="AO205" s="106"/>
      <c r="AP205" s="106"/>
      <c r="AQ205" s="106"/>
      <c r="AR205" s="106"/>
      <c r="AS205" s="106"/>
      <c r="AT205" s="106"/>
      <c r="AU205" s="106"/>
      <c r="AV205" s="106"/>
      <c r="AW205" s="106"/>
      <c r="AX205" s="106"/>
      <c r="AY205" s="106"/>
      <c r="AZ205" s="106"/>
      <c r="BA205" s="106"/>
      <c r="BB205" s="106"/>
      <c r="BC205" s="106"/>
    </row>
    <row r="206" spans="1:256" s="18" customFormat="1" ht="69.599999999999994" customHeight="1" thickTop="1" x14ac:dyDescent="0.2">
      <c r="A206" s="70" t="s">
        <v>28</v>
      </c>
      <c r="B206" s="72"/>
      <c r="C206" s="72"/>
      <c r="D206" s="72"/>
      <c r="E206" s="72"/>
      <c r="F206" s="72"/>
      <c r="G206" s="72"/>
      <c r="H206" s="72"/>
      <c r="I206" s="72"/>
      <c r="J206" s="72"/>
      <c r="K206" s="72"/>
      <c r="L206" s="72"/>
      <c r="M206" s="72"/>
      <c r="N206" s="72"/>
      <c r="O206" s="72"/>
      <c r="P206" s="72"/>
      <c r="Q206" s="202"/>
      <c r="R206" s="42"/>
      <c r="S206" s="43"/>
    </row>
    <row r="207" spans="1:256" s="57" customFormat="1" ht="75" customHeight="1" x14ac:dyDescent="0.2">
      <c r="A207" s="75"/>
      <c r="B207" s="76"/>
      <c r="C207" s="76"/>
      <c r="D207" s="76"/>
      <c r="E207" s="76"/>
      <c r="F207" s="76"/>
      <c r="G207" s="76"/>
      <c r="H207" s="76"/>
      <c r="I207" s="76"/>
      <c r="J207" s="76"/>
      <c r="K207" s="76"/>
      <c r="L207" s="77"/>
      <c r="M207" s="76"/>
      <c r="N207" s="76"/>
      <c r="O207" s="76"/>
      <c r="P207" s="76"/>
      <c r="Q207" s="78"/>
      <c r="R207" s="55"/>
      <c r="S207" s="43"/>
    </row>
    <row r="208" spans="1:256" s="57" customFormat="1" ht="75" customHeight="1" thickBot="1" x14ac:dyDescent="0.25">
      <c r="A208" s="80"/>
      <c r="B208" s="81"/>
      <c r="C208" s="81"/>
      <c r="D208" s="81"/>
      <c r="E208" s="81"/>
      <c r="F208" s="81"/>
      <c r="G208" s="81"/>
      <c r="H208" s="81"/>
      <c r="I208" s="81"/>
      <c r="J208" s="81"/>
      <c r="K208" s="81"/>
      <c r="L208" s="82"/>
      <c r="M208" s="81"/>
      <c r="N208" s="81"/>
      <c r="O208" s="81"/>
      <c r="P208" s="81"/>
      <c r="Q208" s="83"/>
      <c r="R208" s="55"/>
      <c r="S208" s="43"/>
    </row>
    <row r="209" spans="1:54" s="546" customFormat="1" ht="69.900000000000006" customHeight="1" thickBot="1" x14ac:dyDescent="0.25">
      <c r="A209" s="584" t="s">
        <v>272</v>
      </c>
      <c r="B209" s="593"/>
      <c r="C209" s="593"/>
      <c r="D209" s="593"/>
      <c r="E209" s="593"/>
      <c r="F209" s="593"/>
      <c r="G209" s="593"/>
      <c r="H209" s="593"/>
      <c r="I209" s="593"/>
      <c r="J209" s="593"/>
      <c r="K209" s="593"/>
      <c r="L209" s="586"/>
      <c r="M209" s="593"/>
      <c r="N209" s="593"/>
      <c r="O209" s="593"/>
      <c r="P209" s="593"/>
      <c r="Q209" s="594"/>
      <c r="R209" s="561"/>
      <c r="S209" s="555"/>
      <c r="T209" s="596"/>
      <c r="U209" s="596"/>
      <c r="V209" s="596"/>
      <c r="W209" s="596"/>
      <c r="X209" s="596"/>
      <c r="Y209" s="596"/>
      <c r="Z209" s="596"/>
      <c r="AA209" s="596"/>
      <c r="AB209" s="596"/>
      <c r="AC209" s="596"/>
      <c r="AD209" s="596"/>
      <c r="AE209" s="596"/>
      <c r="AF209" s="596"/>
      <c r="AG209" s="596"/>
      <c r="AH209" s="596"/>
      <c r="AI209" s="596"/>
      <c r="AJ209" s="596"/>
      <c r="AK209" s="596"/>
      <c r="AL209" s="596"/>
      <c r="AM209" s="596"/>
      <c r="AN209" s="596"/>
      <c r="AO209" s="596"/>
      <c r="AP209" s="596"/>
      <c r="AQ209" s="596"/>
      <c r="AR209" s="596"/>
      <c r="AS209" s="596"/>
      <c r="AT209" s="596"/>
      <c r="AU209" s="596"/>
      <c r="AV209" s="596"/>
      <c r="AW209" s="596"/>
      <c r="AX209" s="596"/>
      <c r="AY209" s="596"/>
      <c r="AZ209" s="596"/>
      <c r="BA209" s="596"/>
      <c r="BB209" s="596"/>
    </row>
    <row r="210" spans="1:54" s="570" customFormat="1" ht="132" customHeight="1" thickTop="1" thickBot="1" x14ac:dyDescent="0.25">
      <c r="A210" s="831" t="s">
        <v>273</v>
      </c>
      <c r="B210" s="832"/>
      <c r="C210" s="832"/>
      <c r="D210" s="832"/>
      <c r="E210" s="832"/>
      <c r="F210" s="832"/>
      <c r="G210" s="832"/>
      <c r="H210" s="832"/>
      <c r="I210" s="832"/>
      <c r="J210" s="832"/>
      <c r="K210" s="832"/>
      <c r="L210" s="832"/>
      <c r="M210" s="832"/>
      <c r="N210" s="671" t="s">
        <v>27</v>
      </c>
      <c r="O210" s="672" t="s">
        <v>20</v>
      </c>
      <c r="P210" s="672" t="s">
        <v>21</v>
      </c>
      <c r="Q210" s="673" t="s">
        <v>22</v>
      </c>
      <c r="R210" s="561"/>
      <c r="S210" s="569"/>
      <c r="T210" s="600"/>
      <c r="U210" s="600"/>
      <c r="V210" s="600"/>
      <c r="W210" s="600"/>
      <c r="X210" s="600"/>
      <c r="Y210" s="600"/>
      <c r="Z210" s="600"/>
      <c r="AA210" s="600"/>
      <c r="AB210" s="600"/>
      <c r="AC210" s="600"/>
      <c r="AD210" s="600"/>
      <c r="AE210" s="600"/>
      <c r="AF210" s="600"/>
      <c r="AG210" s="600"/>
      <c r="AH210" s="600"/>
      <c r="AI210" s="600"/>
      <c r="AJ210" s="600"/>
      <c r="AK210" s="600"/>
      <c r="AL210" s="600"/>
      <c r="AM210" s="600"/>
      <c r="AN210" s="600"/>
      <c r="AO210" s="600"/>
      <c r="AP210" s="600"/>
      <c r="AQ210" s="600"/>
      <c r="AR210" s="600"/>
      <c r="AS210" s="600"/>
      <c r="AT210" s="600"/>
      <c r="AU210" s="600"/>
      <c r="AV210" s="600"/>
      <c r="AW210" s="600"/>
      <c r="AX210" s="600"/>
      <c r="AY210" s="600"/>
      <c r="AZ210" s="600"/>
      <c r="BA210" s="600"/>
      <c r="BB210" s="600"/>
    </row>
    <row r="211" spans="1:54" s="546" customFormat="1" ht="69.599999999999994" customHeight="1" thickTop="1" x14ac:dyDescent="0.2">
      <c r="A211" s="833" t="s">
        <v>178</v>
      </c>
      <c r="B211" s="834"/>
      <c r="C211" s="834"/>
      <c r="D211" s="834"/>
      <c r="E211" s="834"/>
      <c r="F211" s="834"/>
      <c r="G211" s="834"/>
      <c r="H211" s="834"/>
      <c r="I211" s="834"/>
      <c r="J211" s="834"/>
      <c r="K211" s="834"/>
      <c r="L211" s="835"/>
      <c r="M211" s="834"/>
      <c r="N211" s="834"/>
      <c r="O211" s="834"/>
      <c r="P211" s="834"/>
      <c r="Q211" s="836"/>
      <c r="R211" s="561"/>
      <c r="S211" s="199"/>
    </row>
    <row r="212" spans="1:54" s="546" customFormat="1" ht="69" customHeight="1" x14ac:dyDescent="0.2">
      <c r="A212" s="837" t="s">
        <v>274</v>
      </c>
      <c r="B212" s="838"/>
      <c r="C212" s="838"/>
      <c r="D212" s="838"/>
      <c r="E212" s="838"/>
      <c r="F212" s="838"/>
      <c r="G212" s="838"/>
      <c r="H212" s="838"/>
      <c r="I212" s="838"/>
      <c r="J212" s="839"/>
      <c r="K212" s="653" t="s">
        <v>168</v>
      </c>
      <c r="L212" s="654"/>
      <c r="M212" s="655"/>
      <c r="N212" s="655"/>
      <c r="O212" s="655"/>
      <c r="P212" s="655"/>
      <c r="Q212" s="656"/>
      <c r="R212" s="561"/>
      <c r="S212" s="199"/>
    </row>
    <row r="213" spans="1:54" s="546" customFormat="1" ht="69" customHeight="1" x14ac:dyDescent="0.2">
      <c r="A213" s="840"/>
      <c r="B213" s="841"/>
      <c r="C213" s="841"/>
      <c r="D213" s="841"/>
      <c r="E213" s="841"/>
      <c r="F213" s="841"/>
      <c r="G213" s="841"/>
      <c r="H213" s="841"/>
      <c r="I213" s="841"/>
      <c r="J213" s="842"/>
      <c r="K213" s="611" t="s">
        <v>275</v>
      </c>
      <c r="L213" s="568"/>
      <c r="M213" s="843"/>
      <c r="N213" s="843"/>
      <c r="O213" s="843"/>
      <c r="P213" s="843"/>
      <c r="Q213" s="844"/>
      <c r="R213" s="561"/>
      <c r="S213" s="199"/>
    </row>
    <row r="214" spans="1:54" s="546" customFormat="1" ht="69" customHeight="1" x14ac:dyDescent="0.2">
      <c r="A214" s="840" t="s">
        <v>276</v>
      </c>
      <c r="B214" s="841"/>
      <c r="C214" s="841"/>
      <c r="D214" s="841"/>
      <c r="E214" s="841"/>
      <c r="F214" s="841"/>
      <c r="G214" s="841"/>
      <c r="H214" s="841"/>
      <c r="I214" s="841"/>
      <c r="J214" s="842"/>
      <c r="K214" s="611" t="s">
        <v>277</v>
      </c>
      <c r="L214" s="568"/>
      <c r="M214" s="843"/>
      <c r="N214" s="843"/>
      <c r="O214" s="843"/>
      <c r="P214" s="843"/>
      <c r="Q214" s="844"/>
      <c r="R214" s="561"/>
      <c r="S214" s="199"/>
    </row>
    <row r="215" spans="1:54" s="546" customFormat="1" ht="69" customHeight="1" x14ac:dyDescent="0.2">
      <c r="A215" s="845" t="s">
        <v>278</v>
      </c>
      <c r="B215" s="846"/>
      <c r="C215" s="846"/>
      <c r="D215" s="846"/>
      <c r="E215" s="846"/>
      <c r="F215" s="846"/>
      <c r="G215" s="846"/>
      <c r="H215" s="846"/>
      <c r="I215" s="846"/>
      <c r="J215" s="847"/>
      <c r="K215" s="605"/>
      <c r="L215" s="184"/>
      <c r="M215" s="677"/>
      <c r="N215" s="677"/>
      <c r="O215" s="677"/>
      <c r="P215" s="677"/>
      <c r="Q215" s="678"/>
      <c r="R215" s="561"/>
      <c r="S215" s="199"/>
    </row>
    <row r="216" spans="1:54" s="546" customFormat="1" ht="69" customHeight="1" x14ac:dyDescent="0.2">
      <c r="A216" s="845" t="s">
        <v>279</v>
      </c>
      <c r="B216" s="846"/>
      <c r="C216" s="846"/>
      <c r="D216" s="846"/>
      <c r="E216" s="846"/>
      <c r="F216" s="846"/>
      <c r="G216" s="846"/>
      <c r="H216" s="846"/>
      <c r="I216" s="846"/>
      <c r="J216" s="847"/>
      <c r="K216" s="605" t="s">
        <v>280</v>
      </c>
      <c r="L216" s="184"/>
      <c r="M216" s="677"/>
      <c r="N216" s="677"/>
      <c r="O216" s="677"/>
      <c r="P216" s="677"/>
      <c r="Q216" s="678"/>
      <c r="R216" s="561"/>
      <c r="S216" s="199"/>
    </row>
    <row r="217" spans="1:54" s="546" customFormat="1" ht="69" customHeight="1" x14ac:dyDescent="0.2">
      <c r="A217" s="840"/>
      <c r="B217" s="841"/>
      <c r="C217" s="841"/>
      <c r="D217" s="841"/>
      <c r="E217" s="841"/>
      <c r="F217" s="841"/>
      <c r="G217" s="841"/>
      <c r="H217" s="841"/>
      <c r="I217" s="841"/>
      <c r="J217" s="842"/>
      <c r="K217" s="611" t="s">
        <v>275</v>
      </c>
      <c r="L217" s="568"/>
      <c r="M217" s="843"/>
      <c r="N217" s="843"/>
      <c r="O217" s="843"/>
      <c r="P217" s="843"/>
      <c r="Q217" s="844"/>
      <c r="R217" s="561"/>
      <c r="S217" s="199"/>
    </row>
    <row r="218" spans="1:54" s="546" customFormat="1" ht="69" customHeight="1" x14ac:dyDescent="0.2">
      <c r="A218" s="845" t="s">
        <v>281</v>
      </c>
      <c r="B218" s="846"/>
      <c r="C218" s="846"/>
      <c r="D218" s="846"/>
      <c r="E218" s="846"/>
      <c r="F218" s="846"/>
      <c r="G218" s="846"/>
      <c r="H218" s="846"/>
      <c r="I218" s="846"/>
      <c r="J218" s="847"/>
      <c r="K218" s="605" t="s">
        <v>147</v>
      </c>
      <c r="L218" s="677"/>
      <c r="M218" s="677"/>
      <c r="N218" s="677"/>
      <c r="O218" s="677"/>
      <c r="P218" s="677"/>
      <c r="Q218" s="678"/>
      <c r="R218" s="561"/>
      <c r="S218" s="199"/>
    </row>
    <row r="219" spans="1:54" s="546" customFormat="1" ht="69" customHeight="1" x14ac:dyDescent="0.2">
      <c r="A219" s="840"/>
      <c r="B219" s="841"/>
      <c r="C219" s="841"/>
      <c r="D219" s="841"/>
      <c r="E219" s="841"/>
      <c r="F219" s="841"/>
      <c r="G219" s="841"/>
      <c r="H219" s="841"/>
      <c r="I219" s="841"/>
      <c r="J219" s="842"/>
      <c r="K219" s="611" t="s">
        <v>282</v>
      </c>
      <c r="L219" s="843"/>
      <c r="M219" s="843"/>
      <c r="N219" s="843"/>
      <c r="O219" s="843"/>
      <c r="P219" s="843"/>
      <c r="Q219" s="844"/>
      <c r="R219" s="561"/>
      <c r="S219" s="199"/>
    </row>
    <row r="220" spans="1:54" s="546" customFormat="1" ht="69" customHeight="1" x14ac:dyDescent="0.2">
      <c r="A220" s="845" t="s">
        <v>283</v>
      </c>
      <c r="B220" s="846"/>
      <c r="C220" s="846"/>
      <c r="D220" s="846"/>
      <c r="E220" s="846"/>
      <c r="F220" s="846"/>
      <c r="G220" s="846"/>
      <c r="H220" s="846"/>
      <c r="I220" s="846"/>
      <c r="J220" s="847"/>
      <c r="K220" s="605" t="s">
        <v>284</v>
      </c>
      <c r="L220" s="677"/>
      <c r="M220" s="677"/>
      <c r="N220" s="677"/>
      <c r="O220" s="677"/>
      <c r="P220" s="677"/>
      <c r="Q220" s="678"/>
      <c r="R220" s="561"/>
      <c r="S220" s="199"/>
    </row>
    <row r="221" spans="1:54" s="546" customFormat="1" ht="69" customHeight="1" x14ac:dyDescent="0.2">
      <c r="A221" s="840"/>
      <c r="B221" s="841"/>
      <c r="C221" s="841"/>
      <c r="D221" s="841"/>
      <c r="E221" s="841"/>
      <c r="F221" s="841"/>
      <c r="G221" s="841"/>
      <c r="H221" s="841"/>
      <c r="I221" s="841"/>
      <c r="J221" s="842"/>
      <c r="K221" s="611" t="s">
        <v>285</v>
      </c>
      <c r="L221" s="843"/>
      <c r="M221" s="843"/>
      <c r="N221" s="843"/>
      <c r="O221" s="843"/>
      <c r="P221" s="843"/>
      <c r="Q221" s="844"/>
      <c r="R221" s="561"/>
      <c r="S221" s="199"/>
    </row>
    <row r="222" spans="1:54" s="191" customFormat="1" ht="69" customHeight="1" x14ac:dyDescent="0.2">
      <c r="A222" s="848" t="s">
        <v>286</v>
      </c>
      <c r="B222" s="849"/>
      <c r="C222" s="849"/>
      <c r="D222" s="849"/>
      <c r="E222" s="849"/>
      <c r="F222" s="849"/>
      <c r="G222" s="849"/>
      <c r="H222" s="849"/>
      <c r="I222" s="849"/>
      <c r="J222" s="850"/>
      <c r="K222" s="851" t="s">
        <v>287</v>
      </c>
      <c r="L222" s="852"/>
      <c r="M222" s="852"/>
      <c r="N222" s="852"/>
      <c r="O222" s="852"/>
      <c r="P222" s="852"/>
      <c r="Q222" s="853"/>
      <c r="R222" s="187"/>
      <c r="S222" s="188"/>
      <c r="T222" s="190"/>
      <c r="U222" s="190"/>
      <c r="V222" s="190"/>
      <c r="W222" s="190"/>
      <c r="X222" s="190"/>
      <c r="Y222" s="190"/>
      <c r="Z222" s="190"/>
      <c r="AA222" s="190"/>
      <c r="AB222" s="190"/>
      <c r="AC222" s="190"/>
      <c r="AD222" s="190"/>
      <c r="AE222" s="190"/>
      <c r="AF222" s="190"/>
      <c r="AG222" s="190"/>
      <c r="AH222" s="190"/>
      <c r="AI222" s="190"/>
      <c r="AJ222" s="190"/>
      <c r="AK222" s="190"/>
      <c r="AL222" s="190"/>
      <c r="AM222" s="190"/>
      <c r="AN222" s="190"/>
      <c r="AO222" s="190"/>
      <c r="AP222" s="190"/>
      <c r="AQ222" s="190"/>
      <c r="AR222" s="190"/>
      <c r="AS222" s="190"/>
      <c r="AT222" s="190"/>
      <c r="AU222" s="190"/>
      <c r="AV222" s="190"/>
      <c r="AW222" s="190"/>
      <c r="AX222" s="190"/>
      <c r="AY222" s="190"/>
      <c r="AZ222" s="190"/>
      <c r="BA222" s="190"/>
      <c r="BB222" s="190"/>
    </row>
    <row r="223" spans="1:54" s="546" customFormat="1" ht="69" customHeight="1" x14ac:dyDescent="0.2">
      <c r="A223" s="845" t="s">
        <v>288</v>
      </c>
      <c r="B223" s="846"/>
      <c r="C223" s="846"/>
      <c r="D223" s="846"/>
      <c r="E223" s="846"/>
      <c r="F223" s="846"/>
      <c r="G223" s="846"/>
      <c r="H223" s="846"/>
      <c r="I223" s="846"/>
      <c r="J223" s="847"/>
      <c r="K223" s="605" t="s">
        <v>289</v>
      </c>
      <c r="L223" s="677"/>
      <c r="M223" s="677"/>
      <c r="N223" s="677"/>
      <c r="O223" s="677"/>
      <c r="P223" s="677"/>
      <c r="Q223" s="678"/>
      <c r="R223" s="561"/>
      <c r="S223" s="199"/>
    </row>
    <row r="224" spans="1:54" s="546" customFormat="1" ht="69" customHeight="1" x14ac:dyDescent="0.2">
      <c r="A224" s="840"/>
      <c r="B224" s="841"/>
      <c r="C224" s="841"/>
      <c r="D224" s="841"/>
      <c r="E224" s="841"/>
      <c r="F224" s="841"/>
      <c r="G224" s="841"/>
      <c r="H224" s="841"/>
      <c r="I224" s="841"/>
      <c r="J224" s="842"/>
      <c r="K224" s="611" t="s">
        <v>290</v>
      </c>
      <c r="L224" s="843"/>
      <c r="M224" s="843"/>
      <c r="N224" s="843"/>
      <c r="O224" s="843"/>
      <c r="P224" s="843"/>
      <c r="Q224" s="844"/>
      <c r="R224" s="561"/>
      <c r="S224" s="199"/>
    </row>
    <row r="225" spans="1:256" s="546" customFormat="1" ht="69" customHeight="1" x14ac:dyDescent="0.2">
      <c r="A225" s="845" t="s">
        <v>291</v>
      </c>
      <c r="B225" s="846"/>
      <c r="C225" s="846"/>
      <c r="D225" s="846"/>
      <c r="E225" s="846"/>
      <c r="F225" s="846"/>
      <c r="G225" s="846"/>
      <c r="H225" s="846"/>
      <c r="I225" s="846"/>
      <c r="J225" s="847"/>
      <c r="K225" s="854" t="s">
        <v>292</v>
      </c>
      <c r="L225" s="855"/>
      <c r="M225" s="856"/>
      <c r="N225" s="856"/>
      <c r="O225" s="856"/>
      <c r="P225" s="856"/>
      <c r="Q225" s="857"/>
      <c r="R225" s="561"/>
      <c r="S225" s="199"/>
    </row>
    <row r="226" spans="1:256" s="546" customFormat="1" ht="69" customHeight="1" x14ac:dyDescent="0.2">
      <c r="A226" s="858"/>
      <c r="B226" s="859"/>
      <c r="C226" s="859"/>
      <c r="D226" s="859"/>
      <c r="E226" s="859"/>
      <c r="F226" s="859"/>
      <c r="G226" s="859"/>
      <c r="H226" s="859"/>
      <c r="I226" s="859"/>
      <c r="J226" s="860"/>
      <c r="K226" s="861" t="s">
        <v>293</v>
      </c>
      <c r="L226" s="862" t="s">
        <v>294</v>
      </c>
      <c r="M226" s="863"/>
      <c r="N226" s="863"/>
      <c r="O226" s="863"/>
      <c r="P226" s="863"/>
      <c r="Q226" s="864"/>
      <c r="R226" s="561"/>
      <c r="S226" s="199"/>
    </row>
    <row r="227" spans="1:256" s="546" customFormat="1" ht="69" customHeight="1" x14ac:dyDescent="0.2">
      <c r="A227" s="840"/>
      <c r="B227" s="841"/>
      <c r="C227" s="841"/>
      <c r="D227" s="841"/>
      <c r="E227" s="841"/>
      <c r="F227" s="841"/>
      <c r="G227" s="841"/>
      <c r="H227" s="841"/>
      <c r="I227" s="841"/>
      <c r="J227" s="842"/>
      <c r="K227" s="865"/>
      <c r="L227" s="862" t="s">
        <v>295</v>
      </c>
      <c r="M227" s="863"/>
      <c r="N227" s="863"/>
      <c r="O227" s="863"/>
      <c r="P227" s="863"/>
      <c r="Q227" s="864"/>
      <c r="R227" s="561"/>
      <c r="S227" s="199"/>
    </row>
    <row r="228" spans="1:256" s="546" customFormat="1" ht="69" customHeight="1" x14ac:dyDescent="0.2">
      <c r="A228" s="848" t="s">
        <v>296</v>
      </c>
      <c r="B228" s="849"/>
      <c r="C228" s="849"/>
      <c r="D228" s="849"/>
      <c r="E228" s="849"/>
      <c r="F228" s="849"/>
      <c r="G228" s="849"/>
      <c r="H228" s="849"/>
      <c r="I228" s="849"/>
      <c r="J228" s="850"/>
      <c r="K228" s="679" t="s">
        <v>297</v>
      </c>
      <c r="L228" s="196"/>
      <c r="M228" s="680"/>
      <c r="N228" s="680"/>
      <c r="O228" s="680"/>
      <c r="P228" s="680"/>
      <c r="Q228" s="681"/>
      <c r="R228" s="561"/>
      <c r="S228" s="199"/>
    </row>
    <row r="229" spans="1:256" s="546" customFormat="1" ht="180" customHeight="1" thickBot="1" x14ac:dyDescent="0.25">
      <c r="A229" s="866" t="s">
        <v>298</v>
      </c>
      <c r="B229" s="867"/>
      <c r="C229" s="867"/>
      <c r="D229" s="867"/>
      <c r="E229" s="867"/>
      <c r="F229" s="867"/>
      <c r="G229" s="867"/>
      <c r="H229" s="867"/>
      <c r="I229" s="867"/>
      <c r="J229" s="867"/>
      <c r="K229" s="868"/>
      <c r="L229" s="869"/>
      <c r="M229" s="868"/>
      <c r="N229" s="870"/>
      <c r="O229" s="870"/>
      <c r="P229" s="870"/>
      <c r="Q229" s="871"/>
      <c r="R229" s="561"/>
      <c r="S229" s="199"/>
    </row>
    <row r="230" spans="1:256" s="630" customFormat="1" ht="129.9" customHeight="1" thickTop="1" thickBot="1" x14ac:dyDescent="0.25">
      <c r="A230" s="669" t="s">
        <v>299</v>
      </c>
      <c r="B230" s="679"/>
      <c r="C230" s="679"/>
      <c r="D230" s="679"/>
      <c r="E230" s="679"/>
      <c r="F230" s="679"/>
      <c r="G230" s="679"/>
      <c r="H230" s="679"/>
      <c r="I230" s="679"/>
      <c r="J230" s="679"/>
      <c r="K230" s="679"/>
      <c r="L230" s="196"/>
      <c r="M230" s="679"/>
      <c r="N230" s="574" t="s">
        <v>27</v>
      </c>
      <c r="O230" s="872" t="s">
        <v>20</v>
      </c>
      <c r="P230" s="872" t="s">
        <v>21</v>
      </c>
      <c r="Q230" s="873" t="s">
        <v>22</v>
      </c>
      <c r="R230" s="628"/>
      <c r="S230" s="569"/>
      <c r="T230" s="629"/>
      <c r="U230" s="629"/>
      <c r="V230" s="629"/>
      <c r="W230" s="629"/>
      <c r="X230" s="629"/>
      <c r="Y230" s="629"/>
      <c r="Z230" s="629"/>
      <c r="AA230" s="629"/>
      <c r="AB230" s="629"/>
      <c r="AC230" s="629"/>
      <c r="AD230" s="629"/>
      <c r="AE230" s="629"/>
      <c r="AF230" s="629"/>
      <c r="AG230" s="629"/>
      <c r="AH230" s="629"/>
      <c r="AI230" s="629"/>
      <c r="AJ230" s="629"/>
      <c r="AK230" s="629"/>
      <c r="AL230" s="629"/>
      <c r="AM230" s="629"/>
      <c r="AN230" s="629"/>
      <c r="AO230" s="629"/>
      <c r="AP230" s="629"/>
      <c r="AQ230" s="629"/>
      <c r="AR230" s="629"/>
      <c r="AS230" s="629"/>
      <c r="AT230" s="629"/>
      <c r="AU230" s="629"/>
      <c r="AV230" s="629"/>
      <c r="AW230" s="629"/>
      <c r="AX230" s="629"/>
      <c r="AY230" s="629"/>
      <c r="AZ230" s="629"/>
      <c r="BA230" s="629"/>
      <c r="BB230" s="629"/>
    </row>
    <row r="231" spans="1:256" s="570" customFormat="1" ht="129.9" customHeight="1" thickTop="1" thickBot="1" x14ac:dyDescent="0.25">
      <c r="A231" s="874" t="s">
        <v>300</v>
      </c>
      <c r="B231" s="660"/>
      <c r="C231" s="660"/>
      <c r="D231" s="660"/>
      <c r="E231" s="660"/>
      <c r="F231" s="660"/>
      <c r="G231" s="660"/>
      <c r="H231" s="660"/>
      <c r="I231" s="660"/>
      <c r="J231" s="660"/>
      <c r="K231" s="660"/>
      <c r="L231" s="245"/>
      <c r="M231" s="660"/>
      <c r="N231" s="875" t="s">
        <v>27</v>
      </c>
      <c r="O231" s="876" t="s">
        <v>20</v>
      </c>
      <c r="P231" s="876" t="s">
        <v>21</v>
      </c>
      <c r="Q231" s="877" t="s">
        <v>22</v>
      </c>
      <c r="R231" s="561"/>
      <c r="S231" s="569"/>
      <c r="T231" s="600"/>
      <c r="U231" s="600"/>
      <c r="V231" s="600"/>
      <c r="W231" s="600"/>
      <c r="X231" s="600"/>
      <c r="Y231" s="600"/>
      <c r="Z231" s="600"/>
      <c r="AA231" s="600"/>
      <c r="AB231" s="600"/>
      <c r="AC231" s="600"/>
      <c r="AD231" s="600"/>
      <c r="AE231" s="600"/>
      <c r="AF231" s="600"/>
      <c r="AG231" s="600"/>
      <c r="AH231" s="600"/>
      <c r="AI231" s="600"/>
      <c r="AJ231" s="600"/>
      <c r="AK231" s="600"/>
      <c r="AL231" s="600"/>
      <c r="AM231" s="600"/>
      <c r="AN231" s="600"/>
      <c r="AO231" s="600"/>
      <c r="AP231" s="600"/>
      <c r="AQ231" s="600"/>
      <c r="AR231" s="600"/>
      <c r="AS231" s="600"/>
      <c r="AT231" s="600"/>
      <c r="AU231" s="600"/>
      <c r="AV231" s="600"/>
      <c r="AW231" s="600"/>
      <c r="AX231" s="600"/>
      <c r="AY231" s="600"/>
      <c r="AZ231" s="600"/>
      <c r="BA231" s="600"/>
      <c r="BB231" s="600"/>
    </row>
    <row r="232" spans="1:256" s="546" customFormat="1" ht="69.900000000000006" customHeight="1" thickTop="1" x14ac:dyDescent="0.2">
      <c r="A232" s="70" t="s">
        <v>28</v>
      </c>
      <c r="B232" s="72"/>
      <c r="C232" s="72"/>
      <c r="D232" s="72"/>
      <c r="E232" s="72"/>
      <c r="F232" s="72"/>
      <c r="G232" s="72"/>
      <c r="H232" s="72"/>
      <c r="I232" s="72"/>
      <c r="J232" s="72"/>
      <c r="K232" s="72"/>
      <c r="L232" s="72"/>
      <c r="M232" s="72"/>
      <c r="N232" s="72"/>
      <c r="O232" s="72"/>
      <c r="P232" s="72"/>
      <c r="Q232" s="202"/>
      <c r="R232" s="561"/>
      <c r="S232" s="199"/>
    </row>
    <row r="233" spans="1:256" s="570" customFormat="1" ht="75" customHeight="1" x14ac:dyDescent="0.2">
      <c r="A233" s="575"/>
      <c r="B233" s="576"/>
      <c r="C233" s="576"/>
      <c r="D233" s="576"/>
      <c r="E233" s="576"/>
      <c r="F233" s="576"/>
      <c r="G233" s="576"/>
      <c r="H233" s="576"/>
      <c r="I233" s="576"/>
      <c r="J233" s="576"/>
      <c r="K233" s="576"/>
      <c r="L233" s="577"/>
      <c r="M233" s="576"/>
      <c r="N233" s="576"/>
      <c r="O233" s="576"/>
      <c r="P233" s="576"/>
      <c r="Q233" s="578"/>
      <c r="R233" s="561"/>
      <c r="S233" s="579"/>
    </row>
    <row r="234" spans="1:256" s="570" customFormat="1" ht="75" customHeight="1" thickBot="1" x14ac:dyDescent="0.25">
      <c r="A234" s="580"/>
      <c r="B234" s="581"/>
      <c r="C234" s="581"/>
      <c r="D234" s="581"/>
      <c r="E234" s="581"/>
      <c r="F234" s="581"/>
      <c r="G234" s="581"/>
      <c r="H234" s="581"/>
      <c r="I234" s="581"/>
      <c r="J234" s="581"/>
      <c r="K234" s="581"/>
      <c r="L234" s="582"/>
      <c r="M234" s="581"/>
      <c r="N234" s="581"/>
      <c r="O234" s="581"/>
      <c r="P234" s="581"/>
      <c r="Q234" s="583"/>
      <c r="R234" s="561"/>
      <c r="S234" s="579"/>
    </row>
    <row r="235" spans="1:256" s="546" customFormat="1" ht="69.900000000000006" customHeight="1" thickBot="1" x14ac:dyDescent="0.25">
      <c r="A235" s="584" t="s">
        <v>301</v>
      </c>
      <c r="B235" s="593"/>
      <c r="C235" s="593"/>
      <c r="D235" s="593"/>
      <c r="E235" s="593"/>
      <c r="F235" s="593"/>
      <c r="G235" s="593"/>
      <c r="H235" s="593"/>
      <c r="I235" s="593"/>
      <c r="J235" s="593"/>
      <c r="K235" s="593"/>
      <c r="L235" s="586"/>
      <c r="M235" s="593"/>
      <c r="N235" s="593"/>
      <c r="O235" s="593"/>
      <c r="P235" s="593"/>
      <c r="Q235" s="594"/>
      <c r="R235" s="561"/>
      <c r="S235" s="595"/>
      <c r="T235" s="596"/>
      <c r="U235" s="596"/>
      <c r="V235" s="596"/>
      <c r="W235" s="596"/>
      <c r="X235" s="596"/>
      <c r="Y235" s="596"/>
      <c r="Z235" s="596"/>
      <c r="AA235" s="596"/>
      <c r="AB235" s="596"/>
      <c r="AC235" s="596"/>
      <c r="AD235" s="596"/>
      <c r="AE235" s="596"/>
      <c r="AF235" s="596"/>
      <c r="AG235" s="596"/>
      <c r="AH235" s="596"/>
      <c r="AI235" s="596"/>
      <c r="AJ235" s="596"/>
      <c r="AK235" s="596"/>
      <c r="AL235" s="596"/>
      <c r="AM235" s="596"/>
      <c r="AN235" s="596"/>
      <c r="AO235" s="596"/>
      <c r="AP235" s="596"/>
      <c r="AQ235" s="596"/>
      <c r="AR235" s="596"/>
      <c r="AS235" s="596"/>
      <c r="AT235" s="596"/>
      <c r="AU235" s="596"/>
      <c r="AV235" s="596"/>
      <c r="AW235" s="596"/>
      <c r="AX235" s="596"/>
      <c r="AY235" s="596"/>
      <c r="AZ235" s="596"/>
      <c r="BA235" s="596"/>
      <c r="BB235" s="596"/>
    </row>
    <row r="236" spans="1:256" s="570" customFormat="1" ht="199.95" customHeight="1" thickTop="1" thickBot="1" x14ac:dyDescent="0.25">
      <c r="A236" s="610" t="s">
        <v>302</v>
      </c>
      <c r="B236" s="843"/>
      <c r="C236" s="843"/>
      <c r="D236" s="843"/>
      <c r="E236" s="843"/>
      <c r="F236" s="843"/>
      <c r="G236" s="843"/>
      <c r="H236" s="843"/>
      <c r="I236" s="843"/>
      <c r="J236" s="843"/>
      <c r="K236" s="843"/>
      <c r="L236" s="568"/>
      <c r="M236" s="878"/>
      <c r="N236" s="671" t="s">
        <v>27</v>
      </c>
      <c r="O236" s="672" t="s">
        <v>20</v>
      </c>
      <c r="P236" s="672" t="s">
        <v>21</v>
      </c>
      <c r="Q236" s="673" t="s">
        <v>22</v>
      </c>
      <c r="R236" s="561"/>
      <c r="S236" s="569"/>
      <c r="T236" s="600"/>
      <c r="U236" s="600"/>
      <c r="V236" s="596"/>
      <c r="W236" s="596"/>
      <c r="X236" s="596"/>
      <c r="Y236" s="596"/>
      <c r="Z236" s="596"/>
      <c r="AA236" s="596"/>
      <c r="AB236" s="596"/>
      <c r="AC236" s="596"/>
      <c r="AD236" s="596"/>
      <c r="AE236" s="596"/>
      <c r="AF236" s="596"/>
      <c r="AG236" s="596"/>
      <c r="AH236" s="596"/>
      <c r="AI236" s="596"/>
      <c r="AJ236" s="596"/>
      <c r="AK236" s="596"/>
      <c r="AL236" s="600"/>
      <c r="AM236" s="600"/>
      <c r="AN236" s="600"/>
      <c r="AO236" s="600"/>
      <c r="AP236" s="600"/>
      <c r="AQ236" s="600"/>
      <c r="AR236" s="600"/>
      <c r="AS236" s="600"/>
      <c r="AT236" s="600"/>
      <c r="AU236" s="600"/>
      <c r="AV236" s="600"/>
      <c r="AW236" s="600"/>
      <c r="AX236" s="600"/>
      <c r="AY236" s="600"/>
      <c r="AZ236" s="600"/>
      <c r="BA236" s="600"/>
      <c r="BB236" s="600"/>
    </row>
    <row r="237" spans="1:256" s="546" customFormat="1" ht="69.599999999999994" customHeight="1" thickTop="1" x14ac:dyDescent="0.2">
      <c r="A237" s="692" t="s">
        <v>303</v>
      </c>
      <c r="B237" s="694"/>
      <c r="C237" s="694"/>
      <c r="D237" s="694"/>
      <c r="E237" s="694"/>
      <c r="F237" s="694"/>
      <c r="G237" s="694"/>
      <c r="H237" s="694"/>
      <c r="I237" s="694"/>
      <c r="J237" s="694"/>
      <c r="K237" s="694"/>
      <c r="L237" s="694"/>
      <c r="M237" s="694"/>
      <c r="N237" s="694"/>
      <c r="O237" s="694"/>
      <c r="P237" s="694"/>
      <c r="Q237" s="791"/>
      <c r="R237" s="561"/>
      <c r="S237" s="199"/>
    </row>
    <row r="238" spans="1:256" s="546" customFormat="1" ht="69.599999999999994" customHeight="1" x14ac:dyDescent="0.2">
      <c r="A238" s="696" t="s">
        <v>304</v>
      </c>
      <c r="B238" s="697"/>
      <c r="C238" s="697"/>
      <c r="D238" s="697"/>
      <c r="E238" s="697"/>
      <c r="F238" s="697"/>
      <c r="G238" s="697"/>
      <c r="H238" s="697"/>
      <c r="I238" s="697"/>
      <c r="J238" s="697"/>
      <c r="K238" s="697"/>
      <c r="L238" s="697"/>
      <c r="M238" s="697"/>
      <c r="N238" s="697"/>
      <c r="O238" s="697"/>
      <c r="P238" s="697"/>
      <c r="Q238" s="698"/>
      <c r="R238" s="187"/>
      <c r="S238" s="199"/>
      <c r="T238" s="201"/>
      <c r="U238" s="201"/>
      <c r="V238" s="201"/>
      <c r="W238" s="201"/>
      <c r="X238" s="201"/>
      <c r="Y238" s="201"/>
      <c r="Z238" s="201"/>
      <c r="AA238" s="201"/>
      <c r="AB238" s="201"/>
      <c r="AC238" s="201"/>
      <c r="AD238" s="201"/>
      <c r="AE238" s="201"/>
      <c r="AF238" s="201"/>
      <c r="AG238" s="201"/>
      <c r="AH238" s="201"/>
      <c r="AI238" s="201"/>
      <c r="AJ238" s="201"/>
      <c r="AK238" s="201"/>
      <c r="AL238" s="201"/>
      <c r="AM238" s="201"/>
      <c r="AN238" s="201"/>
      <c r="AO238" s="201"/>
      <c r="AP238" s="201"/>
      <c r="AQ238" s="201"/>
      <c r="AR238" s="201"/>
      <c r="AS238" s="201"/>
      <c r="AT238" s="201"/>
      <c r="AU238" s="201"/>
      <c r="AV238" s="201"/>
      <c r="AW238" s="201"/>
      <c r="AX238" s="201"/>
      <c r="AY238" s="201"/>
      <c r="AZ238" s="201"/>
      <c r="BA238" s="201"/>
      <c r="BB238" s="201"/>
      <c r="BC238" s="201"/>
      <c r="BD238" s="201"/>
      <c r="BE238" s="201"/>
      <c r="BF238" s="201"/>
      <c r="BG238" s="201"/>
      <c r="BH238" s="201"/>
      <c r="BI238" s="201"/>
      <c r="BJ238" s="201"/>
      <c r="BK238" s="201"/>
      <c r="BL238" s="201"/>
      <c r="BM238" s="201"/>
      <c r="BN238" s="201"/>
      <c r="BO238" s="201"/>
      <c r="BP238" s="201"/>
      <c r="BQ238" s="201"/>
      <c r="BR238" s="201"/>
      <c r="BS238" s="201"/>
      <c r="BT238" s="201"/>
      <c r="BU238" s="201"/>
      <c r="BV238" s="201"/>
      <c r="BW238" s="201"/>
      <c r="BX238" s="201"/>
      <c r="BY238" s="201"/>
      <c r="BZ238" s="201"/>
      <c r="CA238" s="201"/>
      <c r="CB238" s="201"/>
      <c r="CC238" s="201"/>
      <c r="CD238" s="201"/>
      <c r="CE238" s="201"/>
      <c r="CF238" s="201"/>
      <c r="CG238" s="201"/>
      <c r="CH238" s="201"/>
      <c r="CI238" s="201"/>
      <c r="CJ238" s="201"/>
      <c r="CK238" s="201"/>
      <c r="CL238" s="201"/>
      <c r="CM238" s="201"/>
      <c r="CN238" s="201"/>
      <c r="CO238" s="201"/>
      <c r="CP238" s="201"/>
      <c r="CQ238" s="201"/>
      <c r="CR238" s="201"/>
      <c r="CS238" s="201"/>
      <c r="CT238" s="201"/>
      <c r="CU238" s="201"/>
      <c r="CV238" s="201"/>
      <c r="CW238" s="201"/>
      <c r="CX238" s="201"/>
      <c r="CY238" s="201"/>
      <c r="CZ238" s="201"/>
      <c r="DA238" s="201"/>
      <c r="DB238" s="201"/>
      <c r="DC238" s="201"/>
      <c r="DD238" s="201"/>
      <c r="DE238" s="201"/>
      <c r="DF238" s="201"/>
      <c r="DG238" s="201"/>
      <c r="DH238" s="201"/>
      <c r="DI238" s="201"/>
      <c r="DJ238" s="201"/>
      <c r="DK238" s="201"/>
      <c r="DL238" s="201"/>
      <c r="DM238" s="201"/>
      <c r="DN238" s="201"/>
      <c r="DO238" s="201"/>
      <c r="DP238" s="201"/>
      <c r="DQ238" s="201"/>
      <c r="DR238" s="201"/>
      <c r="DS238" s="201"/>
      <c r="DT238" s="201"/>
      <c r="DU238" s="201"/>
      <c r="DV238" s="201"/>
      <c r="DW238" s="201"/>
      <c r="DX238" s="201"/>
      <c r="DY238" s="201"/>
      <c r="DZ238" s="201"/>
      <c r="EA238" s="201"/>
      <c r="EB238" s="201"/>
      <c r="EC238" s="201"/>
      <c r="ED238" s="201"/>
      <c r="EE238" s="201"/>
      <c r="EF238" s="201"/>
      <c r="EG238" s="201"/>
      <c r="EH238" s="201"/>
      <c r="EI238" s="201"/>
      <c r="EJ238" s="201"/>
      <c r="EK238" s="201"/>
      <c r="EL238" s="201"/>
      <c r="EM238" s="201"/>
      <c r="EN238" s="201"/>
      <c r="EO238" s="201"/>
      <c r="EP238" s="201"/>
      <c r="EQ238" s="201"/>
      <c r="ER238" s="201"/>
      <c r="ES238" s="201"/>
      <c r="ET238" s="201"/>
      <c r="EU238" s="201"/>
      <c r="EV238" s="201"/>
      <c r="EW238" s="201"/>
      <c r="EX238" s="201"/>
      <c r="EY238" s="201"/>
      <c r="EZ238" s="201"/>
      <c r="FA238" s="201"/>
      <c r="FB238" s="201"/>
      <c r="FC238" s="201"/>
      <c r="FD238" s="201"/>
      <c r="FE238" s="201"/>
      <c r="FF238" s="201"/>
      <c r="FG238" s="201"/>
      <c r="FH238" s="201"/>
      <c r="FI238" s="201"/>
      <c r="FJ238" s="201"/>
      <c r="FK238" s="201"/>
      <c r="FL238" s="201"/>
      <c r="FM238" s="201"/>
      <c r="FN238" s="201"/>
      <c r="FO238" s="201"/>
      <c r="FP238" s="201"/>
      <c r="FQ238" s="201"/>
      <c r="FR238" s="201"/>
      <c r="FS238" s="201"/>
      <c r="FT238" s="201"/>
      <c r="FU238" s="201"/>
      <c r="FV238" s="201"/>
      <c r="FW238" s="201"/>
      <c r="FX238" s="201"/>
      <c r="FY238" s="201"/>
      <c r="FZ238" s="201"/>
      <c r="GA238" s="201"/>
      <c r="GB238" s="201"/>
      <c r="GC238" s="201"/>
      <c r="GD238" s="201"/>
      <c r="GE238" s="201"/>
      <c r="GF238" s="201"/>
      <c r="GG238" s="201"/>
      <c r="GH238" s="201"/>
      <c r="GI238" s="201"/>
      <c r="GJ238" s="201"/>
      <c r="GK238" s="201"/>
      <c r="GL238" s="201"/>
      <c r="GM238" s="201"/>
      <c r="GN238" s="201"/>
      <c r="GO238" s="201"/>
      <c r="GP238" s="201"/>
      <c r="GQ238" s="201"/>
      <c r="GR238" s="201"/>
      <c r="GS238" s="201"/>
      <c r="GT238" s="201"/>
      <c r="GU238" s="201"/>
      <c r="GV238" s="201"/>
      <c r="GW238" s="201"/>
      <c r="GX238" s="201"/>
      <c r="GY238" s="201"/>
      <c r="GZ238" s="201"/>
      <c r="HA238" s="201"/>
      <c r="HB238" s="201"/>
      <c r="HC238" s="201"/>
      <c r="HD238" s="201"/>
      <c r="HE238" s="201"/>
      <c r="HF238" s="201"/>
      <c r="HG238" s="201"/>
      <c r="HH238" s="201"/>
      <c r="HI238" s="201"/>
      <c r="HJ238" s="201"/>
      <c r="HK238" s="201"/>
      <c r="HL238" s="201"/>
      <c r="HM238" s="201"/>
      <c r="HN238" s="201"/>
      <c r="HO238" s="201"/>
      <c r="HP238" s="201"/>
      <c r="HQ238" s="201"/>
      <c r="HR238" s="201"/>
      <c r="HS238" s="201"/>
      <c r="HT238" s="201"/>
      <c r="HU238" s="201"/>
      <c r="HV238" s="201"/>
      <c r="HW238" s="201"/>
      <c r="HX238" s="201"/>
      <c r="HY238" s="201"/>
      <c r="HZ238" s="201"/>
      <c r="IA238" s="201"/>
      <c r="IB238" s="201"/>
      <c r="IC238" s="201"/>
      <c r="ID238" s="201"/>
      <c r="IE238" s="201"/>
      <c r="IF238" s="201"/>
      <c r="IG238" s="201"/>
      <c r="IH238" s="201"/>
      <c r="II238" s="201"/>
      <c r="IJ238" s="201"/>
      <c r="IK238" s="201"/>
      <c r="IL238" s="201"/>
      <c r="IM238" s="201"/>
      <c r="IN238" s="201"/>
      <c r="IO238" s="201"/>
      <c r="IP238" s="201"/>
      <c r="IQ238" s="201"/>
      <c r="IR238" s="201"/>
      <c r="IS238" s="201"/>
      <c r="IT238" s="201"/>
      <c r="IU238" s="201"/>
      <c r="IV238" s="201"/>
    </row>
    <row r="239" spans="1:256" s="570" customFormat="1" ht="69.599999999999994" customHeight="1" x14ac:dyDescent="0.2">
      <c r="A239" s="879" t="s">
        <v>305</v>
      </c>
      <c r="B239" s="880"/>
      <c r="C239" s="880"/>
      <c r="D239" s="880"/>
      <c r="E239" s="880"/>
      <c r="F239" s="880"/>
      <c r="G239" s="880"/>
      <c r="H239" s="880"/>
      <c r="I239" s="880"/>
      <c r="J239" s="880"/>
      <c r="K239" s="880"/>
      <c r="L239" s="880"/>
      <c r="M239" s="880"/>
      <c r="N239" s="880"/>
      <c r="O239" s="880"/>
      <c r="P239" s="880"/>
      <c r="Q239" s="881"/>
      <c r="R239" s="561"/>
      <c r="S239" s="595"/>
      <c r="T239" s="600"/>
      <c r="U239" s="600"/>
      <c r="V239" s="600"/>
      <c r="W239" s="600"/>
      <c r="X239" s="600"/>
      <c r="Y239" s="600"/>
      <c r="Z239" s="600"/>
      <c r="AA239" s="600"/>
      <c r="AB239" s="600"/>
      <c r="AC239" s="600"/>
      <c r="AD239" s="600"/>
      <c r="AE239" s="600"/>
      <c r="AF239" s="600"/>
      <c r="AG239" s="600"/>
      <c r="AH239" s="600"/>
      <c r="AI239" s="600"/>
      <c r="AJ239" s="600"/>
      <c r="AK239" s="600"/>
      <c r="AL239" s="600"/>
      <c r="AM239" s="600"/>
      <c r="AN239" s="600"/>
      <c r="AO239" s="600"/>
      <c r="AP239" s="600"/>
      <c r="AQ239" s="600"/>
      <c r="AR239" s="600"/>
      <c r="AS239" s="600"/>
      <c r="AT239" s="600"/>
      <c r="AU239" s="600"/>
      <c r="AV239" s="600"/>
      <c r="AW239" s="600"/>
      <c r="AX239" s="600"/>
      <c r="AY239" s="600"/>
      <c r="AZ239" s="600"/>
      <c r="BA239" s="600"/>
      <c r="BB239" s="600"/>
    </row>
    <row r="240" spans="1:256" s="570" customFormat="1" ht="69.599999999999994" customHeight="1" thickBot="1" x14ac:dyDescent="0.25">
      <c r="A240" s="882" t="s">
        <v>145</v>
      </c>
      <c r="B240" s="883"/>
      <c r="C240" s="883"/>
      <c r="D240" s="883"/>
      <c r="E240" s="883"/>
      <c r="F240" s="883"/>
      <c r="G240" s="883"/>
      <c r="H240" s="883"/>
      <c r="I240" s="883"/>
      <c r="J240" s="883"/>
      <c r="K240" s="883"/>
      <c r="L240" s="883"/>
      <c r="M240" s="883"/>
      <c r="N240" s="883"/>
      <c r="O240" s="883"/>
      <c r="P240" s="883"/>
      <c r="Q240" s="884"/>
      <c r="R240" s="561"/>
      <c r="S240" s="595"/>
      <c r="T240" s="600"/>
      <c r="U240" s="600"/>
      <c r="V240" s="600"/>
      <c r="W240" s="600"/>
      <c r="X240" s="600"/>
      <c r="Y240" s="600"/>
      <c r="Z240" s="600"/>
      <c r="AA240" s="600"/>
      <c r="AB240" s="600"/>
      <c r="AC240" s="600"/>
      <c r="AD240" s="600"/>
      <c r="AE240" s="600"/>
      <c r="AF240" s="600"/>
      <c r="AG240" s="600"/>
      <c r="AH240" s="600"/>
      <c r="AI240" s="600"/>
      <c r="AJ240" s="600"/>
      <c r="AK240" s="600"/>
      <c r="AL240" s="600"/>
      <c r="AM240" s="600"/>
      <c r="AN240" s="600"/>
      <c r="AO240" s="600"/>
      <c r="AP240" s="600"/>
      <c r="AQ240" s="600"/>
      <c r="AR240" s="600"/>
      <c r="AS240" s="600"/>
      <c r="AT240" s="600"/>
      <c r="AU240" s="600"/>
      <c r="AV240" s="600"/>
      <c r="AW240" s="600"/>
      <c r="AX240" s="600"/>
      <c r="AY240" s="600"/>
      <c r="AZ240" s="600"/>
      <c r="BA240" s="600"/>
      <c r="BB240" s="600"/>
    </row>
    <row r="241" spans="1:256" s="570" customFormat="1" ht="241.95" customHeight="1" thickTop="1" thickBot="1" x14ac:dyDescent="0.25">
      <c r="A241" s="669" t="s">
        <v>306</v>
      </c>
      <c r="B241" s="680"/>
      <c r="C241" s="680"/>
      <c r="D241" s="680"/>
      <c r="E241" s="680"/>
      <c r="F241" s="680"/>
      <c r="G241" s="680"/>
      <c r="H241" s="680"/>
      <c r="I241" s="680"/>
      <c r="J241" s="680"/>
      <c r="K241" s="680"/>
      <c r="L241" s="196"/>
      <c r="M241" s="670"/>
      <c r="N241" s="875" t="s">
        <v>27</v>
      </c>
      <c r="O241" s="876" t="s">
        <v>20</v>
      </c>
      <c r="P241" s="876" t="s">
        <v>21</v>
      </c>
      <c r="Q241" s="877" t="s">
        <v>22</v>
      </c>
      <c r="R241" s="561"/>
      <c r="S241" s="569"/>
      <c r="T241" s="600"/>
      <c r="U241" s="600"/>
      <c r="V241" s="596"/>
      <c r="W241" s="596"/>
      <c r="X241" s="596"/>
      <c r="Y241" s="596"/>
      <c r="Z241" s="596"/>
      <c r="AA241" s="596"/>
      <c r="AB241" s="596"/>
      <c r="AC241" s="596"/>
      <c r="AD241" s="596"/>
      <c r="AE241" s="596"/>
      <c r="AF241" s="596"/>
      <c r="AG241" s="596"/>
      <c r="AH241" s="596"/>
      <c r="AI241" s="596"/>
      <c r="AJ241" s="596"/>
      <c r="AK241" s="596"/>
      <c r="AL241" s="600"/>
      <c r="AM241" s="600"/>
      <c r="AN241" s="600"/>
      <c r="AO241" s="600"/>
      <c r="AP241" s="600"/>
      <c r="AQ241" s="600"/>
      <c r="AR241" s="600"/>
      <c r="AS241" s="600"/>
      <c r="AT241" s="600"/>
      <c r="AU241" s="600"/>
      <c r="AV241" s="600"/>
      <c r="AW241" s="600"/>
      <c r="AX241" s="600"/>
      <c r="AY241" s="600"/>
      <c r="AZ241" s="600"/>
      <c r="BA241" s="600"/>
      <c r="BB241" s="600"/>
    </row>
    <row r="242" spans="1:256" s="546" customFormat="1" ht="69.900000000000006" customHeight="1" thickTop="1" x14ac:dyDescent="0.2">
      <c r="A242" s="70" t="s">
        <v>28</v>
      </c>
      <c r="B242" s="72"/>
      <c r="C242" s="72"/>
      <c r="D242" s="72"/>
      <c r="E242" s="72"/>
      <c r="F242" s="72"/>
      <c r="G242" s="72"/>
      <c r="H242" s="72"/>
      <c r="I242" s="72"/>
      <c r="J242" s="72"/>
      <c r="K242" s="72"/>
      <c r="L242" s="72"/>
      <c r="M242" s="72"/>
      <c r="N242" s="72"/>
      <c r="O242" s="72"/>
      <c r="P242" s="72"/>
      <c r="Q242" s="202"/>
      <c r="R242" s="561"/>
      <c r="S242" s="199"/>
    </row>
    <row r="243" spans="1:256" s="570" customFormat="1" ht="75" customHeight="1" x14ac:dyDescent="0.2">
      <c r="A243" s="575"/>
      <c r="B243" s="576"/>
      <c r="C243" s="576"/>
      <c r="D243" s="576"/>
      <c r="E243" s="576"/>
      <c r="F243" s="576"/>
      <c r="G243" s="576"/>
      <c r="H243" s="576"/>
      <c r="I243" s="576"/>
      <c r="J243" s="576"/>
      <c r="K243" s="576"/>
      <c r="L243" s="577"/>
      <c r="M243" s="576"/>
      <c r="N243" s="576"/>
      <c r="O243" s="576"/>
      <c r="P243" s="576"/>
      <c r="Q243" s="578"/>
      <c r="R243" s="561"/>
      <c r="S243" s="579"/>
    </row>
    <row r="244" spans="1:256" s="570" customFormat="1" ht="75" customHeight="1" thickBot="1" x14ac:dyDescent="0.25">
      <c r="A244" s="606"/>
      <c r="B244" s="607"/>
      <c r="C244" s="607"/>
      <c r="D244" s="607"/>
      <c r="E244" s="607"/>
      <c r="F244" s="607"/>
      <c r="G244" s="607"/>
      <c r="H244" s="607"/>
      <c r="I244" s="607"/>
      <c r="J244" s="607"/>
      <c r="K244" s="607"/>
      <c r="L244" s="608"/>
      <c r="M244" s="607"/>
      <c r="N244" s="607"/>
      <c r="O244" s="607"/>
      <c r="P244" s="607"/>
      <c r="Q244" s="609"/>
      <c r="R244" s="561"/>
      <c r="S244" s="723"/>
    </row>
    <row r="245" spans="1:256" s="546" customFormat="1" ht="69.599999999999994" customHeight="1" thickBot="1" x14ac:dyDescent="0.25">
      <c r="A245" s="558" t="s">
        <v>307</v>
      </c>
      <c r="B245" s="559"/>
      <c r="C245" s="559"/>
      <c r="D245" s="559"/>
      <c r="E245" s="559"/>
      <c r="F245" s="559"/>
      <c r="G245" s="559"/>
      <c r="H245" s="559"/>
      <c r="I245" s="559"/>
      <c r="J245" s="559"/>
      <c r="K245" s="559"/>
      <c r="L245" s="559"/>
      <c r="M245" s="559"/>
      <c r="N245" s="559"/>
      <c r="O245" s="559"/>
      <c r="P245" s="559"/>
      <c r="Q245" s="560"/>
      <c r="R245" s="561"/>
      <c r="S245" s="728" t="s">
        <v>308</v>
      </c>
      <c r="T245" s="596"/>
      <c r="U245" s="596"/>
      <c r="V245" s="600"/>
      <c r="W245" s="600"/>
      <c r="X245" s="600"/>
      <c r="Y245" s="600"/>
      <c r="Z245" s="600"/>
      <c r="AA245" s="600"/>
      <c r="AB245" s="600"/>
      <c r="AC245" s="600"/>
      <c r="AD245" s="600"/>
      <c r="AE245" s="600"/>
      <c r="AF245" s="600"/>
      <c r="AG245" s="600"/>
      <c r="AH245" s="600"/>
      <c r="AI245" s="600"/>
      <c r="AJ245" s="600"/>
      <c r="AK245" s="600"/>
      <c r="AL245" s="596"/>
      <c r="AM245" s="596"/>
      <c r="AN245" s="596"/>
      <c r="AO245" s="596"/>
      <c r="AP245" s="596"/>
      <c r="AQ245" s="596"/>
      <c r="AR245" s="596"/>
      <c r="AS245" s="596"/>
      <c r="AT245" s="596"/>
      <c r="AU245" s="596"/>
      <c r="AV245" s="596"/>
      <c r="AW245" s="596"/>
      <c r="AX245" s="596"/>
      <c r="AY245" s="596"/>
      <c r="AZ245" s="596"/>
      <c r="BA245" s="596"/>
      <c r="BB245" s="596"/>
    </row>
    <row r="246" spans="1:256" s="546" customFormat="1" ht="69.900000000000006" customHeight="1" thickBot="1" x14ac:dyDescent="0.25">
      <c r="A246" s="584" t="s">
        <v>309</v>
      </c>
      <c r="B246" s="593"/>
      <c r="C246" s="593"/>
      <c r="D246" s="593"/>
      <c r="E246" s="593"/>
      <c r="F246" s="593"/>
      <c r="G246" s="593"/>
      <c r="H246" s="593"/>
      <c r="I246" s="593"/>
      <c r="J246" s="593"/>
      <c r="K246" s="593"/>
      <c r="L246" s="586"/>
      <c r="M246" s="593"/>
      <c r="N246" s="885"/>
      <c r="O246" s="593"/>
      <c r="P246" s="593"/>
      <c r="Q246" s="594"/>
      <c r="R246" s="561"/>
      <c r="S246" s="595"/>
      <c r="T246" s="596"/>
      <c r="U246" s="596"/>
      <c r="V246" s="596"/>
      <c r="W246" s="596"/>
      <c r="X246" s="596"/>
      <c r="Y246" s="596"/>
      <c r="Z246" s="596"/>
      <c r="AA246" s="596"/>
      <c r="AB246" s="596"/>
      <c r="AC246" s="596"/>
      <c r="AD246" s="596"/>
      <c r="AE246" s="596"/>
      <c r="AF246" s="596"/>
      <c r="AG246" s="596"/>
      <c r="AH246" s="596"/>
      <c r="AI246" s="596"/>
      <c r="AJ246" s="596"/>
      <c r="AK246" s="596"/>
      <c r="AL246" s="596"/>
      <c r="AM246" s="596"/>
      <c r="AN246" s="596"/>
      <c r="AO246" s="596"/>
      <c r="AP246" s="596"/>
      <c r="AQ246" s="596"/>
      <c r="AR246" s="596"/>
      <c r="AS246" s="596"/>
      <c r="AT246" s="596"/>
      <c r="AU246" s="596"/>
      <c r="AV246" s="596"/>
      <c r="AW246" s="596"/>
      <c r="AX246" s="596"/>
      <c r="AY246" s="596"/>
      <c r="AZ246" s="596"/>
      <c r="BA246" s="596"/>
      <c r="BB246" s="596"/>
    </row>
    <row r="247" spans="1:256" s="570" customFormat="1" ht="335.25" customHeight="1" thickTop="1" thickBot="1" x14ac:dyDescent="0.25">
      <c r="A247" s="886" t="s">
        <v>310</v>
      </c>
      <c r="B247" s="887"/>
      <c r="C247" s="887"/>
      <c r="D247" s="887"/>
      <c r="E247" s="887"/>
      <c r="F247" s="887"/>
      <c r="G247" s="887"/>
      <c r="H247" s="887"/>
      <c r="I247" s="887"/>
      <c r="J247" s="887"/>
      <c r="K247" s="887"/>
      <c r="L247" s="887"/>
      <c r="M247" s="888"/>
      <c r="N247" s="889" t="s">
        <v>27</v>
      </c>
      <c r="O247" s="672" t="s">
        <v>20</v>
      </c>
      <c r="P247" s="672" t="s">
        <v>21</v>
      </c>
      <c r="Q247" s="673" t="s">
        <v>22</v>
      </c>
      <c r="R247" s="561"/>
      <c r="S247" s="569"/>
      <c r="T247" s="600"/>
      <c r="U247" s="600"/>
      <c r="V247" s="596"/>
      <c r="W247" s="596"/>
      <c r="X247" s="596"/>
      <c r="Y247" s="596"/>
      <c r="Z247" s="596"/>
      <c r="AA247" s="596"/>
      <c r="AB247" s="596"/>
      <c r="AC247" s="596"/>
      <c r="AD247" s="596"/>
      <c r="AE247" s="596"/>
      <c r="AF247" s="596"/>
      <c r="AG247" s="596"/>
      <c r="AH247" s="596"/>
      <c r="AI247" s="596"/>
      <c r="AJ247" s="596"/>
      <c r="AK247" s="596"/>
      <c r="AL247" s="600"/>
      <c r="AM247" s="600"/>
      <c r="AN247" s="600"/>
      <c r="AO247" s="600"/>
      <c r="AP247" s="600"/>
      <c r="AQ247" s="600"/>
      <c r="AR247" s="600"/>
      <c r="AS247" s="600"/>
      <c r="AT247" s="600"/>
      <c r="AU247" s="600"/>
      <c r="AV247" s="600"/>
      <c r="AW247" s="600"/>
      <c r="AX247" s="600"/>
      <c r="AY247" s="600"/>
      <c r="AZ247" s="600"/>
      <c r="BA247" s="600"/>
      <c r="BB247" s="600"/>
    </row>
    <row r="248" spans="1:256" s="546" customFormat="1" ht="69.900000000000006" customHeight="1" thickTop="1" x14ac:dyDescent="0.2">
      <c r="A248" s="70" t="s">
        <v>28</v>
      </c>
      <c r="B248" s="72"/>
      <c r="C248" s="72"/>
      <c r="D248" s="72"/>
      <c r="E248" s="72"/>
      <c r="F248" s="72"/>
      <c r="G248" s="72"/>
      <c r="H248" s="72"/>
      <c r="I248" s="72"/>
      <c r="J248" s="72"/>
      <c r="K248" s="72"/>
      <c r="L248" s="72"/>
      <c r="M248" s="72"/>
      <c r="N248" s="72"/>
      <c r="O248" s="72"/>
      <c r="P248" s="72"/>
      <c r="Q248" s="202"/>
      <c r="R248" s="561"/>
      <c r="S248" s="199"/>
    </row>
    <row r="249" spans="1:256" s="570" customFormat="1" ht="75" customHeight="1" x14ac:dyDescent="0.2">
      <c r="A249" s="575"/>
      <c r="B249" s="576"/>
      <c r="C249" s="576"/>
      <c r="D249" s="576"/>
      <c r="E249" s="576"/>
      <c r="F249" s="576"/>
      <c r="G249" s="576"/>
      <c r="H249" s="576"/>
      <c r="I249" s="576"/>
      <c r="J249" s="576"/>
      <c r="K249" s="576"/>
      <c r="L249" s="577"/>
      <c r="M249" s="576"/>
      <c r="N249" s="576"/>
      <c r="O249" s="576"/>
      <c r="P249" s="576"/>
      <c r="Q249" s="578"/>
      <c r="R249" s="561"/>
      <c r="S249" s="579"/>
    </row>
    <row r="250" spans="1:256" s="570" customFormat="1" ht="75" customHeight="1" thickBot="1" x14ac:dyDescent="0.25">
      <c r="A250" s="580"/>
      <c r="B250" s="581"/>
      <c r="C250" s="581"/>
      <c r="D250" s="581"/>
      <c r="E250" s="581"/>
      <c r="F250" s="581"/>
      <c r="G250" s="581"/>
      <c r="H250" s="581"/>
      <c r="I250" s="581"/>
      <c r="J250" s="581"/>
      <c r="K250" s="581"/>
      <c r="L250" s="582"/>
      <c r="M250" s="581"/>
      <c r="N250" s="581"/>
      <c r="O250" s="581"/>
      <c r="P250" s="581"/>
      <c r="Q250" s="583"/>
      <c r="R250" s="561"/>
      <c r="S250" s="579"/>
    </row>
    <row r="251" spans="1:256" s="546" customFormat="1" ht="69.599999999999994" customHeight="1" thickBot="1" x14ac:dyDescent="0.25">
      <c r="A251" s="890" t="s">
        <v>311</v>
      </c>
      <c r="B251" s="891"/>
      <c r="C251" s="891"/>
      <c r="D251" s="891"/>
      <c r="E251" s="891"/>
      <c r="F251" s="891"/>
      <c r="G251" s="891"/>
      <c r="H251" s="891"/>
      <c r="I251" s="891"/>
      <c r="J251" s="891"/>
      <c r="K251" s="891"/>
      <c r="L251" s="892"/>
      <c r="M251" s="891"/>
      <c r="N251" s="891"/>
      <c r="O251" s="891"/>
      <c r="P251" s="891"/>
      <c r="Q251" s="893"/>
      <c r="R251" s="561"/>
      <c r="S251" s="595"/>
      <c r="T251" s="596"/>
      <c r="U251" s="596"/>
      <c r="V251" s="600"/>
      <c r="W251" s="600"/>
      <c r="X251" s="600"/>
      <c r="Y251" s="600"/>
      <c r="Z251" s="600"/>
      <c r="AA251" s="600"/>
      <c r="AB251" s="600"/>
      <c r="AC251" s="600"/>
      <c r="AD251" s="600"/>
      <c r="AE251" s="600"/>
      <c r="AF251" s="600"/>
      <c r="AG251" s="600"/>
      <c r="AH251" s="600"/>
      <c r="AI251" s="600"/>
      <c r="AJ251" s="600"/>
      <c r="AK251" s="600"/>
      <c r="AL251" s="596"/>
      <c r="AM251" s="596"/>
      <c r="AN251" s="596"/>
      <c r="AO251" s="596"/>
      <c r="AP251" s="596"/>
      <c r="AQ251" s="596"/>
      <c r="AR251" s="596"/>
      <c r="AS251" s="596"/>
      <c r="AT251" s="596"/>
      <c r="AU251" s="596"/>
      <c r="AV251" s="596"/>
      <c r="AW251" s="596"/>
      <c r="AX251" s="596"/>
      <c r="AY251" s="596"/>
      <c r="AZ251" s="596"/>
      <c r="BA251" s="596"/>
      <c r="BB251" s="596"/>
    </row>
    <row r="252" spans="1:256" s="570" customFormat="1" ht="263.39999999999998" customHeight="1" thickTop="1" thickBot="1" x14ac:dyDescent="0.25">
      <c r="A252" s="894" t="s">
        <v>312</v>
      </c>
      <c r="B252" s="895"/>
      <c r="C252" s="895"/>
      <c r="D252" s="895"/>
      <c r="E252" s="895"/>
      <c r="F252" s="895"/>
      <c r="G252" s="895"/>
      <c r="H252" s="895"/>
      <c r="I252" s="895"/>
      <c r="J252" s="895"/>
      <c r="K252" s="895"/>
      <c r="L252" s="895"/>
      <c r="M252" s="895"/>
      <c r="N252" s="896"/>
      <c r="O252" s="672" t="s">
        <v>20</v>
      </c>
      <c r="P252" s="672" t="s">
        <v>21</v>
      </c>
      <c r="Q252" s="673" t="s">
        <v>22</v>
      </c>
      <c r="R252" s="561"/>
      <c r="S252" s="569"/>
      <c r="T252" s="600"/>
      <c r="U252" s="600"/>
      <c r="V252" s="600"/>
      <c r="W252" s="600"/>
      <c r="X252" s="600"/>
      <c r="Y252" s="600"/>
      <c r="Z252" s="600"/>
      <c r="AA252" s="600"/>
      <c r="AB252" s="600"/>
      <c r="AC252" s="600"/>
      <c r="AD252" s="600"/>
      <c r="AE252" s="600"/>
      <c r="AF252" s="600"/>
      <c r="AG252" s="600"/>
      <c r="AH252" s="600"/>
      <c r="AI252" s="600"/>
      <c r="AJ252" s="600"/>
      <c r="AK252" s="600"/>
      <c r="AL252" s="600"/>
      <c r="AM252" s="600"/>
      <c r="AN252" s="600"/>
      <c r="AO252" s="600"/>
      <c r="AP252" s="600"/>
      <c r="AQ252" s="600"/>
      <c r="AR252" s="600"/>
      <c r="AS252" s="600"/>
      <c r="AT252" s="600"/>
      <c r="AU252" s="600"/>
      <c r="AV252" s="600"/>
      <c r="AW252" s="600"/>
      <c r="AX252" s="600"/>
      <c r="AY252" s="600"/>
      <c r="AZ252" s="600"/>
      <c r="BA252" s="600"/>
      <c r="BB252" s="600"/>
    </row>
    <row r="253" spans="1:256" s="570" customFormat="1" ht="201.6" customHeight="1" thickTop="1" thickBot="1" x14ac:dyDescent="0.25">
      <c r="A253" s="571" t="s">
        <v>313</v>
      </c>
      <c r="B253" s="231"/>
      <c r="C253" s="231"/>
      <c r="D253" s="231"/>
      <c r="E253" s="231"/>
      <c r="F253" s="231"/>
      <c r="G253" s="231"/>
      <c r="H253" s="231"/>
      <c r="I253" s="231"/>
      <c r="J253" s="231"/>
      <c r="K253" s="231"/>
      <c r="L253" s="231"/>
      <c r="M253" s="231"/>
      <c r="N253" s="897"/>
      <c r="O253" s="876" t="s">
        <v>20</v>
      </c>
      <c r="P253" s="876" t="s">
        <v>21</v>
      </c>
      <c r="Q253" s="877" t="s">
        <v>22</v>
      </c>
      <c r="R253" s="561"/>
      <c r="S253" s="569"/>
      <c r="T253" s="600"/>
      <c r="U253" s="600"/>
      <c r="V253" s="600"/>
      <c r="W253" s="600"/>
      <c r="X253" s="600"/>
      <c r="Y253" s="600"/>
      <c r="Z253" s="600"/>
      <c r="AA253" s="600"/>
      <c r="AB253" s="600"/>
      <c r="AC253" s="600"/>
      <c r="AD253" s="600"/>
      <c r="AE253" s="600"/>
      <c r="AF253" s="600"/>
      <c r="AG253" s="600"/>
      <c r="AH253" s="600"/>
      <c r="AI253" s="600"/>
      <c r="AJ253" s="600"/>
      <c r="AK253" s="600"/>
      <c r="AL253" s="600"/>
      <c r="AM253" s="600"/>
      <c r="AN253" s="600"/>
      <c r="AO253" s="600"/>
      <c r="AP253" s="600"/>
      <c r="AQ253" s="600"/>
      <c r="AR253" s="600"/>
      <c r="AS253" s="600"/>
      <c r="AT253" s="600"/>
      <c r="AU253" s="600"/>
      <c r="AV253" s="600"/>
      <c r="AW253" s="600"/>
      <c r="AX253" s="600"/>
      <c r="AY253" s="600"/>
      <c r="AZ253" s="600"/>
      <c r="BA253" s="600"/>
      <c r="BB253" s="600"/>
    </row>
    <row r="254" spans="1:256" s="546" customFormat="1" ht="69.599999999999994" customHeight="1" thickTop="1" x14ac:dyDescent="0.2">
      <c r="A254" s="692" t="s">
        <v>63</v>
      </c>
      <c r="B254" s="694"/>
      <c r="C254" s="694"/>
      <c r="D254" s="694"/>
      <c r="E254" s="694"/>
      <c r="F254" s="694"/>
      <c r="G254" s="694"/>
      <c r="H254" s="694"/>
      <c r="I254" s="694"/>
      <c r="J254" s="694"/>
      <c r="K254" s="694"/>
      <c r="L254" s="694"/>
      <c r="M254" s="694"/>
      <c r="N254" s="694"/>
      <c r="O254" s="694"/>
      <c r="P254" s="694"/>
      <c r="Q254" s="791"/>
      <c r="R254" s="561"/>
      <c r="S254" s="199"/>
    </row>
    <row r="255" spans="1:256" s="546" customFormat="1" ht="69.599999999999994" customHeight="1" x14ac:dyDescent="0.2">
      <c r="A255" s="696" t="s">
        <v>314</v>
      </c>
      <c r="B255" s="697"/>
      <c r="C255" s="697"/>
      <c r="D255" s="697"/>
      <c r="E255" s="697"/>
      <c r="F255" s="697"/>
      <c r="G255" s="697"/>
      <c r="H255" s="697"/>
      <c r="I255" s="697"/>
      <c r="J255" s="697"/>
      <c r="K255" s="697"/>
      <c r="L255" s="697"/>
      <c r="M255" s="697"/>
      <c r="N255" s="697"/>
      <c r="O255" s="697"/>
      <c r="P255" s="697"/>
      <c r="Q255" s="698"/>
      <c r="R255" s="187"/>
      <c r="S255" s="199"/>
      <c r="T255" s="201"/>
      <c r="U255" s="201"/>
      <c r="V255" s="201"/>
      <c r="W255" s="201"/>
      <c r="X255" s="201"/>
      <c r="Y255" s="201"/>
      <c r="Z255" s="201"/>
      <c r="AA255" s="201"/>
      <c r="AB255" s="201"/>
      <c r="AC255" s="201"/>
      <c r="AD255" s="201"/>
      <c r="AE255" s="201"/>
      <c r="AF255" s="201"/>
      <c r="AG255" s="201"/>
      <c r="AH255" s="201"/>
      <c r="AI255" s="201"/>
      <c r="AJ255" s="201"/>
      <c r="AK255" s="201"/>
      <c r="AL255" s="201"/>
      <c r="AM255" s="201"/>
      <c r="AN255" s="201"/>
      <c r="AO255" s="201"/>
      <c r="AP255" s="201"/>
      <c r="AQ255" s="201"/>
      <c r="AR255" s="201"/>
      <c r="AS255" s="201"/>
      <c r="AT255" s="201"/>
      <c r="AU255" s="201"/>
      <c r="AV255" s="201"/>
      <c r="AW255" s="201"/>
      <c r="AX255" s="201"/>
      <c r="AY255" s="201"/>
      <c r="AZ255" s="201"/>
      <c r="BA255" s="201"/>
      <c r="BB255" s="201"/>
      <c r="BC255" s="201"/>
      <c r="BD255" s="201"/>
      <c r="BE255" s="201"/>
      <c r="BF255" s="201"/>
      <c r="BG255" s="201"/>
      <c r="BH255" s="201"/>
      <c r="BI255" s="201"/>
      <c r="BJ255" s="201"/>
      <c r="BK255" s="201"/>
      <c r="BL255" s="201"/>
      <c r="BM255" s="201"/>
      <c r="BN255" s="201"/>
      <c r="BO255" s="201"/>
      <c r="BP255" s="201"/>
      <c r="BQ255" s="201"/>
      <c r="BR255" s="201"/>
      <c r="BS255" s="201"/>
      <c r="BT255" s="201"/>
      <c r="BU255" s="201"/>
      <c r="BV255" s="201"/>
      <c r="BW255" s="201"/>
      <c r="BX255" s="201"/>
      <c r="BY255" s="201"/>
      <c r="BZ255" s="201"/>
      <c r="CA255" s="201"/>
      <c r="CB255" s="201"/>
      <c r="CC255" s="201"/>
      <c r="CD255" s="201"/>
      <c r="CE255" s="201"/>
      <c r="CF255" s="201"/>
      <c r="CG255" s="201"/>
      <c r="CH255" s="201"/>
      <c r="CI255" s="201"/>
      <c r="CJ255" s="201"/>
      <c r="CK255" s="201"/>
      <c r="CL255" s="201"/>
      <c r="CM255" s="201"/>
      <c r="CN255" s="201"/>
      <c r="CO255" s="201"/>
      <c r="CP255" s="201"/>
      <c r="CQ255" s="201"/>
      <c r="CR255" s="201"/>
      <c r="CS255" s="201"/>
      <c r="CT255" s="201"/>
      <c r="CU255" s="201"/>
      <c r="CV255" s="201"/>
      <c r="CW255" s="201"/>
      <c r="CX255" s="201"/>
      <c r="CY255" s="201"/>
      <c r="CZ255" s="201"/>
      <c r="DA255" s="201"/>
      <c r="DB255" s="201"/>
      <c r="DC255" s="201"/>
      <c r="DD255" s="201"/>
      <c r="DE255" s="201"/>
      <c r="DF255" s="201"/>
      <c r="DG255" s="201"/>
      <c r="DH255" s="201"/>
      <c r="DI255" s="201"/>
      <c r="DJ255" s="201"/>
      <c r="DK255" s="201"/>
      <c r="DL255" s="201"/>
      <c r="DM255" s="201"/>
      <c r="DN255" s="201"/>
      <c r="DO255" s="201"/>
      <c r="DP255" s="201"/>
      <c r="DQ255" s="201"/>
      <c r="DR255" s="201"/>
      <c r="DS255" s="201"/>
      <c r="DT255" s="201"/>
      <c r="DU255" s="201"/>
      <c r="DV255" s="201"/>
      <c r="DW255" s="201"/>
      <c r="DX255" s="201"/>
      <c r="DY255" s="201"/>
      <c r="DZ255" s="201"/>
      <c r="EA255" s="201"/>
      <c r="EB255" s="201"/>
      <c r="EC255" s="201"/>
      <c r="ED255" s="201"/>
      <c r="EE255" s="201"/>
      <c r="EF255" s="201"/>
      <c r="EG255" s="201"/>
      <c r="EH255" s="201"/>
      <c r="EI255" s="201"/>
      <c r="EJ255" s="201"/>
      <c r="EK255" s="201"/>
      <c r="EL255" s="201"/>
      <c r="EM255" s="201"/>
      <c r="EN255" s="201"/>
      <c r="EO255" s="201"/>
      <c r="EP255" s="201"/>
      <c r="EQ255" s="201"/>
      <c r="ER255" s="201"/>
      <c r="ES255" s="201"/>
      <c r="ET255" s="201"/>
      <c r="EU255" s="201"/>
      <c r="EV255" s="201"/>
      <c r="EW255" s="201"/>
      <c r="EX255" s="201"/>
      <c r="EY255" s="201"/>
      <c r="EZ255" s="201"/>
      <c r="FA255" s="201"/>
      <c r="FB255" s="201"/>
      <c r="FC255" s="201"/>
      <c r="FD255" s="201"/>
      <c r="FE255" s="201"/>
      <c r="FF255" s="201"/>
      <c r="FG255" s="201"/>
      <c r="FH255" s="201"/>
      <c r="FI255" s="201"/>
      <c r="FJ255" s="201"/>
      <c r="FK255" s="201"/>
      <c r="FL255" s="201"/>
      <c r="FM255" s="201"/>
      <c r="FN255" s="201"/>
      <c r="FO255" s="201"/>
      <c r="FP255" s="201"/>
      <c r="FQ255" s="201"/>
      <c r="FR255" s="201"/>
      <c r="FS255" s="201"/>
      <c r="FT255" s="201"/>
      <c r="FU255" s="201"/>
      <c r="FV255" s="201"/>
      <c r="FW255" s="201"/>
      <c r="FX255" s="201"/>
      <c r="FY255" s="201"/>
      <c r="FZ255" s="201"/>
      <c r="GA255" s="201"/>
      <c r="GB255" s="201"/>
      <c r="GC255" s="201"/>
      <c r="GD255" s="201"/>
      <c r="GE255" s="201"/>
      <c r="GF255" s="201"/>
      <c r="GG255" s="201"/>
      <c r="GH255" s="201"/>
      <c r="GI255" s="201"/>
      <c r="GJ255" s="201"/>
      <c r="GK255" s="201"/>
      <c r="GL255" s="201"/>
      <c r="GM255" s="201"/>
      <c r="GN255" s="201"/>
      <c r="GO255" s="201"/>
      <c r="GP255" s="201"/>
      <c r="GQ255" s="201"/>
      <c r="GR255" s="201"/>
      <c r="GS255" s="201"/>
      <c r="GT255" s="201"/>
      <c r="GU255" s="201"/>
      <c r="GV255" s="201"/>
      <c r="GW255" s="201"/>
      <c r="GX255" s="201"/>
      <c r="GY255" s="201"/>
      <c r="GZ255" s="201"/>
      <c r="HA255" s="201"/>
      <c r="HB255" s="201"/>
      <c r="HC255" s="201"/>
      <c r="HD255" s="201"/>
      <c r="HE255" s="201"/>
      <c r="HF255" s="201"/>
      <c r="HG255" s="201"/>
      <c r="HH255" s="201"/>
      <c r="HI255" s="201"/>
      <c r="HJ255" s="201"/>
      <c r="HK255" s="201"/>
      <c r="HL255" s="201"/>
      <c r="HM255" s="201"/>
      <c r="HN255" s="201"/>
      <c r="HO255" s="201"/>
      <c r="HP255" s="201"/>
      <c r="HQ255" s="201"/>
      <c r="HR255" s="201"/>
      <c r="HS255" s="201"/>
      <c r="HT255" s="201"/>
      <c r="HU255" s="201"/>
      <c r="HV255" s="201"/>
      <c r="HW255" s="201"/>
      <c r="HX255" s="201"/>
      <c r="HY255" s="201"/>
      <c r="HZ255" s="201"/>
      <c r="IA255" s="201"/>
      <c r="IB255" s="201"/>
      <c r="IC255" s="201"/>
      <c r="ID255" s="201"/>
      <c r="IE255" s="201"/>
      <c r="IF255" s="201"/>
      <c r="IG255" s="201"/>
      <c r="IH255" s="201"/>
      <c r="II255" s="201"/>
      <c r="IJ255" s="201"/>
      <c r="IK255" s="201"/>
      <c r="IL255" s="201"/>
      <c r="IM255" s="201"/>
      <c r="IN255" s="201"/>
      <c r="IO255" s="201"/>
      <c r="IP255" s="201"/>
      <c r="IQ255" s="201"/>
      <c r="IR255" s="201"/>
      <c r="IS255" s="201"/>
      <c r="IT255" s="201"/>
      <c r="IU255" s="201"/>
      <c r="IV255" s="201"/>
    </row>
    <row r="256" spans="1:256" s="570" customFormat="1" ht="69.599999999999994" customHeight="1" x14ac:dyDescent="0.2">
      <c r="A256" s="776" t="s">
        <v>315</v>
      </c>
      <c r="B256" s="777"/>
      <c r="C256" s="777"/>
      <c r="D256" s="777"/>
      <c r="E256" s="777"/>
      <c r="F256" s="777"/>
      <c r="G256" s="777"/>
      <c r="H256" s="777"/>
      <c r="I256" s="777"/>
      <c r="J256" s="777"/>
      <c r="K256" s="777"/>
      <c r="L256" s="777"/>
      <c r="M256" s="777"/>
      <c r="N256" s="777"/>
      <c r="O256" s="777"/>
      <c r="P256" s="777"/>
      <c r="Q256" s="778"/>
      <c r="R256" s="561"/>
      <c r="S256" s="595"/>
      <c r="T256" s="600"/>
      <c r="U256" s="600"/>
      <c r="V256" s="600"/>
      <c r="W256" s="600"/>
      <c r="X256" s="600"/>
      <c r="Y256" s="600"/>
      <c r="Z256" s="600"/>
      <c r="AA256" s="600"/>
      <c r="AB256" s="600"/>
      <c r="AC256" s="600"/>
      <c r="AD256" s="600"/>
      <c r="AE256" s="600"/>
      <c r="AF256" s="600"/>
      <c r="AG256" s="600"/>
      <c r="AH256" s="600"/>
      <c r="AI256" s="600"/>
      <c r="AJ256" s="600"/>
      <c r="AK256" s="600"/>
      <c r="AL256" s="600"/>
      <c r="AM256" s="600"/>
      <c r="AN256" s="600"/>
      <c r="AO256" s="600"/>
      <c r="AP256" s="600"/>
      <c r="AQ256" s="600"/>
      <c r="AR256" s="600"/>
      <c r="AS256" s="600"/>
      <c r="AT256" s="600"/>
      <c r="AU256" s="600"/>
      <c r="AV256" s="600"/>
      <c r="AW256" s="600"/>
      <c r="AX256" s="600"/>
      <c r="AY256" s="600"/>
      <c r="AZ256" s="600"/>
      <c r="BA256" s="600"/>
      <c r="BB256" s="600"/>
    </row>
    <row r="257" spans="1:256" s="570" customFormat="1" ht="69.599999999999994" customHeight="1" x14ac:dyDescent="0.2">
      <c r="A257" s="779" t="s">
        <v>100</v>
      </c>
      <c r="B257" s="780"/>
      <c r="C257" s="780"/>
      <c r="D257" s="780"/>
      <c r="E257" s="780"/>
      <c r="F257" s="780"/>
      <c r="G257" s="780"/>
      <c r="H257" s="780"/>
      <c r="I257" s="780"/>
      <c r="J257" s="780"/>
      <c r="K257" s="780"/>
      <c r="L257" s="780"/>
      <c r="M257" s="780"/>
      <c r="N257" s="780"/>
      <c r="O257" s="780"/>
      <c r="P257" s="780"/>
      <c r="Q257" s="781"/>
      <c r="R257" s="561"/>
      <c r="S257" s="595"/>
      <c r="T257" s="600"/>
      <c r="U257" s="600"/>
      <c r="V257" s="600"/>
      <c r="W257" s="600"/>
      <c r="X257" s="600"/>
      <c r="Y257" s="600"/>
      <c r="Z257" s="600"/>
      <c r="AA257" s="600"/>
      <c r="AB257" s="600"/>
      <c r="AC257" s="600"/>
      <c r="AD257" s="600"/>
      <c r="AE257" s="600"/>
      <c r="AF257" s="600"/>
      <c r="AG257" s="600"/>
      <c r="AH257" s="600"/>
      <c r="AI257" s="600"/>
      <c r="AJ257" s="600"/>
      <c r="AK257" s="600"/>
      <c r="AL257" s="600"/>
      <c r="AM257" s="600"/>
      <c r="AN257" s="600"/>
      <c r="AO257" s="600"/>
      <c r="AP257" s="600"/>
      <c r="AQ257" s="600"/>
      <c r="AR257" s="600"/>
      <c r="AS257" s="600"/>
      <c r="AT257" s="600"/>
      <c r="AU257" s="600"/>
      <c r="AV257" s="600"/>
      <c r="AW257" s="600"/>
      <c r="AX257" s="600"/>
      <c r="AY257" s="600"/>
      <c r="AZ257" s="600"/>
      <c r="BA257" s="600"/>
      <c r="BB257" s="600"/>
    </row>
    <row r="258" spans="1:256" s="570" customFormat="1" ht="69" customHeight="1" thickBot="1" x14ac:dyDescent="0.25">
      <c r="A258" s="898" t="s">
        <v>316</v>
      </c>
      <c r="B258" s="899"/>
      <c r="C258" s="899"/>
      <c r="D258" s="899"/>
      <c r="E258" s="899"/>
      <c r="F258" s="899"/>
      <c r="G258" s="899"/>
      <c r="H258" s="899"/>
      <c r="I258" s="899"/>
      <c r="J258" s="899"/>
      <c r="K258" s="900"/>
      <c r="L258" s="901"/>
      <c r="M258" s="901"/>
      <c r="N258" s="902"/>
      <c r="O258" s="903"/>
      <c r="P258" s="903"/>
      <c r="Q258" s="904"/>
      <c r="R258" s="561"/>
      <c r="S258" s="663"/>
      <c r="T258" s="664"/>
      <c r="U258" s="664"/>
      <c r="V258" s="664"/>
      <c r="W258" s="664"/>
      <c r="X258" s="664"/>
      <c r="Y258" s="664"/>
      <c r="Z258" s="664"/>
      <c r="AA258" s="664"/>
      <c r="AB258" s="664"/>
      <c r="AC258" s="664"/>
      <c r="AD258" s="664"/>
      <c r="AE258" s="664"/>
      <c r="AF258" s="664"/>
      <c r="AG258" s="664"/>
      <c r="AH258" s="664"/>
      <c r="AI258" s="664"/>
      <c r="AJ258" s="664"/>
      <c r="AK258" s="664"/>
      <c r="AL258" s="664"/>
      <c r="AM258" s="664"/>
      <c r="AN258" s="664"/>
      <c r="AO258" s="664"/>
      <c r="AP258" s="664"/>
      <c r="AQ258" s="664"/>
      <c r="AR258" s="664"/>
      <c r="AS258" s="664"/>
      <c r="AT258" s="664"/>
      <c r="AU258" s="664"/>
      <c r="AV258" s="664"/>
      <c r="AW258" s="664"/>
      <c r="AX258" s="664"/>
      <c r="AY258" s="664"/>
      <c r="AZ258" s="664"/>
      <c r="BA258" s="664"/>
      <c r="BB258" s="664"/>
    </row>
    <row r="259" spans="1:256" s="570" customFormat="1" ht="201.6" customHeight="1" thickTop="1" thickBot="1" x14ac:dyDescent="0.25">
      <c r="A259" s="571" t="s">
        <v>317</v>
      </c>
      <c r="B259" s="231"/>
      <c r="C259" s="231"/>
      <c r="D259" s="231"/>
      <c r="E259" s="231"/>
      <c r="F259" s="231"/>
      <c r="G259" s="231"/>
      <c r="H259" s="231"/>
      <c r="I259" s="231"/>
      <c r="J259" s="231"/>
      <c r="K259" s="231"/>
      <c r="L259" s="231"/>
      <c r="M259" s="231"/>
      <c r="N259" s="897"/>
      <c r="O259" s="876" t="s">
        <v>20</v>
      </c>
      <c r="P259" s="876" t="s">
        <v>21</v>
      </c>
      <c r="Q259" s="877" t="s">
        <v>22</v>
      </c>
      <c r="R259" s="561"/>
      <c r="S259" s="569"/>
      <c r="T259" s="600"/>
      <c r="U259" s="600"/>
      <c r="V259" s="600"/>
      <c r="W259" s="600"/>
      <c r="X259" s="600"/>
      <c r="Y259" s="600"/>
      <c r="Z259" s="600"/>
      <c r="AA259" s="600"/>
      <c r="AB259" s="600"/>
      <c r="AC259" s="600"/>
      <c r="AD259" s="600"/>
      <c r="AE259" s="600"/>
      <c r="AF259" s="600"/>
      <c r="AG259" s="600"/>
      <c r="AH259" s="600"/>
      <c r="AI259" s="600"/>
      <c r="AJ259" s="600"/>
      <c r="AK259" s="600"/>
      <c r="AL259" s="600"/>
      <c r="AM259" s="600"/>
      <c r="AN259" s="600"/>
      <c r="AO259" s="600"/>
      <c r="AP259" s="600"/>
      <c r="AQ259" s="600"/>
      <c r="AR259" s="600"/>
      <c r="AS259" s="600"/>
      <c r="AT259" s="600"/>
      <c r="AU259" s="600"/>
      <c r="AV259" s="600"/>
      <c r="AW259" s="600"/>
      <c r="AX259" s="600"/>
      <c r="AY259" s="600"/>
      <c r="AZ259" s="600"/>
      <c r="BA259" s="600"/>
      <c r="BB259" s="600"/>
    </row>
    <row r="260" spans="1:256" s="546" customFormat="1" ht="69.599999999999994" customHeight="1" thickTop="1" x14ac:dyDescent="0.2">
      <c r="A260" s="692" t="s">
        <v>318</v>
      </c>
      <c r="B260" s="694"/>
      <c r="C260" s="694"/>
      <c r="D260" s="694"/>
      <c r="E260" s="694"/>
      <c r="F260" s="694"/>
      <c r="G260" s="694"/>
      <c r="H260" s="694"/>
      <c r="I260" s="694"/>
      <c r="J260" s="694"/>
      <c r="K260" s="694"/>
      <c r="L260" s="694"/>
      <c r="M260" s="694"/>
      <c r="N260" s="694"/>
      <c r="O260" s="694"/>
      <c r="P260" s="694"/>
      <c r="Q260" s="791"/>
      <c r="R260" s="561"/>
      <c r="S260" s="199"/>
    </row>
    <row r="261" spans="1:256" s="546" customFormat="1" ht="69.599999999999994" customHeight="1" x14ac:dyDescent="0.2">
      <c r="A261" s="696" t="s">
        <v>74</v>
      </c>
      <c r="B261" s="697"/>
      <c r="C261" s="697"/>
      <c r="D261" s="697"/>
      <c r="E261" s="697"/>
      <c r="F261" s="697"/>
      <c r="G261" s="697"/>
      <c r="H261" s="697"/>
      <c r="I261" s="697"/>
      <c r="J261" s="697"/>
      <c r="K261" s="697"/>
      <c r="L261" s="697"/>
      <c r="M261" s="697"/>
      <c r="N261" s="697"/>
      <c r="O261" s="697"/>
      <c r="P261" s="697"/>
      <c r="Q261" s="698"/>
      <c r="R261" s="187"/>
      <c r="S261" s="199"/>
      <c r="T261" s="201"/>
      <c r="U261" s="201"/>
      <c r="V261" s="201"/>
      <c r="W261" s="201"/>
      <c r="X261" s="201"/>
      <c r="Y261" s="201"/>
      <c r="Z261" s="201"/>
      <c r="AA261" s="201"/>
      <c r="AB261" s="201"/>
      <c r="AC261" s="201"/>
      <c r="AD261" s="201"/>
      <c r="AE261" s="201"/>
      <c r="AF261" s="201"/>
      <c r="AG261" s="201"/>
      <c r="AH261" s="201"/>
      <c r="AI261" s="201"/>
      <c r="AJ261" s="201"/>
      <c r="AK261" s="201"/>
      <c r="AL261" s="201"/>
      <c r="AM261" s="201"/>
      <c r="AN261" s="201"/>
      <c r="AO261" s="201"/>
      <c r="AP261" s="201"/>
      <c r="AQ261" s="201"/>
      <c r="AR261" s="201"/>
      <c r="AS261" s="201"/>
      <c r="AT261" s="201"/>
      <c r="AU261" s="201"/>
      <c r="AV261" s="201"/>
      <c r="AW261" s="201"/>
      <c r="AX261" s="201"/>
      <c r="AY261" s="201"/>
      <c r="AZ261" s="201"/>
      <c r="BA261" s="201"/>
      <c r="BB261" s="201"/>
      <c r="BC261" s="201"/>
      <c r="BD261" s="201"/>
      <c r="BE261" s="201"/>
      <c r="BF261" s="201"/>
      <c r="BG261" s="201"/>
      <c r="BH261" s="201"/>
      <c r="BI261" s="201"/>
      <c r="BJ261" s="201"/>
      <c r="BK261" s="201"/>
      <c r="BL261" s="201"/>
      <c r="BM261" s="201"/>
      <c r="BN261" s="201"/>
      <c r="BO261" s="201"/>
      <c r="BP261" s="201"/>
      <c r="BQ261" s="201"/>
      <c r="BR261" s="201"/>
      <c r="BS261" s="201"/>
      <c r="BT261" s="201"/>
      <c r="BU261" s="201"/>
      <c r="BV261" s="201"/>
      <c r="BW261" s="201"/>
      <c r="BX261" s="201"/>
      <c r="BY261" s="201"/>
      <c r="BZ261" s="201"/>
      <c r="CA261" s="201"/>
      <c r="CB261" s="201"/>
      <c r="CC261" s="201"/>
      <c r="CD261" s="201"/>
      <c r="CE261" s="201"/>
      <c r="CF261" s="201"/>
      <c r="CG261" s="201"/>
      <c r="CH261" s="201"/>
      <c r="CI261" s="201"/>
      <c r="CJ261" s="201"/>
      <c r="CK261" s="201"/>
      <c r="CL261" s="201"/>
      <c r="CM261" s="201"/>
      <c r="CN261" s="201"/>
      <c r="CO261" s="201"/>
      <c r="CP261" s="201"/>
      <c r="CQ261" s="201"/>
      <c r="CR261" s="201"/>
      <c r="CS261" s="201"/>
      <c r="CT261" s="201"/>
      <c r="CU261" s="201"/>
      <c r="CV261" s="201"/>
      <c r="CW261" s="201"/>
      <c r="CX261" s="201"/>
      <c r="CY261" s="201"/>
      <c r="CZ261" s="201"/>
      <c r="DA261" s="201"/>
      <c r="DB261" s="201"/>
      <c r="DC261" s="201"/>
      <c r="DD261" s="201"/>
      <c r="DE261" s="201"/>
      <c r="DF261" s="201"/>
      <c r="DG261" s="201"/>
      <c r="DH261" s="201"/>
      <c r="DI261" s="201"/>
      <c r="DJ261" s="201"/>
      <c r="DK261" s="201"/>
      <c r="DL261" s="201"/>
      <c r="DM261" s="201"/>
      <c r="DN261" s="201"/>
      <c r="DO261" s="201"/>
      <c r="DP261" s="201"/>
      <c r="DQ261" s="201"/>
      <c r="DR261" s="201"/>
      <c r="DS261" s="201"/>
      <c r="DT261" s="201"/>
      <c r="DU261" s="201"/>
      <c r="DV261" s="201"/>
      <c r="DW261" s="201"/>
      <c r="DX261" s="201"/>
      <c r="DY261" s="201"/>
      <c r="DZ261" s="201"/>
      <c r="EA261" s="201"/>
      <c r="EB261" s="201"/>
      <c r="EC261" s="201"/>
      <c r="ED261" s="201"/>
      <c r="EE261" s="201"/>
      <c r="EF261" s="201"/>
      <c r="EG261" s="201"/>
      <c r="EH261" s="201"/>
      <c r="EI261" s="201"/>
      <c r="EJ261" s="201"/>
      <c r="EK261" s="201"/>
      <c r="EL261" s="201"/>
      <c r="EM261" s="201"/>
      <c r="EN261" s="201"/>
      <c r="EO261" s="201"/>
      <c r="EP261" s="201"/>
      <c r="EQ261" s="201"/>
      <c r="ER261" s="201"/>
      <c r="ES261" s="201"/>
      <c r="ET261" s="201"/>
      <c r="EU261" s="201"/>
      <c r="EV261" s="201"/>
      <c r="EW261" s="201"/>
      <c r="EX261" s="201"/>
      <c r="EY261" s="201"/>
      <c r="EZ261" s="201"/>
      <c r="FA261" s="201"/>
      <c r="FB261" s="201"/>
      <c r="FC261" s="201"/>
      <c r="FD261" s="201"/>
      <c r="FE261" s="201"/>
      <c r="FF261" s="201"/>
      <c r="FG261" s="201"/>
      <c r="FH261" s="201"/>
      <c r="FI261" s="201"/>
      <c r="FJ261" s="201"/>
      <c r="FK261" s="201"/>
      <c r="FL261" s="201"/>
      <c r="FM261" s="201"/>
      <c r="FN261" s="201"/>
      <c r="FO261" s="201"/>
      <c r="FP261" s="201"/>
      <c r="FQ261" s="201"/>
      <c r="FR261" s="201"/>
      <c r="FS261" s="201"/>
      <c r="FT261" s="201"/>
      <c r="FU261" s="201"/>
      <c r="FV261" s="201"/>
      <c r="FW261" s="201"/>
      <c r="FX261" s="201"/>
      <c r="FY261" s="201"/>
      <c r="FZ261" s="201"/>
      <c r="GA261" s="201"/>
      <c r="GB261" s="201"/>
      <c r="GC261" s="201"/>
      <c r="GD261" s="201"/>
      <c r="GE261" s="201"/>
      <c r="GF261" s="201"/>
      <c r="GG261" s="201"/>
      <c r="GH261" s="201"/>
      <c r="GI261" s="201"/>
      <c r="GJ261" s="201"/>
      <c r="GK261" s="201"/>
      <c r="GL261" s="201"/>
      <c r="GM261" s="201"/>
      <c r="GN261" s="201"/>
      <c r="GO261" s="201"/>
      <c r="GP261" s="201"/>
      <c r="GQ261" s="201"/>
      <c r="GR261" s="201"/>
      <c r="GS261" s="201"/>
      <c r="GT261" s="201"/>
      <c r="GU261" s="201"/>
      <c r="GV261" s="201"/>
      <c r="GW261" s="201"/>
      <c r="GX261" s="201"/>
      <c r="GY261" s="201"/>
      <c r="GZ261" s="201"/>
      <c r="HA261" s="201"/>
      <c r="HB261" s="201"/>
      <c r="HC261" s="201"/>
      <c r="HD261" s="201"/>
      <c r="HE261" s="201"/>
      <c r="HF261" s="201"/>
      <c r="HG261" s="201"/>
      <c r="HH261" s="201"/>
      <c r="HI261" s="201"/>
      <c r="HJ261" s="201"/>
      <c r="HK261" s="201"/>
      <c r="HL261" s="201"/>
      <c r="HM261" s="201"/>
      <c r="HN261" s="201"/>
      <c r="HO261" s="201"/>
      <c r="HP261" s="201"/>
      <c r="HQ261" s="201"/>
      <c r="HR261" s="201"/>
      <c r="HS261" s="201"/>
      <c r="HT261" s="201"/>
      <c r="HU261" s="201"/>
      <c r="HV261" s="201"/>
      <c r="HW261" s="201"/>
      <c r="HX261" s="201"/>
      <c r="HY261" s="201"/>
      <c r="HZ261" s="201"/>
      <c r="IA261" s="201"/>
      <c r="IB261" s="201"/>
      <c r="IC261" s="201"/>
      <c r="ID261" s="201"/>
      <c r="IE261" s="201"/>
      <c r="IF261" s="201"/>
      <c r="IG261" s="201"/>
      <c r="IH261" s="201"/>
      <c r="II261" s="201"/>
      <c r="IJ261" s="201"/>
      <c r="IK261" s="201"/>
      <c r="IL261" s="201"/>
      <c r="IM261" s="201"/>
      <c r="IN261" s="201"/>
      <c r="IO261" s="201"/>
      <c r="IP261" s="201"/>
      <c r="IQ261" s="201"/>
      <c r="IR261" s="201"/>
      <c r="IS261" s="201"/>
      <c r="IT261" s="201"/>
      <c r="IU261" s="201"/>
      <c r="IV261" s="201"/>
    </row>
    <row r="262" spans="1:256" s="570" customFormat="1" ht="69.599999999999994" customHeight="1" x14ac:dyDescent="0.2">
      <c r="A262" s="905" t="s">
        <v>319</v>
      </c>
      <c r="B262" s="906"/>
      <c r="C262" s="906"/>
      <c r="D262" s="906"/>
      <c r="E262" s="906"/>
      <c r="F262" s="906"/>
      <c r="G262" s="906"/>
      <c r="H262" s="906"/>
      <c r="I262" s="906"/>
      <c r="J262" s="906"/>
      <c r="K262" s="906"/>
      <c r="L262" s="906"/>
      <c r="M262" s="906"/>
      <c r="N262" s="906"/>
      <c r="O262" s="906"/>
      <c r="P262" s="906"/>
      <c r="Q262" s="907"/>
      <c r="R262" s="561"/>
      <c r="S262" s="595"/>
      <c r="T262" s="600"/>
      <c r="U262" s="600"/>
      <c r="V262" s="600"/>
      <c r="W262" s="600"/>
      <c r="X262" s="600"/>
      <c r="Y262" s="600"/>
      <c r="Z262" s="600"/>
      <c r="AA262" s="600"/>
      <c r="AB262" s="600"/>
      <c r="AC262" s="600"/>
      <c r="AD262" s="600"/>
      <c r="AE262" s="600"/>
      <c r="AF262" s="600"/>
      <c r="AG262" s="600"/>
      <c r="AH262" s="600"/>
      <c r="AI262" s="600"/>
      <c r="AJ262" s="600"/>
      <c r="AK262" s="600"/>
      <c r="AL262" s="600"/>
      <c r="AM262" s="600"/>
      <c r="AN262" s="600"/>
      <c r="AO262" s="600"/>
      <c r="AP262" s="600"/>
      <c r="AQ262" s="600"/>
      <c r="AR262" s="600"/>
      <c r="AS262" s="600"/>
      <c r="AT262" s="600"/>
      <c r="AU262" s="600"/>
      <c r="AV262" s="600"/>
      <c r="AW262" s="600"/>
      <c r="AX262" s="600"/>
      <c r="AY262" s="600"/>
      <c r="AZ262" s="600"/>
      <c r="BA262" s="600"/>
      <c r="BB262" s="600"/>
    </row>
    <row r="263" spans="1:256" s="570" customFormat="1" ht="69.599999999999994" customHeight="1" thickBot="1" x14ac:dyDescent="0.25">
      <c r="A263" s="882" t="s">
        <v>145</v>
      </c>
      <c r="B263" s="883"/>
      <c r="C263" s="883"/>
      <c r="D263" s="883"/>
      <c r="E263" s="883"/>
      <c r="F263" s="883"/>
      <c r="G263" s="883"/>
      <c r="H263" s="883"/>
      <c r="I263" s="883"/>
      <c r="J263" s="883"/>
      <c r="K263" s="883"/>
      <c r="L263" s="883"/>
      <c r="M263" s="883"/>
      <c r="N263" s="883"/>
      <c r="O263" s="883"/>
      <c r="P263" s="883"/>
      <c r="Q263" s="884"/>
      <c r="R263" s="561"/>
      <c r="S263" s="595"/>
      <c r="T263" s="600"/>
      <c r="U263" s="600"/>
      <c r="V263" s="600"/>
      <c r="W263" s="600"/>
      <c r="X263" s="600"/>
      <c r="Y263" s="600"/>
      <c r="Z263" s="600"/>
      <c r="AA263" s="600"/>
      <c r="AB263" s="600"/>
      <c r="AC263" s="600"/>
      <c r="AD263" s="600"/>
      <c r="AE263" s="600"/>
      <c r="AF263" s="600"/>
      <c r="AG263" s="600"/>
      <c r="AH263" s="600"/>
      <c r="AI263" s="600"/>
      <c r="AJ263" s="600"/>
      <c r="AK263" s="600"/>
      <c r="AL263" s="600"/>
      <c r="AM263" s="600"/>
      <c r="AN263" s="600"/>
      <c r="AO263" s="600"/>
      <c r="AP263" s="600"/>
      <c r="AQ263" s="600"/>
      <c r="AR263" s="600"/>
      <c r="AS263" s="600"/>
      <c r="AT263" s="600"/>
      <c r="AU263" s="600"/>
      <c r="AV263" s="600"/>
      <c r="AW263" s="600"/>
      <c r="AX263" s="600"/>
      <c r="AY263" s="600"/>
      <c r="AZ263" s="600"/>
      <c r="BA263" s="600"/>
      <c r="BB263" s="600"/>
    </row>
    <row r="264" spans="1:256" s="806" customFormat="1" ht="139.94999999999999" customHeight="1" thickTop="1" thickBot="1" x14ac:dyDescent="0.25">
      <c r="A264" s="669" t="s">
        <v>320</v>
      </c>
      <c r="B264" s="679"/>
      <c r="C264" s="679"/>
      <c r="D264" s="679"/>
      <c r="E264" s="679"/>
      <c r="F264" s="679"/>
      <c r="G264" s="679"/>
      <c r="H264" s="679"/>
      <c r="I264" s="679"/>
      <c r="J264" s="679"/>
      <c r="K264" s="679"/>
      <c r="L264" s="196"/>
      <c r="M264" s="679"/>
      <c r="N264" s="679"/>
      <c r="O264" s="876" t="s">
        <v>20</v>
      </c>
      <c r="P264" s="876" t="s">
        <v>21</v>
      </c>
      <c r="Q264" s="877" t="s">
        <v>22</v>
      </c>
      <c r="R264" s="805"/>
      <c r="S264" s="569"/>
      <c r="T264" s="804"/>
      <c r="U264" s="804"/>
      <c r="V264" s="600"/>
      <c r="W264" s="600"/>
      <c r="X264" s="600"/>
      <c r="Y264" s="600"/>
      <c r="Z264" s="600"/>
      <c r="AA264" s="600"/>
      <c r="AB264" s="600"/>
      <c r="AC264" s="600"/>
      <c r="AD264" s="600"/>
      <c r="AE264" s="600"/>
      <c r="AF264" s="600"/>
      <c r="AG264" s="600"/>
      <c r="AH264" s="600"/>
      <c r="AI264" s="600"/>
      <c r="AJ264" s="600"/>
      <c r="AK264" s="600"/>
      <c r="AL264" s="804"/>
      <c r="AM264" s="804"/>
      <c r="AN264" s="804"/>
      <c r="AO264" s="804"/>
      <c r="AP264" s="804"/>
      <c r="AQ264" s="804"/>
      <c r="AR264" s="804"/>
      <c r="AS264" s="804"/>
      <c r="AT264" s="804"/>
      <c r="AU264" s="804"/>
      <c r="AV264" s="804"/>
      <c r="AW264" s="804"/>
      <c r="AX264" s="804"/>
      <c r="AY264" s="804"/>
      <c r="AZ264" s="804"/>
      <c r="BA264" s="804"/>
      <c r="BB264" s="804"/>
    </row>
    <row r="265" spans="1:256" s="546" customFormat="1" ht="69.900000000000006" customHeight="1" thickTop="1" x14ac:dyDescent="0.2">
      <c r="A265" s="70" t="s">
        <v>28</v>
      </c>
      <c r="B265" s="72"/>
      <c r="C265" s="72"/>
      <c r="D265" s="72"/>
      <c r="E265" s="72"/>
      <c r="F265" s="72"/>
      <c r="G265" s="72"/>
      <c r="H265" s="72"/>
      <c r="I265" s="72"/>
      <c r="J265" s="72"/>
      <c r="K265" s="72"/>
      <c r="L265" s="72"/>
      <c r="M265" s="72"/>
      <c r="N265" s="72"/>
      <c r="O265" s="72"/>
      <c r="P265" s="72"/>
      <c r="Q265" s="202"/>
      <c r="R265" s="561"/>
      <c r="S265" s="199"/>
    </row>
    <row r="266" spans="1:256" s="570" customFormat="1" ht="75" customHeight="1" x14ac:dyDescent="0.2">
      <c r="A266" s="575"/>
      <c r="B266" s="576"/>
      <c r="C266" s="576"/>
      <c r="D266" s="576"/>
      <c r="E266" s="576"/>
      <c r="F266" s="576"/>
      <c r="G266" s="576"/>
      <c r="H266" s="576"/>
      <c r="I266" s="576"/>
      <c r="J266" s="576"/>
      <c r="K266" s="576"/>
      <c r="L266" s="577"/>
      <c r="M266" s="576"/>
      <c r="N266" s="576"/>
      <c r="O266" s="576"/>
      <c r="P266" s="576"/>
      <c r="Q266" s="578"/>
      <c r="R266" s="561"/>
      <c r="S266" s="579"/>
    </row>
    <row r="267" spans="1:256" s="570" customFormat="1" ht="75" customHeight="1" thickBot="1" x14ac:dyDescent="0.25">
      <c r="A267" s="580"/>
      <c r="B267" s="581"/>
      <c r="C267" s="581"/>
      <c r="D267" s="581"/>
      <c r="E267" s="581"/>
      <c r="F267" s="581"/>
      <c r="G267" s="581"/>
      <c r="H267" s="581"/>
      <c r="I267" s="581"/>
      <c r="J267" s="581"/>
      <c r="K267" s="581"/>
      <c r="L267" s="582"/>
      <c r="M267" s="581"/>
      <c r="N267" s="581"/>
      <c r="O267" s="581"/>
      <c r="P267" s="581"/>
      <c r="Q267" s="583"/>
      <c r="R267" s="561"/>
      <c r="S267" s="579"/>
    </row>
    <row r="268" spans="1:256" s="546" customFormat="1" ht="69.900000000000006" customHeight="1" thickBot="1" x14ac:dyDescent="0.25">
      <c r="A268" s="584" t="s">
        <v>321</v>
      </c>
      <c r="B268" s="593"/>
      <c r="C268" s="593"/>
      <c r="D268" s="593"/>
      <c r="E268" s="593"/>
      <c r="F268" s="593"/>
      <c r="G268" s="593"/>
      <c r="H268" s="593"/>
      <c r="I268" s="593"/>
      <c r="J268" s="593"/>
      <c r="K268" s="593"/>
      <c r="L268" s="586"/>
      <c r="M268" s="593"/>
      <c r="N268" s="593"/>
      <c r="O268" s="593"/>
      <c r="P268" s="593"/>
      <c r="Q268" s="594"/>
      <c r="R268" s="561"/>
      <c r="S268" s="595"/>
      <c r="T268" s="596"/>
      <c r="U268" s="596"/>
      <c r="V268" s="600"/>
      <c r="W268" s="600"/>
      <c r="X268" s="600"/>
      <c r="Y268" s="600"/>
      <c r="Z268" s="600"/>
      <c r="AA268" s="600"/>
      <c r="AB268" s="600"/>
      <c r="AC268" s="600"/>
      <c r="AD268" s="600"/>
      <c r="AE268" s="600"/>
      <c r="AF268" s="600"/>
      <c r="AG268" s="600"/>
      <c r="AH268" s="600"/>
      <c r="AI268" s="600"/>
      <c r="AJ268" s="600"/>
      <c r="AK268" s="600"/>
      <c r="AL268" s="596"/>
      <c r="AM268" s="596"/>
      <c r="AN268" s="596"/>
      <c r="AO268" s="596"/>
      <c r="AP268" s="596"/>
      <c r="AQ268" s="596"/>
      <c r="AR268" s="596"/>
      <c r="AS268" s="596"/>
      <c r="AT268" s="596"/>
      <c r="AU268" s="596"/>
      <c r="AV268" s="596"/>
      <c r="AW268" s="596"/>
      <c r="AX268" s="596"/>
      <c r="AY268" s="596"/>
      <c r="AZ268" s="596"/>
      <c r="BA268" s="596"/>
      <c r="BB268" s="596"/>
    </row>
    <row r="269" spans="1:256" s="570" customFormat="1" ht="140.1" customHeight="1" thickTop="1" thickBot="1" x14ac:dyDescent="0.25">
      <c r="A269" s="588" t="s">
        <v>322</v>
      </c>
      <c r="B269" s="443"/>
      <c r="C269" s="443"/>
      <c r="D269" s="443"/>
      <c r="E269" s="443"/>
      <c r="F269" s="443"/>
      <c r="G269" s="443"/>
      <c r="H269" s="443"/>
      <c r="I269" s="443"/>
      <c r="J269" s="443"/>
      <c r="K269" s="443"/>
      <c r="L269" s="443"/>
      <c r="M269" s="443"/>
      <c r="N269" s="908"/>
      <c r="O269" s="876" t="s">
        <v>20</v>
      </c>
      <c r="P269" s="876" t="s">
        <v>21</v>
      </c>
      <c r="Q269" s="877" t="s">
        <v>22</v>
      </c>
      <c r="R269" s="561"/>
      <c r="S269" s="569"/>
      <c r="T269" s="600"/>
      <c r="U269" s="600"/>
      <c r="V269" s="596"/>
      <c r="W269" s="596"/>
      <c r="X269" s="596"/>
      <c r="Y269" s="596"/>
      <c r="Z269" s="596"/>
      <c r="AA269" s="596"/>
      <c r="AB269" s="596"/>
      <c r="AC269" s="596"/>
      <c r="AD269" s="596"/>
      <c r="AE269" s="596"/>
      <c r="AF269" s="596"/>
      <c r="AG269" s="596"/>
      <c r="AH269" s="596"/>
      <c r="AI269" s="596"/>
      <c r="AJ269" s="596"/>
      <c r="AK269" s="596"/>
      <c r="AL269" s="600"/>
      <c r="AM269" s="600"/>
      <c r="AN269" s="600"/>
      <c r="AO269" s="600"/>
      <c r="AP269" s="600"/>
      <c r="AQ269" s="600"/>
      <c r="AR269" s="600"/>
      <c r="AS269" s="600"/>
      <c r="AT269" s="600"/>
      <c r="AU269" s="600"/>
      <c r="AV269" s="600"/>
      <c r="AW269" s="600"/>
      <c r="AX269" s="600"/>
      <c r="AY269" s="600"/>
      <c r="AZ269" s="600"/>
      <c r="BA269" s="600"/>
      <c r="BB269" s="600"/>
    </row>
    <row r="270" spans="1:256" s="570" customFormat="1" ht="202.2" customHeight="1" thickTop="1" thickBot="1" x14ac:dyDescent="0.25">
      <c r="A270" s="604" t="s">
        <v>323</v>
      </c>
      <c r="B270" s="677"/>
      <c r="C270" s="677"/>
      <c r="D270" s="677"/>
      <c r="E270" s="677"/>
      <c r="F270" s="677"/>
      <c r="G270" s="677"/>
      <c r="H270" s="677"/>
      <c r="I270" s="677"/>
      <c r="J270" s="677"/>
      <c r="K270" s="677"/>
      <c r="L270" s="184"/>
      <c r="M270" s="909"/>
      <c r="N270" s="574" t="s">
        <v>27</v>
      </c>
      <c r="O270" s="876" t="s">
        <v>20</v>
      </c>
      <c r="P270" s="876" t="s">
        <v>21</v>
      </c>
      <c r="Q270" s="877" t="s">
        <v>22</v>
      </c>
      <c r="R270" s="561"/>
      <c r="S270" s="569"/>
      <c r="T270" s="600"/>
      <c r="U270" s="600"/>
      <c r="V270" s="600"/>
      <c r="W270" s="600"/>
      <c r="X270" s="600"/>
      <c r="Y270" s="600"/>
      <c r="Z270" s="600"/>
      <c r="AA270" s="600"/>
      <c r="AB270" s="600"/>
      <c r="AC270" s="600"/>
      <c r="AD270" s="600"/>
      <c r="AE270" s="600"/>
      <c r="AF270" s="600"/>
      <c r="AG270" s="600"/>
      <c r="AH270" s="600"/>
      <c r="AI270" s="600"/>
      <c r="AJ270" s="600"/>
      <c r="AK270" s="600"/>
      <c r="AL270" s="600"/>
      <c r="AM270" s="600"/>
      <c r="AN270" s="600"/>
      <c r="AO270" s="600"/>
      <c r="AP270" s="600"/>
      <c r="AQ270" s="600"/>
      <c r="AR270" s="600"/>
      <c r="AS270" s="600"/>
      <c r="AT270" s="600"/>
      <c r="AU270" s="600"/>
      <c r="AV270" s="600"/>
      <c r="AW270" s="600"/>
      <c r="AX270" s="600"/>
      <c r="AY270" s="600"/>
      <c r="AZ270" s="600"/>
      <c r="BA270" s="600"/>
      <c r="BB270" s="600"/>
    </row>
    <row r="271" spans="1:256" s="546" customFormat="1" ht="69.900000000000006" customHeight="1" thickTop="1" x14ac:dyDescent="0.2">
      <c r="A271" s="70" t="s">
        <v>28</v>
      </c>
      <c r="B271" s="72"/>
      <c r="C271" s="72"/>
      <c r="D271" s="72"/>
      <c r="E271" s="72"/>
      <c r="F271" s="72"/>
      <c r="G271" s="72"/>
      <c r="H271" s="72"/>
      <c r="I271" s="72"/>
      <c r="J271" s="72"/>
      <c r="K271" s="72"/>
      <c r="L271" s="72"/>
      <c r="M271" s="72"/>
      <c r="N271" s="72"/>
      <c r="O271" s="72"/>
      <c r="P271" s="72"/>
      <c r="Q271" s="202"/>
      <c r="R271" s="561"/>
      <c r="S271" s="199"/>
    </row>
    <row r="272" spans="1:256" s="570" customFormat="1" ht="75" customHeight="1" x14ac:dyDescent="0.2">
      <c r="A272" s="575"/>
      <c r="B272" s="576"/>
      <c r="C272" s="576"/>
      <c r="D272" s="576"/>
      <c r="E272" s="576"/>
      <c r="F272" s="576"/>
      <c r="G272" s="576"/>
      <c r="H272" s="576"/>
      <c r="I272" s="576"/>
      <c r="J272" s="576"/>
      <c r="K272" s="576"/>
      <c r="L272" s="577"/>
      <c r="M272" s="576"/>
      <c r="N272" s="576"/>
      <c r="O272" s="576"/>
      <c r="P272" s="576"/>
      <c r="Q272" s="578"/>
      <c r="R272" s="561"/>
      <c r="S272" s="579"/>
    </row>
    <row r="273" spans="1:256" s="570" customFormat="1" ht="75" customHeight="1" thickBot="1" x14ac:dyDescent="0.25">
      <c r="A273" s="606"/>
      <c r="B273" s="607"/>
      <c r="C273" s="607"/>
      <c r="D273" s="607"/>
      <c r="E273" s="607"/>
      <c r="F273" s="607"/>
      <c r="G273" s="607"/>
      <c r="H273" s="607"/>
      <c r="I273" s="607"/>
      <c r="J273" s="607"/>
      <c r="K273" s="607"/>
      <c r="L273" s="608"/>
      <c r="M273" s="607"/>
      <c r="N273" s="607"/>
      <c r="O273" s="607"/>
      <c r="P273" s="607"/>
      <c r="Q273" s="609"/>
      <c r="R273" s="561"/>
      <c r="S273" s="579"/>
    </row>
    <row r="274" spans="1:256" s="546" customFormat="1" ht="69.900000000000006" customHeight="1" thickBot="1" x14ac:dyDescent="0.25">
      <c r="A274" s="584" t="s">
        <v>324</v>
      </c>
      <c r="B274" s="593"/>
      <c r="C274" s="593"/>
      <c r="D274" s="593"/>
      <c r="E274" s="593"/>
      <c r="F274" s="593"/>
      <c r="G274" s="593"/>
      <c r="H274" s="593"/>
      <c r="I274" s="593"/>
      <c r="J274" s="593"/>
      <c r="K274" s="593"/>
      <c r="L274" s="586"/>
      <c r="M274" s="593"/>
      <c r="N274" s="593"/>
      <c r="O274" s="593"/>
      <c r="P274" s="593"/>
      <c r="Q274" s="594"/>
      <c r="R274" s="561"/>
      <c r="S274" s="555"/>
      <c r="T274" s="596"/>
      <c r="U274" s="596"/>
      <c r="V274" s="600"/>
      <c r="W274" s="600"/>
      <c r="X274" s="600"/>
      <c r="Y274" s="600"/>
      <c r="Z274" s="600"/>
      <c r="AA274" s="600"/>
      <c r="AB274" s="600"/>
      <c r="AC274" s="600"/>
      <c r="AD274" s="600"/>
      <c r="AE274" s="600"/>
      <c r="AF274" s="600"/>
      <c r="AG274" s="600"/>
      <c r="AH274" s="600"/>
      <c r="AI274" s="600"/>
      <c r="AJ274" s="600"/>
      <c r="AK274" s="600"/>
      <c r="AL274" s="596"/>
      <c r="AM274" s="596"/>
      <c r="AN274" s="596"/>
      <c r="AO274" s="596"/>
      <c r="AP274" s="596"/>
      <c r="AQ274" s="596"/>
      <c r="AR274" s="596"/>
      <c r="AS274" s="596"/>
      <c r="AT274" s="596"/>
      <c r="AU274" s="596"/>
      <c r="AV274" s="596"/>
      <c r="AW274" s="596"/>
      <c r="AX274" s="596"/>
      <c r="AY274" s="596"/>
      <c r="AZ274" s="596"/>
      <c r="BA274" s="596"/>
      <c r="BB274" s="596"/>
    </row>
    <row r="275" spans="1:256" s="570" customFormat="1" ht="241.95" customHeight="1" thickTop="1" thickBot="1" x14ac:dyDescent="0.25">
      <c r="A275" s="604" t="s">
        <v>325</v>
      </c>
      <c r="B275" s="677"/>
      <c r="C275" s="677"/>
      <c r="D275" s="677"/>
      <c r="E275" s="677"/>
      <c r="F275" s="677"/>
      <c r="G275" s="677"/>
      <c r="H275" s="677"/>
      <c r="I275" s="677"/>
      <c r="J275" s="677"/>
      <c r="K275" s="677"/>
      <c r="L275" s="184"/>
      <c r="M275" s="909"/>
      <c r="N275" s="574" t="s">
        <v>27</v>
      </c>
      <c r="O275" s="876" t="s">
        <v>20</v>
      </c>
      <c r="P275" s="876" t="s">
        <v>21</v>
      </c>
      <c r="Q275" s="877" t="s">
        <v>22</v>
      </c>
      <c r="R275" s="561"/>
      <c r="S275" s="569"/>
      <c r="T275" s="600"/>
      <c r="U275" s="600"/>
      <c r="V275" s="596"/>
      <c r="W275" s="596"/>
      <c r="X275" s="596"/>
      <c r="Y275" s="596"/>
      <c r="Z275" s="596"/>
      <c r="AA275" s="596"/>
      <c r="AB275" s="596"/>
      <c r="AC275" s="596"/>
      <c r="AD275" s="596"/>
      <c r="AE275" s="596"/>
      <c r="AF275" s="596"/>
      <c r="AG275" s="596"/>
      <c r="AH275" s="596"/>
      <c r="AI275" s="596"/>
      <c r="AJ275" s="596"/>
      <c r="AK275" s="596"/>
      <c r="AL275" s="600"/>
      <c r="AM275" s="600"/>
      <c r="AN275" s="600"/>
      <c r="AO275" s="600"/>
      <c r="AP275" s="600"/>
      <c r="AQ275" s="600"/>
      <c r="AR275" s="600"/>
      <c r="AS275" s="600"/>
      <c r="AT275" s="600"/>
      <c r="AU275" s="600"/>
      <c r="AV275" s="600"/>
      <c r="AW275" s="600"/>
      <c r="AX275" s="600"/>
      <c r="AY275" s="600"/>
      <c r="AZ275" s="600"/>
      <c r="BA275" s="600"/>
      <c r="BB275" s="600"/>
    </row>
    <row r="276" spans="1:256" s="546" customFormat="1" ht="69.599999999999994" customHeight="1" thickTop="1" x14ac:dyDescent="0.2">
      <c r="A276" s="692" t="s">
        <v>178</v>
      </c>
      <c r="B276" s="694"/>
      <c r="C276" s="694"/>
      <c r="D276" s="694"/>
      <c r="E276" s="694"/>
      <c r="F276" s="694"/>
      <c r="G276" s="694"/>
      <c r="H276" s="694"/>
      <c r="I276" s="694"/>
      <c r="J276" s="694"/>
      <c r="K276" s="694"/>
      <c r="L276" s="694"/>
      <c r="M276" s="694"/>
      <c r="N276" s="694"/>
      <c r="O276" s="694"/>
      <c r="P276" s="694"/>
      <c r="Q276" s="791"/>
      <c r="R276" s="561"/>
      <c r="S276" s="199"/>
    </row>
    <row r="277" spans="1:256" s="546" customFormat="1" ht="69.599999999999994" customHeight="1" x14ac:dyDescent="0.2">
      <c r="A277" s="696" t="s">
        <v>74</v>
      </c>
      <c r="B277" s="697"/>
      <c r="C277" s="697"/>
      <c r="D277" s="697"/>
      <c r="E277" s="697"/>
      <c r="F277" s="697"/>
      <c r="G277" s="697"/>
      <c r="H277" s="697"/>
      <c r="I277" s="697"/>
      <c r="J277" s="697"/>
      <c r="K277" s="697"/>
      <c r="L277" s="697"/>
      <c r="M277" s="697"/>
      <c r="N277" s="697"/>
      <c r="O277" s="697"/>
      <c r="P277" s="697"/>
      <c r="Q277" s="698"/>
      <c r="R277" s="187"/>
      <c r="S277" s="199"/>
      <c r="T277" s="201"/>
      <c r="U277" s="201"/>
      <c r="V277" s="201"/>
      <c r="W277" s="201"/>
      <c r="X277" s="201"/>
      <c r="Y277" s="201"/>
      <c r="Z277" s="201"/>
      <c r="AA277" s="201"/>
      <c r="AB277" s="201"/>
      <c r="AC277" s="201"/>
      <c r="AD277" s="201"/>
      <c r="AE277" s="201"/>
      <c r="AF277" s="201"/>
      <c r="AG277" s="201"/>
      <c r="AH277" s="201"/>
      <c r="AI277" s="201"/>
      <c r="AJ277" s="201"/>
      <c r="AK277" s="201"/>
      <c r="AL277" s="201"/>
      <c r="AM277" s="201"/>
      <c r="AN277" s="201"/>
      <c r="AO277" s="201"/>
      <c r="AP277" s="201"/>
      <c r="AQ277" s="201"/>
      <c r="AR277" s="201"/>
      <c r="AS277" s="201"/>
      <c r="AT277" s="201"/>
      <c r="AU277" s="201"/>
      <c r="AV277" s="201"/>
      <c r="AW277" s="201"/>
      <c r="AX277" s="201"/>
      <c r="AY277" s="201"/>
      <c r="AZ277" s="201"/>
      <c r="BA277" s="201"/>
      <c r="BB277" s="201"/>
      <c r="BC277" s="201"/>
      <c r="BD277" s="201"/>
      <c r="BE277" s="201"/>
      <c r="BF277" s="201"/>
      <c r="BG277" s="201"/>
      <c r="BH277" s="201"/>
      <c r="BI277" s="201"/>
      <c r="BJ277" s="201"/>
      <c r="BK277" s="201"/>
      <c r="BL277" s="201"/>
      <c r="BM277" s="201"/>
      <c r="BN277" s="201"/>
      <c r="BO277" s="201"/>
      <c r="BP277" s="201"/>
      <c r="BQ277" s="201"/>
      <c r="BR277" s="201"/>
      <c r="BS277" s="201"/>
      <c r="BT277" s="201"/>
      <c r="BU277" s="201"/>
      <c r="BV277" s="201"/>
      <c r="BW277" s="201"/>
      <c r="BX277" s="201"/>
      <c r="BY277" s="201"/>
      <c r="BZ277" s="201"/>
      <c r="CA277" s="201"/>
      <c r="CB277" s="201"/>
      <c r="CC277" s="201"/>
      <c r="CD277" s="201"/>
      <c r="CE277" s="201"/>
      <c r="CF277" s="201"/>
      <c r="CG277" s="201"/>
      <c r="CH277" s="201"/>
      <c r="CI277" s="201"/>
      <c r="CJ277" s="201"/>
      <c r="CK277" s="201"/>
      <c r="CL277" s="201"/>
      <c r="CM277" s="201"/>
      <c r="CN277" s="201"/>
      <c r="CO277" s="201"/>
      <c r="CP277" s="201"/>
      <c r="CQ277" s="201"/>
      <c r="CR277" s="201"/>
      <c r="CS277" s="201"/>
      <c r="CT277" s="201"/>
      <c r="CU277" s="201"/>
      <c r="CV277" s="201"/>
      <c r="CW277" s="201"/>
      <c r="CX277" s="201"/>
      <c r="CY277" s="201"/>
      <c r="CZ277" s="201"/>
      <c r="DA277" s="201"/>
      <c r="DB277" s="201"/>
      <c r="DC277" s="201"/>
      <c r="DD277" s="201"/>
      <c r="DE277" s="201"/>
      <c r="DF277" s="201"/>
      <c r="DG277" s="201"/>
      <c r="DH277" s="201"/>
      <c r="DI277" s="201"/>
      <c r="DJ277" s="201"/>
      <c r="DK277" s="201"/>
      <c r="DL277" s="201"/>
      <c r="DM277" s="201"/>
      <c r="DN277" s="201"/>
      <c r="DO277" s="201"/>
      <c r="DP277" s="201"/>
      <c r="DQ277" s="201"/>
      <c r="DR277" s="201"/>
      <c r="DS277" s="201"/>
      <c r="DT277" s="201"/>
      <c r="DU277" s="201"/>
      <c r="DV277" s="201"/>
      <c r="DW277" s="201"/>
      <c r="DX277" s="201"/>
      <c r="DY277" s="201"/>
      <c r="DZ277" s="201"/>
      <c r="EA277" s="201"/>
      <c r="EB277" s="201"/>
      <c r="EC277" s="201"/>
      <c r="ED277" s="201"/>
      <c r="EE277" s="201"/>
      <c r="EF277" s="201"/>
      <c r="EG277" s="201"/>
      <c r="EH277" s="201"/>
      <c r="EI277" s="201"/>
      <c r="EJ277" s="201"/>
      <c r="EK277" s="201"/>
      <c r="EL277" s="201"/>
      <c r="EM277" s="201"/>
      <c r="EN277" s="201"/>
      <c r="EO277" s="201"/>
      <c r="EP277" s="201"/>
      <c r="EQ277" s="201"/>
      <c r="ER277" s="201"/>
      <c r="ES277" s="201"/>
      <c r="ET277" s="201"/>
      <c r="EU277" s="201"/>
      <c r="EV277" s="201"/>
      <c r="EW277" s="201"/>
      <c r="EX277" s="201"/>
      <c r="EY277" s="201"/>
      <c r="EZ277" s="201"/>
      <c r="FA277" s="201"/>
      <c r="FB277" s="201"/>
      <c r="FC277" s="201"/>
      <c r="FD277" s="201"/>
      <c r="FE277" s="201"/>
      <c r="FF277" s="201"/>
      <c r="FG277" s="201"/>
      <c r="FH277" s="201"/>
      <c r="FI277" s="201"/>
      <c r="FJ277" s="201"/>
      <c r="FK277" s="201"/>
      <c r="FL277" s="201"/>
      <c r="FM277" s="201"/>
      <c r="FN277" s="201"/>
      <c r="FO277" s="201"/>
      <c r="FP277" s="201"/>
      <c r="FQ277" s="201"/>
      <c r="FR277" s="201"/>
      <c r="FS277" s="201"/>
      <c r="FT277" s="201"/>
      <c r="FU277" s="201"/>
      <c r="FV277" s="201"/>
      <c r="FW277" s="201"/>
      <c r="FX277" s="201"/>
      <c r="FY277" s="201"/>
      <c r="FZ277" s="201"/>
      <c r="GA277" s="201"/>
      <c r="GB277" s="201"/>
      <c r="GC277" s="201"/>
      <c r="GD277" s="201"/>
      <c r="GE277" s="201"/>
      <c r="GF277" s="201"/>
      <c r="GG277" s="201"/>
      <c r="GH277" s="201"/>
      <c r="GI277" s="201"/>
      <c r="GJ277" s="201"/>
      <c r="GK277" s="201"/>
      <c r="GL277" s="201"/>
      <c r="GM277" s="201"/>
      <c r="GN277" s="201"/>
      <c r="GO277" s="201"/>
      <c r="GP277" s="201"/>
      <c r="GQ277" s="201"/>
      <c r="GR277" s="201"/>
      <c r="GS277" s="201"/>
      <c r="GT277" s="201"/>
      <c r="GU277" s="201"/>
      <c r="GV277" s="201"/>
      <c r="GW277" s="201"/>
      <c r="GX277" s="201"/>
      <c r="GY277" s="201"/>
      <c r="GZ277" s="201"/>
      <c r="HA277" s="201"/>
      <c r="HB277" s="201"/>
      <c r="HC277" s="201"/>
      <c r="HD277" s="201"/>
      <c r="HE277" s="201"/>
      <c r="HF277" s="201"/>
      <c r="HG277" s="201"/>
      <c r="HH277" s="201"/>
      <c r="HI277" s="201"/>
      <c r="HJ277" s="201"/>
      <c r="HK277" s="201"/>
      <c r="HL277" s="201"/>
      <c r="HM277" s="201"/>
      <c r="HN277" s="201"/>
      <c r="HO277" s="201"/>
      <c r="HP277" s="201"/>
      <c r="HQ277" s="201"/>
      <c r="HR277" s="201"/>
      <c r="HS277" s="201"/>
      <c r="HT277" s="201"/>
      <c r="HU277" s="201"/>
      <c r="HV277" s="201"/>
      <c r="HW277" s="201"/>
      <c r="HX277" s="201"/>
      <c r="HY277" s="201"/>
      <c r="HZ277" s="201"/>
      <c r="IA277" s="201"/>
      <c r="IB277" s="201"/>
      <c r="IC277" s="201"/>
      <c r="ID277" s="201"/>
      <c r="IE277" s="201"/>
      <c r="IF277" s="201"/>
      <c r="IG277" s="201"/>
      <c r="IH277" s="201"/>
      <c r="II277" s="201"/>
      <c r="IJ277" s="201"/>
      <c r="IK277" s="201"/>
      <c r="IL277" s="201"/>
      <c r="IM277" s="201"/>
      <c r="IN277" s="201"/>
      <c r="IO277" s="201"/>
      <c r="IP277" s="201"/>
      <c r="IQ277" s="201"/>
      <c r="IR277" s="201"/>
      <c r="IS277" s="201"/>
      <c r="IT277" s="201"/>
      <c r="IU277" s="201"/>
      <c r="IV277" s="201"/>
    </row>
    <row r="278" spans="1:256" s="570" customFormat="1" ht="69.599999999999994" customHeight="1" x14ac:dyDescent="0.2">
      <c r="A278" s="905" t="s">
        <v>326</v>
      </c>
      <c r="B278" s="906"/>
      <c r="C278" s="906"/>
      <c r="D278" s="906"/>
      <c r="E278" s="906"/>
      <c r="F278" s="906"/>
      <c r="G278" s="906"/>
      <c r="H278" s="906"/>
      <c r="I278" s="906"/>
      <c r="J278" s="906"/>
      <c r="K278" s="906"/>
      <c r="L278" s="906"/>
      <c r="M278" s="906"/>
      <c r="N278" s="906"/>
      <c r="O278" s="906"/>
      <c r="P278" s="906"/>
      <c r="Q278" s="907"/>
      <c r="R278" s="561"/>
      <c r="S278" s="595"/>
      <c r="T278" s="600"/>
      <c r="U278" s="600"/>
      <c r="V278" s="600"/>
      <c r="W278" s="600"/>
      <c r="X278" s="600"/>
      <c r="Y278" s="600"/>
      <c r="Z278" s="600"/>
      <c r="AA278" s="600"/>
      <c r="AB278" s="600"/>
      <c r="AC278" s="600"/>
      <c r="AD278" s="600"/>
      <c r="AE278" s="600"/>
      <c r="AF278" s="600"/>
      <c r="AG278" s="600"/>
      <c r="AH278" s="600"/>
      <c r="AI278" s="600"/>
      <c r="AJ278" s="600"/>
      <c r="AK278" s="600"/>
      <c r="AL278" s="600"/>
      <c r="AM278" s="600"/>
      <c r="AN278" s="600"/>
      <c r="AO278" s="600"/>
      <c r="AP278" s="600"/>
      <c r="AQ278" s="600"/>
      <c r="AR278" s="600"/>
      <c r="AS278" s="600"/>
      <c r="AT278" s="600"/>
      <c r="AU278" s="600"/>
      <c r="AV278" s="600"/>
      <c r="AW278" s="600"/>
      <c r="AX278" s="600"/>
      <c r="AY278" s="600"/>
      <c r="AZ278" s="600"/>
      <c r="BA278" s="600"/>
      <c r="BB278" s="600"/>
    </row>
    <row r="279" spans="1:256" s="570" customFormat="1" ht="69.599999999999994" customHeight="1" thickBot="1" x14ac:dyDescent="0.25">
      <c r="A279" s="882" t="s">
        <v>145</v>
      </c>
      <c r="B279" s="883"/>
      <c r="C279" s="883"/>
      <c r="D279" s="883"/>
      <c r="E279" s="883"/>
      <c r="F279" s="883"/>
      <c r="G279" s="883"/>
      <c r="H279" s="883"/>
      <c r="I279" s="883"/>
      <c r="J279" s="883"/>
      <c r="K279" s="883"/>
      <c r="L279" s="883"/>
      <c r="M279" s="883"/>
      <c r="N279" s="883"/>
      <c r="O279" s="883"/>
      <c r="P279" s="883"/>
      <c r="Q279" s="884"/>
      <c r="R279" s="561"/>
      <c r="S279" s="595"/>
      <c r="T279" s="600"/>
      <c r="U279" s="600"/>
      <c r="V279" s="600"/>
      <c r="W279" s="600"/>
      <c r="X279" s="600"/>
      <c r="Y279" s="600"/>
      <c r="Z279" s="600"/>
      <c r="AA279" s="600"/>
      <c r="AB279" s="600"/>
      <c r="AC279" s="600"/>
      <c r="AD279" s="600"/>
      <c r="AE279" s="600"/>
      <c r="AF279" s="600"/>
      <c r="AG279" s="600"/>
      <c r="AH279" s="600"/>
      <c r="AI279" s="600"/>
      <c r="AJ279" s="600"/>
      <c r="AK279" s="600"/>
      <c r="AL279" s="600"/>
      <c r="AM279" s="600"/>
      <c r="AN279" s="600"/>
      <c r="AO279" s="600"/>
      <c r="AP279" s="600"/>
      <c r="AQ279" s="600"/>
      <c r="AR279" s="600"/>
      <c r="AS279" s="600"/>
      <c r="AT279" s="600"/>
      <c r="AU279" s="600"/>
      <c r="AV279" s="600"/>
      <c r="AW279" s="600"/>
      <c r="AX279" s="600"/>
      <c r="AY279" s="600"/>
      <c r="AZ279" s="600"/>
      <c r="BA279" s="600"/>
      <c r="BB279" s="600"/>
    </row>
    <row r="280" spans="1:256" s="570" customFormat="1" ht="139.94999999999999" customHeight="1" thickTop="1" thickBot="1" x14ac:dyDescent="0.25">
      <c r="A280" s="874" t="s">
        <v>327</v>
      </c>
      <c r="B280" s="660"/>
      <c r="C280" s="660"/>
      <c r="D280" s="660"/>
      <c r="E280" s="660"/>
      <c r="F280" s="660"/>
      <c r="G280" s="660"/>
      <c r="H280" s="660"/>
      <c r="I280" s="660"/>
      <c r="J280" s="660"/>
      <c r="K280" s="660"/>
      <c r="L280" s="245"/>
      <c r="M280" s="660"/>
      <c r="N280" s="875" t="s">
        <v>27</v>
      </c>
      <c r="O280" s="876" t="s">
        <v>20</v>
      </c>
      <c r="P280" s="876" t="s">
        <v>21</v>
      </c>
      <c r="Q280" s="877" t="s">
        <v>22</v>
      </c>
      <c r="R280" s="561"/>
      <c r="S280" s="569"/>
      <c r="T280" s="600"/>
      <c r="U280" s="600"/>
      <c r="V280" s="600"/>
      <c r="W280" s="600"/>
      <c r="X280" s="600"/>
      <c r="Y280" s="600"/>
      <c r="Z280" s="600"/>
      <c r="AA280" s="600"/>
      <c r="AB280" s="600"/>
      <c r="AC280" s="600"/>
      <c r="AD280" s="600"/>
      <c r="AE280" s="600"/>
      <c r="AF280" s="600"/>
      <c r="AG280" s="600"/>
      <c r="AH280" s="600"/>
      <c r="AI280" s="600"/>
      <c r="AJ280" s="600"/>
      <c r="AK280" s="600"/>
      <c r="AL280" s="600"/>
      <c r="AM280" s="600"/>
      <c r="AN280" s="600"/>
      <c r="AO280" s="600"/>
      <c r="AP280" s="600"/>
      <c r="AQ280" s="600"/>
      <c r="AR280" s="600"/>
      <c r="AS280" s="600"/>
      <c r="AT280" s="600"/>
      <c r="AU280" s="600"/>
      <c r="AV280" s="600"/>
      <c r="AW280" s="600"/>
      <c r="AX280" s="600"/>
      <c r="AY280" s="600"/>
      <c r="AZ280" s="600"/>
      <c r="BA280" s="600"/>
      <c r="BB280" s="600"/>
    </row>
    <row r="281" spans="1:256" s="546" customFormat="1" ht="69.900000000000006" customHeight="1" thickTop="1" x14ac:dyDescent="0.2">
      <c r="A281" s="70" t="s">
        <v>28</v>
      </c>
      <c r="B281" s="72"/>
      <c r="C281" s="72"/>
      <c r="D281" s="72"/>
      <c r="E281" s="72"/>
      <c r="F281" s="72"/>
      <c r="G281" s="72"/>
      <c r="H281" s="72"/>
      <c r="I281" s="72"/>
      <c r="J281" s="72"/>
      <c r="K281" s="72"/>
      <c r="L281" s="72"/>
      <c r="M281" s="72"/>
      <c r="N281" s="72"/>
      <c r="O281" s="72"/>
      <c r="P281" s="72"/>
      <c r="Q281" s="202"/>
      <c r="R281" s="561"/>
      <c r="S281" s="199"/>
    </row>
    <row r="282" spans="1:256" s="570" customFormat="1" ht="75" customHeight="1" x14ac:dyDescent="0.2">
      <c r="A282" s="575"/>
      <c r="B282" s="576"/>
      <c r="C282" s="576"/>
      <c r="D282" s="576"/>
      <c r="E282" s="576"/>
      <c r="F282" s="576"/>
      <c r="G282" s="576"/>
      <c r="H282" s="576"/>
      <c r="I282" s="576"/>
      <c r="J282" s="576"/>
      <c r="K282" s="576"/>
      <c r="L282" s="577"/>
      <c r="M282" s="576"/>
      <c r="N282" s="576"/>
      <c r="O282" s="576"/>
      <c r="P282" s="576"/>
      <c r="Q282" s="578"/>
      <c r="R282" s="561"/>
      <c r="S282" s="579"/>
    </row>
    <row r="283" spans="1:256" s="570" customFormat="1" ht="75" customHeight="1" thickBot="1" x14ac:dyDescent="0.25">
      <c r="A283" s="580"/>
      <c r="B283" s="581"/>
      <c r="C283" s="581"/>
      <c r="D283" s="581"/>
      <c r="E283" s="581"/>
      <c r="F283" s="581"/>
      <c r="G283" s="581"/>
      <c r="H283" s="581"/>
      <c r="I283" s="581"/>
      <c r="J283" s="581"/>
      <c r="K283" s="581"/>
      <c r="L283" s="582"/>
      <c r="M283" s="581"/>
      <c r="N283" s="581"/>
      <c r="O283" s="581"/>
      <c r="P283" s="581"/>
      <c r="Q283" s="583"/>
      <c r="R283" s="561"/>
      <c r="S283" s="723"/>
    </row>
    <row r="284" spans="1:256" s="546" customFormat="1" ht="69.900000000000006" customHeight="1" thickBot="1" x14ac:dyDescent="0.25">
      <c r="A284" s="584" t="s">
        <v>328</v>
      </c>
      <c r="B284" s="593"/>
      <c r="C284" s="593"/>
      <c r="D284" s="593"/>
      <c r="E284" s="593"/>
      <c r="F284" s="593"/>
      <c r="G284" s="593"/>
      <c r="H284" s="593"/>
      <c r="I284" s="593"/>
      <c r="J284" s="593"/>
      <c r="K284" s="593"/>
      <c r="L284" s="586"/>
      <c r="M284" s="593"/>
      <c r="N284" s="593"/>
      <c r="O284" s="593"/>
      <c r="P284" s="593"/>
      <c r="Q284" s="594"/>
      <c r="R284" s="561"/>
      <c r="S284" s="595" t="s">
        <v>329</v>
      </c>
      <c r="T284" s="596"/>
      <c r="U284" s="596"/>
      <c r="V284" s="600"/>
      <c r="W284" s="600"/>
      <c r="X284" s="600"/>
      <c r="Y284" s="600"/>
      <c r="Z284" s="600"/>
      <c r="AA284" s="600"/>
      <c r="AB284" s="600"/>
      <c r="AC284" s="600"/>
      <c r="AD284" s="600"/>
      <c r="AE284" s="600"/>
      <c r="AF284" s="600"/>
      <c r="AG284" s="600"/>
      <c r="AH284" s="600"/>
      <c r="AI284" s="600"/>
      <c r="AJ284" s="600"/>
      <c r="AK284" s="600"/>
      <c r="AL284" s="596"/>
      <c r="AM284" s="596"/>
      <c r="AN284" s="596"/>
      <c r="AO284" s="596"/>
      <c r="AP284" s="596"/>
      <c r="AQ284" s="596"/>
      <c r="AR284" s="596"/>
      <c r="AS284" s="596"/>
      <c r="AT284" s="596"/>
      <c r="AU284" s="596"/>
      <c r="AV284" s="596"/>
      <c r="AW284" s="596"/>
      <c r="AX284" s="596"/>
      <c r="AY284" s="596"/>
      <c r="AZ284" s="596"/>
      <c r="BA284" s="596"/>
      <c r="BB284" s="596"/>
    </row>
    <row r="285" spans="1:256" s="570" customFormat="1" ht="132" customHeight="1" thickTop="1" thickBot="1" x14ac:dyDescent="0.25">
      <c r="A285" s="910" t="s">
        <v>330</v>
      </c>
      <c r="B285" s="911"/>
      <c r="C285" s="911"/>
      <c r="D285" s="911"/>
      <c r="E285" s="911"/>
      <c r="F285" s="911"/>
      <c r="G285" s="911"/>
      <c r="H285" s="911"/>
      <c r="I285" s="911"/>
      <c r="J285" s="911"/>
      <c r="K285" s="911"/>
      <c r="L285" s="911"/>
      <c r="M285" s="911"/>
      <c r="N285" s="912"/>
      <c r="O285" s="876" t="s">
        <v>20</v>
      </c>
      <c r="P285" s="876" t="s">
        <v>21</v>
      </c>
      <c r="Q285" s="877" t="s">
        <v>22</v>
      </c>
      <c r="R285" s="561"/>
      <c r="S285" s="569"/>
      <c r="T285" s="600"/>
      <c r="U285" s="600"/>
      <c r="V285" s="600"/>
      <c r="W285" s="600"/>
      <c r="X285" s="600"/>
      <c r="Y285" s="600"/>
      <c r="Z285" s="600"/>
      <c r="AA285" s="600"/>
      <c r="AB285" s="600"/>
      <c r="AC285" s="600"/>
      <c r="AD285" s="600"/>
      <c r="AE285" s="600"/>
      <c r="AF285" s="600"/>
      <c r="AG285" s="600"/>
      <c r="AH285" s="600"/>
      <c r="AI285" s="600"/>
      <c r="AJ285" s="600"/>
      <c r="AK285" s="600"/>
      <c r="AL285" s="600"/>
      <c r="AM285" s="600"/>
      <c r="AN285" s="600"/>
      <c r="AO285" s="600"/>
      <c r="AP285" s="600"/>
      <c r="AQ285" s="600"/>
      <c r="AR285" s="600"/>
      <c r="AS285" s="600"/>
      <c r="AT285" s="600"/>
      <c r="AU285" s="600"/>
      <c r="AV285" s="600"/>
      <c r="AW285" s="600"/>
      <c r="AX285" s="600"/>
      <c r="AY285" s="600"/>
      <c r="AZ285" s="600"/>
      <c r="BA285" s="600"/>
      <c r="BB285" s="600"/>
    </row>
    <row r="286" spans="1:256" s="546" customFormat="1" ht="69.900000000000006" customHeight="1" thickTop="1" x14ac:dyDescent="0.2">
      <c r="A286" s="833" t="s">
        <v>141</v>
      </c>
      <c r="B286" s="834"/>
      <c r="C286" s="834"/>
      <c r="D286" s="834"/>
      <c r="E286" s="834"/>
      <c r="F286" s="834"/>
      <c r="G286" s="834"/>
      <c r="H286" s="834"/>
      <c r="I286" s="834"/>
      <c r="J286" s="834"/>
      <c r="K286" s="834"/>
      <c r="L286" s="835"/>
      <c r="M286" s="834"/>
      <c r="N286" s="834"/>
      <c r="O286" s="834"/>
      <c r="P286" s="834"/>
      <c r="Q286" s="836"/>
      <c r="R286" s="561"/>
      <c r="S286" s="199"/>
    </row>
    <row r="287" spans="1:256" s="546" customFormat="1" ht="69.900000000000006" customHeight="1" x14ac:dyDescent="0.2">
      <c r="A287" s="696" t="s">
        <v>331</v>
      </c>
      <c r="B287" s="697"/>
      <c r="C287" s="697"/>
      <c r="D287" s="697"/>
      <c r="E287" s="697"/>
      <c r="F287" s="697"/>
      <c r="G287" s="697"/>
      <c r="H287" s="697"/>
      <c r="I287" s="697"/>
      <c r="J287" s="697"/>
      <c r="K287" s="697"/>
      <c r="L287" s="697"/>
      <c r="M287" s="697"/>
      <c r="N287" s="697"/>
      <c r="O287" s="697"/>
      <c r="P287" s="697"/>
      <c r="Q287" s="698"/>
      <c r="R287" s="561"/>
      <c r="S287" s="199"/>
    </row>
    <row r="288" spans="1:256" s="570" customFormat="1" ht="70.2" customHeight="1" x14ac:dyDescent="0.2">
      <c r="A288" s="699" t="s">
        <v>147</v>
      </c>
      <c r="B288" s="700"/>
      <c r="C288" s="700"/>
      <c r="D288" s="700"/>
      <c r="E288" s="700"/>
      <c r="F288" s="700"/>
      <c r="G288" s="700"/>
      <c r="H288" s="700"/>
      <c r="I288" s="701"/>
      <c r="J288" s="841"/>
      <c r="K288" s="841"/>
      <c r="L288" s="841"/>
      <c r="M288" s="841"/>
      <c r="N288" s="841"/>
      <c r="O288" s="841"/>
      <c r="P288" s="841"/>
      <c r="Q288" s="913"/>
      <c r="R288" s="561"/>
      <c r="S288" s="595"/>
      <c r="T288" s="600"/>
      <c r="U288" s="600"/>
      <c r="V288" s="600"/>
      <c r="W288" s="600"/>
      <c r="X288" s="600"/>
      <c r="Y288" s="600"/>
      <c r="Z288" s="600"/>
      <c r="AA288" s="600"/>
      <c r="AB288" s="600"/>
      <c r="AC288" s="600"/>
      <c r="AD288" s="600"/>
      <c r="AE288" s="600"/>
      <c r="AF288" s="600"/>
      <c r="AG288" s="600"/>
      <c r="AH288" s="600"/>
      <c r="AI288" s="600"/>
      <c r="AJ288" s="600"/>
      <c r="AK288" s="600"/>
      <c r="AL288" s="600"/>
      <c r="AM288" s="600"/>
      <c r="AN288" s="600"/>
      <c r="AO288" s="600"/>
      <c r="AP288" s="600"/>
      <c r="AQ288" s="600"/>
      <c r="AR288" s="600"/>
      <c r="AS288" s="600"/>
      <c r="AT288" s="600"/>
      <c r="AU288" s="600"/>
      <c r="AV288" s="600"/>
      <c r="AW288" s="600"/>
      <c r="AX288" s="600"/>
      <c r="AY288" s="600"/>
      <c r="AZ288" s="600"/>
      <c r="BA288" s="600"/>
      <c r="BB288" s="600"/>
    </row>
    <row r="289" spans="1:256" s="570" customFormat="1" ht="70.2" customHeight="1" x14ac:dyDescent="0.2">
      <c r="A289" s="707" t="s">
        <v>332</v>
      </c>
      <c r="B289" s="708"/>
      <c r="C289" s="708"/>
      <c r="D289" s="708"/>
      <c r="E289" s="708"/>
      <c r="F289" s="708"/>
      <c r="G289" s="708"/>
      <c r="H289" s="708"/>
      <c r="I289" s="709"/>
      <c r="J289" s="572" t="s">
        <v>149</v>
      </c>
      <c r="K289" s="710"/>
      <c r="L289" s="710"/>
      <c r="M289" s="710"/>
      <c r="N289" s="710"/>
      <c r="O289" s="710"/>
      <c r="P289" s="710"/>
      <c r="Q289" s="711"/>
      <c r="R289" s="561"/>
      <c r="S289" s="595"/>
      <c r="T289" s="600"/>
      <c r="U289" s="600"/>
      <c r="V289" s="600"/>
      <c r="W289" s="600"/>
      <c r="X289" s="600"/>
      <c r="Y289" s="600"/>
      <c r="Z289" s="600"/>
      <c r="AA289" s="600"/>
      <c r="AB289" s="600"/>
      <c r="AC289" s="600"/>
      <c r="AD289" s="600"/>
      <c r="AE289" s="600"/>
      <c r="AF289" s="600"/>
      <c r="AG289" s="600"/>
      <c r="AH289" s="600"/>
      <c r="AI289" s="600"/>
      <c r="AJ289" s="600"/>
      <c r="AK289" s="600"/>
      <c r="AL289" s="600"/>
      <c r="AM289" s="600"/>
      <c r="AN289" s="600"/>
      <c r="AO289" s="600"/>
      <c r="AP289" s="600"/>
      <c r="AQ289" s="600"/>
      <c r="AR289" s="600"/>
      <c r="AS289" s="600"/>
      <c r="AT289" s="600"/>
      <c r="AU289" s="600"/>
      <c r="AV289" s="600"/>
      <c r="AW289" s="600"/>
      <c r="AX289" s="600"/>
      <c r="AY289" s="600"/>
      <c r="AZ289" s="600"/>
      <c r="BA289" s="600"/>
      <c r="BB289" s="600"/>
    </row>
    <row r="290" spans="1:256" s="570" customFormat="1" ht="70.2" customHeight="1" x14ac:dyDescent="0.2">
      <c r="A290" s="715"/>
      <c r="B290" s="716"/>
      <c r="C290" s="716"/>
      <c r="D290" s="716"/>
      <c r="E290" s="716"/>
      <c r="F290" s="716"/>
      <c r="G290" s="716"/>
      <c r="H290" s="716"/>
      <c r="I290" s="717"/>
      <c r="J290" s="843" t="s">
        <v>150</v>
      </c>
      <c r="K290" s="878"/>
      <c r="L290" s="914" t="s">
        <v>151</v>
      </c>
      <c r="M290" s="572"/>
      <c r="N290" s="710"/>
      <c r="O290" s="710"/>
      <c r="P290" s="710"/>
      <c r="Q290" s="711"/>
      <c r="R290" s="561"/>
      <c r="S290" s="595"/>
      <c r="T290" s="600"/>
      <c r="U290" s="600"/>
      <c r="V290" s="600"/>
      <c r="W290" s="600"/>
      <c r="X290" s="600"/>
      <c r="Y290" s="600"/>
      <c r="Z290" s="600"/>
      <c r="AA290" s="600"/>
      <c r="AB290" s="600"/>
      <c r="AC290" s="600"/>
      <c r="AD290" s="600"/>
      <c r="AE290" s="600"/>
      <c r="AF290" s="600"/>
      <c r="AG290" s="600"/>
      <c r="AH290" s="600"/>
      <c r="AI290" s="600"/>
      <c r="AJ290" s="600"/>
      <c r="AK290" s="600"/>
      <c r="AL290" s="600"/>
      <c r="AM290" s="600"/>
      <c r="AN290" s="600"/>
      <c r="AO290" s="600"/>
      <c r="AP290" s="600"/>
      <c r="AQ290" s="600"/>
      <c r="AR290" s="600"/>
      <c r="AS290" s="600"/>
      <c r="AT290" s="600"/>
      <c r="AU290" s="600"/>
      <c r="AV290" s="600"/>
      <c r="AW290" s="600"/>
      <c r="AX290" s="600"/>
      <c r="AY290" s="600"/>
      <c r="AZ290" s="600"/>
      <c r="BA290" s="600"/>
      <c r="BB290" s="600"/>
    </row>
    <row r="291" spans="1:256" s="570" customFormat="1" ht="70.2" customHeight="1" x14ac:dyDescent="0.2">
      <c r="A291" s="712" t="s">
        <v>333</v>
      </c>
      <c r="B291" s="713"/>
      <c r="C291" s="713"/>
      <c r="D291" s="713"/>
      <c r="E291" s="713"/>
      <c r="F291" s="713"/>
      <c r="G291" s="713"/>
      <c r="H291" s="713"/>
      <c r="I291" s="714"/>
      <c r="J291" s="572" t="s">
        <v>157</v>
      </c>
      <c r="K291" s="710"/>
      <c r="L291" s="710"/>
      <c r="M291" s="710"/>
      <c r="N291" s="710"/>
      <c r="O291" s="710"/>
      <c r="P291" s="710"/>
      <c r="Q291" s="711"/>
      <c r="R291" s="187"/>
      <c r="S291" s="188"/>
      <c r="T291" s="190"/>
      <c r="U291" s="190"/>
      <c r="V291" s="190"/>
      <c r="W291" s="190"/>
      <c r="X291" s="190"/>
      <c r="Y291" s="190"/>
      <c r="Z291" s="190"/>
      <c r="AA291" s="190"/>
      <c r="AB291" s="190"/>
      <c r="AC291" s="190"/>
      <c r="AD291" s="190"/>
      <c r="AE291" s="190"/>
      <c r="AF291" s="190"/>
      <c r="AG291" s="190"/>
      <c r="AH291" s="190"/>
      <c r="AI291" s="190"/>
      <c r="AJ291" s="190"/>
      <c r="AK291" s="190"/>
      <c r="AL291" s="190"/>
      <c r="AM291" s="190"/>
      <c r="AN291" s="190"/>
      <c r="AO291" s="190"/>
      <c r="AP291" s="190"/>
      <c r="AQ291" s="190"/>
      <c r="AR291" s="190"/>
      <c r="AS291" s="190"/>
      <c r="AT291" s="190"/>
      <c r="AU291" s="190"/>
      <c r="AV291" s="190"/>
      <c r="AW291" s="190"/>
      <c r="AX291" s="190"/>
      <c r="AY291" s="190"/>
      <c r="AZ291" s="190"/>
      <c r="BA291" s="190"/>
      <c r="BB291" s="190"/>
      <c r="BC291" s="191"/>
      <c r="BD291" s="191"/>
      <c r="BE291" s="191"/>
      <c r="BF291" s="191"/>
      <c r="BG291" s="191"/>
      <c r="BH291" s="191"/>
      <c r="BI291" s="191"/>
      <c r="BJ291" s="191"/>
      <c r="BK291" s="191"/>
      <c r="BL291" s="191"/>
      <c r="BM291" s="191"/>
      <c r="BN291" s="191"/>
      <c r="BO291" s="191"/>
      <c r="BP291" s="191"/>
      <c r="BQ291" s="191"/>
      <c r="BR291" s="191"/>
      <c r="BS291" s="191"/>
      <c r="BT291" s="191"/>
      <c r="BU291" s="191"/>
      <c r="BV291" s="191"/>
      <c r="BW291" s="191"/>
      <c r="BX291" s="191"/>
      <c r="BY291" s="191"/>
      <c r="BZ291" s="191"/>
      <c r="CA291" s="191"/>
      <c r="CB291" s="191"/>
      <c r="CC291" s="191"/>
      <c r="CD291" s="191"/>
      <c r="CE291" s="191"/>
      <c r="CF291" s="191"/>
      <c r="CG291" s="191"/>
      <c r="CH291" s="191"/>
      <c r="CI291" s="191"/>
      <c r="CJ291" s="191"/>
      <c r="CK291" s="191"/>
      <c r="CL291" s="191"/>
      <c r="CM291" s="191"/>
      <c r="CN291" s="191"/>
      <c r="CO291" s="191"/>
      <c r="CP291" s="191"/>
      <c r="CQ291" s="191"/>
      <c r="CR291" s="191"/>
      <c r="CS291" s="191"/>
      <c r="CT291" s="191"/>
      <c r="CU291" s="191"/>
      <c r="CV291" s="191"/>
      <c r="CW291" s="191"/>
      <c r="CX291" s="191"/>
      <c r="CY291" s="191"/>
      <c r="CZ291" s="191"/>
      <c r="DA291" s="191"/>
      <c r="DB291" s="191"/>
      <c r="DC291" s="191"/>
      <c r="DD291" s="191"/>
      <c r="DE291" s="191"/>
      <c r="DF291" s="191"/>
      <c r="DG291" s="191"/>
      <c r="DH291" s="191"/>
      <c r="DI291" s="191"/>
      <c r="DJ291" s="191"/>
      <c r="DK291" s="191"/>
      <c r="DL291" s="191"/>
      <c r="DM291" s="191"/>
      <c r="DN291" s="191"/>
      <c r="DO291" s="191"/>
      <c r="DP291" s="191"/>
      <c r="DQ291" s="191"/>
      <c r="DR291" s="191"/>
      <c r="DS291" s="191"/>
      <c r="DT291" s="191"/>
      <c r="DU291" s="191"/>
      <c r="DV291" s="191"/>
      <c r="DW291" s="191"/>
      <c r="DX291" s="191"/>
      <c r="DY291" s="191"/>
      <c r="DZ291" s="191"/>
      <c r="EA291" s="191"/>
      <c r="EB291" s="191"/>
      <c r="EC291" s="191"/>
      <c r="ED291" s="191"/>
      <c r="EE291" s="191"/>
      <c r="EF291" s="191"/>
      <c r="EG291" s="191"/>
      <c r="EH291" s="191"/>
      <c r="EI291" s="191"/>
      <c r="EJ291" s="191"/>
      <c r="EK291" s="191"/>
      <c r="EL291" s="191"/>
      <c r="EM291" s="191"/>
      <c r="EN291" s="191"/>
      <c r="EO291" s="191"/>
      <c r="EP291" s="191"/>
      <c r="EQ291" s="191"/>
      <c r="ER291" s="191"/>
      <c r="ES291" s="191"/>
      <c r="ET291" s="191"/>
      <c r="EU291" s="191"/>
      <c r="EV291" s="191"/>
      <c r="EW291" s="191"/>
      <c r="EX291" s="191"/>
      <c r="EY291" s="191"/>
      <c r="EZ291" s="191"/>
      <c r="FA291" s="191"/>
      <c r="FB291" s="191"/>
      <c r="FC291" s="191"/>
      <c r="FD291" s="191"/>
      <c r="FE291" s="191"/>
      <c r="FF291" s="191"/>
      <c r="FG291" s="191"/>
      <c r="FH291" s="191"/>
      <c r="FI291" s="191"/>
      <c r="FJ291" s="191"/>
      <c r="FK291" s="191"/>
      <c r="FL291" s="191"/>
      <c r="FM291" s="191"/>
      <c r="FN291" s="191"/>
      <c r="FO291" s="191"/>
      <c r="FP291" s="191"/>
      <c r="FQ291" s="191"/>
      <c r="FR291" s="191"/>
      <c r="FS291" s="191"/>
      <c r="FT291" s="191"/>
      <c r="FU291" s="191"/>
      <c r="FV291" s="191"/>
      <c r="FW291" s="191"/>
      <c r="FX291" s="191"/>
      <c r="FY291" s="191"/>
      <c r="FZ291" s="191"/>
      <c r="GA291" s="191"/>
      <c r="GB291" s="191"/>
      <c r="GC291" s="191"/>
      <c r="GD291" s="191"/>
      <c r="GE291" s="191"/>
      <c r="GF291" s="191"/>
      <c r="GG291" s="191"/>
      <c r="GH291" s="191"/>
      <c r="GI291" s="191"/>
      <c r="GJ291" s="191"/>
      <c r="GK291" s="191"/>
      <c r="GL291" s="191"/>
      <c r="GM291" s="191"/>
      <c r="GN291" s="191"/>
      <c r="GO291" s="191"/>
      <c r="GP291" s="191"/>
      <c r="GQ291" s="191"/>
      <c r="GR291" s="191"/>
      <c r="GS291" s="191"/>
      <c r="GT291" s="191"/>
      <c r="GU291" s="191"/>
      <c r="GV291" s="191"/>
      <c r="GW291" s="191"/>
      <c r="GX291" s="191"/>
      <c r="GY291" s="191"/>
      <c r="GZ291" s="191"/>
      <c r="HA291" s="191"/>
      <c r="HB291" s="191"/>
      <c r="HC291" s="191"/>
      <c r="HD291" s="191"/>
      <c r="HE291" s="191"/>
      <c r="HF291" s="191"/>
      <c r="HG291" s="191"/>
      <c r="HH291" s="191"/>
      <c r="HI291" s="191"/>
      <c r="HJ291" s="191"/>
      <c r="HK291" s="191"/>
      <c r="HL291" s="191"/>
      <c r="HM291" s="191"/>
      <c r="HN291" s="191"/>
      <c r="HO291" s="191"/>
      <c r="HP291" s="191"/>
      <c r="HQ291" s="191"/>
      <c r="HR291" s="191"/>
      <c r="HS291" s="191"/>
      <c r="HT291" s="191"/>
      <c r="HU291" s="191"/>
      <c r="HV291" s="191"/>
      <c r="HW291" s="191"/>
      <c r="HX291" s="191"/>
      <c r="HY291" s="191"/>
      <c r="HZ291" s="191"/>
      <c r="IA291" s="191"/>
      <c r="IB291" s="191"/>
      <c r="IC291" s="191"/>
      <c r="ID291" s="191"/>
      <c r="IE291" s="191"/>
      <c r="IF291" s="191"/>
      <c r="IG291" s="191"/>
      <c r="IH291" s="191"/>
      <c r="II291" s="191"/>
      <c r="IJ291" s="191"/>
      <c r="IK291" s="191"/>
      <c r="IL291" s="191"/>
      <c r="IM291" s="191"/>
      <c r="IN291" s="191"/>
      <c r="IO291" s="191"/>
      <c r="IP291" s="191"/>
      <c r="IQ291" s="191"/>
      <c r="IR291" s="191"/>
      <c r="IS291" s="191"/>
      <c r="IT291" s="191"/>
      <c r="IU291" s="191"/>
      <c r="IV291" s="191"/>
    </row>
    <row r="292" spans="1:256" s="570" customFormat="1" ht="70.2" customHeight="1" x14ac:dyDescent="0.2">
      <c r="A292" s="715"/>
      <c r="B292" s="716"/>
      <c r="C292" s="716"/>
      <c r="D292" s="716"/>
      <c r="E292" s="716"/>
      <c r="F292" s="716"/>
      <c r="G292" s="716"/>
      <c r="H292" s="716"/>
      <c r="I292" s="717"/>
      <c r="J292" s="843" t="s">
        <v>158</v>
      </c>
      <c r="K292" s="878"/>
      <c r="L292" s="914" t="s">
        <v>151</v>
      </c>
      <c r="M292" s="572"/>
      <c r="N292" s="710"/>
      <c r="O292" s="710"/>
      <c r="P292" s="710"/>
      <c r="Q292" s="711"/>
      <c r="R292" s="187"/>
      <c r="S292" s="188"/>
      <c r="T292" s="190"/>
      <c r="U292" s="190"/>
      <c r="V292" s="190"/>
      <c r="W292" s="190"/>
      <c r="X292" s="190"/>
      <c r="Y292" s="190"/>
      <c r="Z292" s="190"/>
      <c r="AA292" s="190"/>
      <c r="AB292" s="190"/>
      <c r="AC292" s="190"/>
      <c r="AD292" s="190"/>
      <c r="AE292" s="190"/>
      <c r="AF292" s="190"/>
      <c r="AG292" s="190"/>
      <c r="AH292" s="190"/>
      <c r="AI292" s="190"/>
      <c r="AJ292" s="190"/>
      <c r="AK292" s="190"/>
      <c r="AL292" s="190"/>
      <c r="AM292" s="190"/>
      <c r="AN292" s="190"/>
      <c r="AO292" s="190"/>
      <c r="AP292" s="190"/>
      <c r="AQ292" s="190"/>
      <c r="AR292" s="190"/>
      <c r="AS292" s="190"/>
      <c r="AT292" s="190"/>
      <c r="AU292" s="190"/>
      <c r="AV292" s="190"/>
      <c r="AW292" s="190"/>
      <c r="AX292" s="190"/>
      <c r="AY292" s="190"/>
      <c r="AZ292" s="190"/>
      <c r="BA292" s="190"/>
      <c r="BB292" s="190"/>
      <c r="BC292" s="191"/>
      <c r="BD292" s="191"/>
      <c r="BE292" s="191"/>
      <c r="BF292" s="191"/>
      <c r="BG292" s="191"/>
      <c r="BH292" s="191"/>
      <c r="BI292" s="191"/>
      <c r="BJ292" s="191"/>
      <c r="BK292" s="191"/>
      <c r="BL292" s="191"/>
      <c r="BM292" s="191"/>
      <c r="BN292" s="191"/>
      <c r="BO292" s="191"/>
      <c r="BP292" s="191"/>
      <c r="BQ292" s="191"/>
      <c r="BR292" s="191"/>
      <c r="BS292" s="191"/>
      <c r="BT292" s="191"/>
      <c r="BU292" s="191"/>
      <c r="BV292" s="191"/>
      <c r="BW292" s="191"/>
      <c r="BX292" s="191"/>
      <c r="BY292" s="191"/>
      <c r="BZ292" s="191"/>
      <c r="CA292" s="191"/>
      <c r="CB292" s="191"/>
      <c r="CC292" s="191"/>
      <c r="CD292" s="191"/>
      <c r="CE292" s="191"/>
      <c r="CF292" s="191"/>
      <c r="CG292" s="191"/>
      <c r="CH292" s="191"/>
      <c r="CI292" s="191"/>
      <c r="CJ292" s="191"/>
      <c r="CK292" s="191"/>
      <c r="CL292" s="191"/>
      <c r="CM292" s="191"/>
      <c r="CN292" s="191"/>
      <c r="CO292" s="191"/>
      <c r="CP292" s="191"/>
      <c r="CQ292" s="191"/>
      <c r="CR292" s="191"/>
      <c r="CS292" s="191"/>
      <c r="CT292" s="191"/>
      <c r="CU292" s="191"/>
      <c r="CV292" s="191"/>
      <c r="CW292" s="191"/>
      <c r="CX292" s="191"/>
      <c r="CY292" s="191"/>
      <c r="CZ292" s="191"/>
      <c r="DA292" s="191"/>
      <c r="DB292" s="191"/>
      <c r="DC292" s="191"/>
      <c r="DD292" s="191"/>
      <c r="DE292" s="191"/>
      <c r="DF292" s="191"/>
      <c r="DG292" s="191"/>
      <c r="DH292" s="191"/>
      <c r="DI292" s="191"/>
      <c r="DJ292" s="191"/>
      <c r="DK292" s="191"/>
      <c r="DL292" s="191"/>
      <c r="DM292" s="191"/>
      <c r="DN292" s="191"/>
      <c r="DO292" s="191"/>
      <c r="DP292" s="191"/>
      <c r="DQ292" s="191"/>
      <c r="DR292" s="191"/>
      <c r="DS292" s="191"/>
      <c r="DT292" s="191"/>
      <c r="DU292" s="191"/>
      <c r="DV292" s="191"/>
      <c r="DW292" s="191"/>
      <c r="DX292" s="191"/>
      <c r="DY292" s="191"/>
      <c r="DZ292" s="191"/>
      <c r="EA292" s="191"/>
      <c r="EB292" s="191"/>
      <c r="EC292" s="191"/>
      <c r="ED292" s="191"/>
      <c r="EE292" s="191"/>
      <c r="EF292" s="191"/>
      <c r="EG292" s="191"/>
      <c r="EH292" s="191"/>
      <c r="EI292" s="191"/>
      <c r="EJ292" s="191"/>
      <c r="EK292" s="191"/>
      <c r="EL292" s="191"/>
      <c r="EM292" s="191"/>
      <c r="EN292" s="191"/>
      <c r="EO292" s="191"/>
      <c r="EP292" s="191"/>
      <c r="EQ292" s="191"/>
      <c r="ER292" s="191"/>
      <c r="ES292" s="191"/>
      <c r="ET292" s="191"/>
      <c r="EU292" s="191"/>
      <c r="EV292" s="191"/>
      <c r="EW292" s="191"/>
      <c r="EX292" s="191"/>
      <c r="EY292" s="191"/>
      <c r="EZ292" s="191"/>
      <c r="FA292" s="191"/>
      <c r="FB292" s="191"/>
      <c r="FC292" s="191"/>
      <c r="FD292" s="191"/>
      <c r="FE292" s="191"/>
      <c r="FF292" s="191"/>
      <c r="FG292" s="191"/>
      <c r="FH292" s="191"/>
      <c r="FI292" s="191"/>
      <c r="FJ292" s="191"/>
      <c r="FK292" s="191"/>
      <c r="FL292" s="191"/>
      <c r="FM292" s="191"/>
      <c r="FN292" s="191"/>
      <c r="FO292" s="191"/>
      <c r="FP292" s="191"/>
      <c r="FQ292" s="191"/>
      <c r="FR292" s="191"/>
      <c r="FS292" s="191"/>
      <c r="FT292" s="191"/>
      <c r="FU292" s="191"/>
      <c r="FV292" s="191"/>
      <c r="FW292" s="191"/>
      <c r="FX292" s="191"/>
      <c r="FY292" s="191"/>
      <c r="FZ292" s="191"/>
      <c r="GA292" s="191"/>
      <c r="GB292" s="191"/>
      <c r="GC292" s="191"/>
      <c r="GD292" s="191"/>
      <c r="GE292" s="191"/>
      <c r="GF292" s="191"/>
      <c r="GG292" s="191"/>
      <c r="GH292" s="191"/>
      <c r="GI292" s="191"/>
      <c r="GJ292" s="191"/>
      <c r="GK292" s="191"/>
      <c r="GL292" s="191"/>
      <c r="GM292" s="191"/>
      <c r="GN292" s="191"/>
      <c r="GO292" s="191"/>
      <c r="GP292" s="191"/>
      <c r="GQ292" s="191"/>
      <c r="GR292" s="191"/>
      <c r="GS292" s="191"/>
      <c r="GT292" s="191"/>
      <c r="GU292" s="191"/>
      <c r="GV292" s="191"/>
      <c r="GW292" s="191"/>
      <c r="GX292" s="191"/>
      <c r="GY292" s="191"/>
      <c r="GZ292" s="191"/>
      <c r="HA292" s="191"/>
      <c r="HB292" s="191"/>
      <c r="HC292" s="191"/>
      <c r="HD292" s="191"/>
      <c r="HE292" s="191"/>
      <c r="HF292" s="191"/>
      <c r="HG292" s="191"/>
      <c r="HH292" s="191"/>
      <c r="HI292" s="191"/>
      <c r="HJ292" s="191"/>
      <c r="HK292" s="191"/>
      <c r="HL292" s="191"/>
      <c r="HM292" s="191"/>
      <c r="HN292" s="191"/>
      <c r="HO292" s="191"/>
      <c r="HP292" s="191"/>
      <c r="HQ292" s="191"/>
      <c r="HR292" s="191"/>
      <c r="HS292" s="191"/>
      <c r="HT292" s="191"/>
      <c r="HU292" s="191"/>
      <c r="HV292" s="191"/>
      <c r="HW292" s="191"/>
      <c r="HX292" s="191"/>
      <c r="HY292" s="191"/>
      <c r="HZ292" s="191"/>
      <c r="IA292" s="191"/>
      <c r="IB292" s="191"/>
      <c r="IC292" s="191"/>
      <c r="ID292" s="191"/>
      <c r="IE292" s="191"/>
      <c r="IF292" s="191"/>
      <c r="IG292" s="191"/>
      <c r="IH292" s="191"/>
      <c r="II292" s="191"/>
      <c r="IJ292" s="191"/>
      <c r="IK292" s="191"/>
      <c r="IL292" s="191"/>
      <c r="IM292" s="191"/>
      <c r="IN292" s="191"/>
      <c r="IO292" s="191"/>
      <c r="IP292" s="191"/>
      <c r="IQ292" s="191"/>
      <c r="IR292" s="191"/>
      <c r="IS292" s="191"/>
      <c r="IT292" s="191"/>
      <c r="IU292" s="191"/>
      <c r="IV292" s="191"/>
    </row>
    <row r="293" spans="1:256" s="570" customFormat="1" ht="70.2" customHeight="1" x14ac:dyDescent="0.2">
      <c r="A293" s="707" t="s">
        <v>154</v>
      </c>
      <c r="B293" s="708"/>
      <c r="C293" s="708"/>
      <c r="D293" s="708"/>
      <c r="E293" s="708"/>
      <c r="F293" s="708"/>
      <c r="G293" s="708"/>
      <c r="H293" s="708"/>
      <c r="I293" s="709"/>
      <c r="J293" s="915" t="s">
        <v>155</v>
      </c>
      <c r="K293" s="572" t="s">
        <v>156</v>
      </c>
      <c r="L293" s="710"/>
      <c r="M293" s="710"/>
      <c r="N293" s="710"/>
      <c r="O293" s="710"/>
      <c r="P293" s="710"/>
      <c r="Q293" s="711"/>
      <c r="R293" s="187"/>
      <c r="S293" s="188"/>
      <c r="T293" s="190"/>
      <c r="U293" s="190"/>
      <c r="V293" s="190"/>
      <c r="W293" s="190"/>
      <c r="X293" s="190"/>
      <c r="Y293" s="190"/>
      <c r="Z293" s="190"/>
      <c r="AA293" s="190"/>
      <c r="AB293" s="190"/>
      <c r="AC293" s="190"/>
      <c r="AD293" s="190"/>
      <c r="AE293" s="190"/>
      <c r="AF293" s="190"/>
      <c r="AG293" s="190"/>
      <c r="AH293" s="190"/>
      <c r="AI293" s="190"/>
      <c r="AJ293" s="190"/>
      <c r="AK293" s="190"/>
      <c r="AL293" s="190"/>
      <c r="AM293" s="190"/>
      <c r="AN293" s="190"/>
      <c r="AO293" s="190"/>
      <c r="AP293" s="190"/>
      <c r="AQ293" s="190"/>
      <c r="AR293" s="190"/>
      <c r="AS293" s="190"/>
      <c r="AT293" s="190"/>
      <c r="AU293" s="190"/>
      <c r="AV293" s="190"/>
      <c r="AW293" s="190"/>
      <c r="AX293" s="190"/>
      <c r="AY293" s="190"/>
      <c r="AZ293" s="190"/>
      <c r="BA293" s="190"/>
      <c r="BB293" s="190"/>
      <c r="BC293" s="191"/>
      <c r="BD293" s="191"/>
      <c r="BE293" s="191"/>
      <c r="BF293" s="191"/>
      <c r="BG293" s="191"/>
      <c r="BH293" s="191"/>
      <c r="BI293" s="191"/>
      <c r="BJ293" s="191"/>
      <c r="BK293" s="191"/>
      <c r="BL293" s="191"/>
      <c r="BM293" s="191"/>
      <c r="BN293" s="191"/>
      <c r="BO293" s="191"/>
      <c r="BP293" s="191"/>
      <c r="BQ293" s="191"/>
      <c r="BR293" s="191"/>
      <c r="BS293" s="191"/>
      <c r="BT293" s="191"/>
      <c r="BU293" s="191"/>
      <c r="BV293" s="191"/>
      <c r="BW293" s="191"/>
      <c r="BX293" s="191"/>
      <c r="BY293" s="191"/>
      <c r="BZ293" s="191"/>
      <c r="CA293" s="191"/>
      <c r="CB293" s="191"/>
      <c r="CC293" s="191"/>
      <c r="CD293" s="191"/>
      <c r="CE293" s="191"/>
      <c r="CF293" s="191"/>
      <c r="CG293" s="191"/>
      <c r="CH293" s="191"/>
      <c r="CI293" s="191"/>
      <c r="CJ293" s="191"/>
      <c r="CK293" s="191"/>
      <c r="CL293" s="191"/>
      <c r="CM293" s="191"/>
      <c r="CN293" s="191"/>
      <c r="CO293" s="191"/>
      <c r="CP293" s="191"/>
      <c r="CQ293" s="191"/>
      <c r="CR293" s="191"/>
      <c r="CS293" s="191"/>
      <c r="CT293" s="191"/>
      <c r="CU293" s="191"/>
      <c r="CV293" s="191"/>
      <c r="CW293" s="191"/>
      <c r="CX293" s="191"/>
      <c r="CY293" s="191"/>
      <c r="CZ293" s="191"/>
      <c r="DA293" s="191"/>
      <c r="DB293" s="191"/>
      <c r="DC293" s="191"/>
      <c r="DD293" s="191"/>
      <c r="DE293" s="191"/>
      <c r="DF293" s="191"/>
      <c r="DG293" s="191"/>
      <c r="DH293" s="191"/>
      <c r="DI293" s="191"/>
      <c r="DJ293" s="191"/>
      <c r="DK293" s="191"/>
      <c r="DL293" s="191"/>
      <c r="DM293" s="191"/>
      <c r="DN293" s="191"/>
      <c r="DO293" s="191"/>
      <c r="DP293" s="191"/>
      <c r="DQ293" s="191"/>
      <c r="DR293" s="191"/>
      <c r="DS293" s="191"/>
      <c r="DT293" s="191"/>
      <c r="DU293" s="191"/>
      <c r="DV293" s="191"/>
      <c r="DW293" s="191"/>
      <c r="DX293" s="191"/>
      <c r="DY293" s="191"/>
      <c r="DZ293" s="191"/>
      <c r="EA293" s="191"/>
      <c r="EB293" s="191"/>
      <c r="EC293" s="191"/>
      <c r="ED293" s="191"/>
      <c r="EE293" s="191"/>
      <c r="EF293" s="191"/>
      <c r="EG293" s="191"/>
      <c r="EH293" s="191"/>
      <c r="EI293" s="191"/>
      <c r="EJ293" s="191"/>
      <c r="EK293" s="191"/>
      <c r="EL293" s="191"/>
      <c r="EM293" s="191"/>
      <c r="EN293" s="191"/>
      <c r="EO293" s="191"/>
      <c r="EP293" s="191"/>
      <c r="EQ293" s="191"/>
      <c r="ER293" s="191"/>
      <c r="ES293" s="191"/>
      <c r="ET293" s="191"/>
      <c r="EU293" s="191"/>
      <c r="EV293" s="191"/>
      <c r="EW293" s="191"/>
      <c r="EX293" s="191"/>
      <c r="EY293" s="191"/>
      <c r="EZ293" s="191"/>
      <c r="FA293" s="191"/>
      <c r="FB293" s="191"/>
      <c r="FC293" s="191"/>
      <c r="FD293" s="191"/>
      <c r="FE293" s="191"/>
      <c r="FF293" s="191"/>
      <c r="FG293" s="191"/>
      <c r="FH293" s="191"/>
      <c r="FI293" s="191"/>
      <c r="FJ293" s="191"/>
      <c r="FK293" s="191"/>
      <c r="FL293" s="191"/>
      <c r="FM293" s="191"/>
      <c r="FN293" s="191"/>
      <c r="FO293" s="191"/>
      <c r="FP293" s="191"/>
      <c r="FQ293" s="191"/>
      <c r="FR293" s="191"/>
      <c r="FS293" s="191"/>
      <c r="FT293" s="191"/>
      <c r="FU293" s="191"/>
      <c r="FV293" s="191"/>
      <c r="FW293" s="191"/>
      <c r="FX293" s="191"/>
      <c r="FY293" s="191"/>
      <c r="FZ293" s="191"/>
      <c r="GA293" s="191"/>
      <c r="GB293" s="191"/>
      <c r="GC293" s="191"/>
      <c r="GD293" s="191"/>
      <c r="GE293" s="191"/>
      <c r="GF293" s="191"/>
      <c r="GG293" s="191"/>
      <c r="GH293" s="191"/>
      <c r="GI293" s="191"/>
      <c r="GJ293" s="191"/>
      <c r="GK293" s="191"/>
      <c r="GL293" s="191"/>
      <c r="GM293" s="191"/>
      <c r="GN293" s="191"/>
      <c r="GO293" s="191"/>
      <c r="GP293" s="191"/>
      <c r="GQ293" s="191"/>
      <c r="GR293" s="191"/>
      <c r="GS293" s="191"/>
      <c r="GT293" s="191"/>
      <c r="GU293" s="191"/>
      <c r="GV293" s="191"/>
      <c r="GW293" s="191"/>
      <c r="GX293" s="191"/>
      <c r="GY293" s="191"/>
      <c r="GZ293" s="191"/>
      <c r="HA293" s="191"/>
      <c r="HB293" s="191"/>
      <c r="HC293" s="191"/>
      <c r="HD293" s="191"/>
      <c r="HE293" s="191"/>
      <c r="HF293" s="191"/>
      <c r="HG293" s="191"/>
      <c r="HH293" s="191"/>
      <c r="HI293" s="191"/>
      <c r="HJ293" s="191"/>
      <c r="HK293" s="191"/>
      <c r="HL293" s="191"/>
      <c r="HM293" s="191"/>
      <c r="HN293" s="191"/>
      <c r="HO293" s="191"/>
      <c r="HP293" s="191"/>
      <c r="HQ293" s="191"/>
      <c r="HR293" s="191"/>
      <c r="HS293" s="191"/>
      <c r="HT293" s="191"/>
      <c r="HU293" s="191"/>
      <c r="HV293" s="191"/>
      <c r="HW293" s="191"/>
      <c r="HX293" s="191"/>
      <c r="HY293" s="191"/>
      <c r="HZ293" s="191"/>
      <c r="IA293" s="191"/>
      <c r="IB293" s="191"/>
      <c r="IC293" s="191"/>
      <c r="ID293" s="191"/>
      <c r="IE293" s="191"/>
      <c r="IF293" s="191"/>
      <c r="IG293" s="191"/>
      <c r="IH293" s="191"/>
      <c r="II293" s="191"/>
      <c r="IJ293" s="191"/>
      <c r="IK293" s="191"/>
      <c r="IL293" s="191"/>
      <c r="IM293" s="191"/>
      <c r="IN293" s="191"/>
      <c r="IO293" s="191"/>
      <c r="IP293" s="191"/>
      <c r="IQ293" s="191"/>
      <c r="IR293" s="191"/>
      <c r="IS293" s="191"/>
      <c r="IT293" s="191"/>
      <c r="IU293" s="191"/>
      <c r="IV293" s="191"/>
    </row>
    <row r="294" spans="1:256" s="570" customFormat="1" ht="70.2" customHeight="1" x14ac:dyDescent="0.2">
      <c r="A294" s="712"/>
      <c r="B294" s="713"/>
      <c r="C294" s="713"/>
      <c r="D294" s="713"/>
      <c r="E294" s="713"/>
      <c r="F294" s="713"/>
      <c r="G294" s="713"/>
      <c r="H294" s="713"/>
      <c r="I294" s="714"/>
      <c r="J294" s="572" t="s">
        <v>157</v>
      </c>
      <c r="K294" s="710"/>
      <c r="L294" s="710"/>
      <c r="M294" s="710"/>
      <c r="N294" s="710"/>
      <c r="O294" s="710"/>
      <c r="P294" s="710"/>
      <c r="Q294" s="711"/>
      <c r="R294" s="187"/>
      <c r="S294" s="188"/>
      <c r="T294" s="190"/>
      <c r="U294" s="190"/>
      <c r="V294" s="190"/>
      <c r="W294" s="190"/>
      <c r="X294" s="190"/>
      <c r="Y294" s="190"/>
      <c r="Z294" s="190"/>
      <c r="AA294" s="190"/>
      <c r="AB294" s="190"/>
      <c r="AC294" s="190"/>
      <c r="AD294" s="190"/>
      <c r="AE294" s="190"/>
      <c r="AF294" s="190"/>
      <c r="AG294" s="190"/>
      <c r="AH294" s="190"/>
      <c r="AI294" s="190"/>
      <c r="AJ294" s="190"/>
      <c r="AK294" s="190"/>
      <c r="AL294" s="190"/>
      <c r="AM294" s="190"/>
      <c r="AN294" s="190"/>
      <c r="AO294" s="190"/>
      <c r="AP294" s="190"/>
      <c r="AQ294" s="190"/>
      <c r="AR294" s="190"/>
      <c r="AS294" s="190"/>
      <c r="AT294" s="190"/>
      <c r="AU294" s="190"/>
      <c r="AV294" s="190"/>
      <c r="AW294" s="190"/>
      <c r="AX294" s="190"/>
      <c r="AY294" s="190"/>
      <c r="AZ294" s="190"/>
      <c r="BA294" s="190"/>
      <c r="BB294" s="190"/>
      <c r="BC294" s="191"/>
      <c r="BD294" s="191"/>
      <c r="BE294" s="191"/>
      <c r="BF294" s="191"/>
      <c r="BG294" s="191"/>
      <c r="BH294" s="191"/>
      <c r="BI294" s="191"/>
      <c r="BJ294" s="191"/>
      <c r="BK294" s="191"/>
      <c r="BL294" s="191"/>
      <c r="BM294" s="191"/>
      <c r="BN294" s="191"/>
      <c r="BO294" s="191"/>
      <c r="BP294" s="191"/>
      <c r="BQ294" s="191"/>
      <c r="BR294" s="191"/>
      <c r="BS294" s="191"/>
      <c r="BT294" s="191"/>
      <c r="BU294" s="191"/>
      <c r="BV294" s="191"/>
      <c r="BW294" s="191"/>
      <c r="BX294" s="191"/>
      <c r="BY294" s="191"/>
      <c r="BZ294" s="191"/>
      <c r="CA294" s="191"/>
      <c r="CB294" s="191"/>
      <c r="CC294" s="191"/>
      <c r="CD294" s="191"/>
      <c r="CE294" s="191"/>
      <c r="CF294" s="191"/>
      <c r="CG294" s="191"/>
      <c r="CH294" s="191"/>
      <c r="CI294" s="191"/>
      <c r="CJ294" s="191"/>
      <c r="CK294" s="191"/>
      <c r="CL294" s="191"/>
      <c r="CM294" s="191"/>
      <c r="CN294" s="191"/>
      <c r="CO294" s="191"/>
      <c r="CP294" s="191"/>
      <c r="CQ294" s="191"/>
      <c r="CR294" s="191"/>
      <c r="CS294" s="191"/>
      <c r="CT294" s="191"/>
      <c r="CU294" s="191"/>
      <c r="CV294" s="191"/>
      <c r="CW294" s="191"/>
      <c r="CX294" s="191"/>
      <c r="CY294" s="191"/>
      <c r="CZ294" s="191"/>
      <c r="DA294" s="191"/>
      <c r="DB294" s="191"/>
      <c r="DC294" s="191"/>
      <c r="DD294" s="191"/>
      <c r="DE294" s="191"/>
      <c r="DF294" s="191"/>
      <c r="DG294" s="191"/>
      <c r="DH294" s="191"/>
      <c r="DI294" s="191"/>
      <c r="DJ294" s="191"/>
      <c r="DK294" s="191"/>
      <c r="DL294" s="191"/>
      <c r="DM294" s="191"/>
      <c r="DN294" s="191"/>
      <c r="DO294" s="191"/>
      <c r="DP294" s="191"/>
      <c r="DQ294" s="191"/>
      <c r="DR294" s="191"/>
      <c r="DS294" s="191"/>
      <c r="DT294" s="191"/>
      <c r="DU294" s="191"/>
      <c r="DV294" s="191"/>
      <c r="DW294" s="191"/>
      <c r="DX294" s="191"/>
      <c r="DY294" s="191"/>
      <c r="DZ294" s="191"/>
      <c r="EA294" s="191"/>
      <c r="EB294" s="191"/>
      <c r="EC294" s="191"/>
      <c r="ED294" s="191"/>
      <c r="EE294" s="191"/>
      <c r="EF294" s="191"/>
      <c r="EG294" s="191"/>
      <c r="EH294" s="191"/>
      <c r="EI294" s="191"/>
      <c r="EJ294" s="191"/>
      <c r="EK294" s="191"/>
      <c r="EL294" s="191"/>
      <c r="EM294" s="191"/>
      <c r="EN294" s="191"/>
      <c r="EO294" s="191"/>
      <c r="EP294" s="191"/>
      <c r="EQ294" s="191"/>
      <c r="ER294" s="191"/>
      <c r="ES294" s="191"/>
      <c r="ET294" s="191"/>
      <c r="EU294" s="191"/>
      <c r="EV294" s="191"/>
      <c r="EW294" s="191"/>
      <c r="EX294" s="191"/>
      <c r="EY294" s="191"/>
      <c r="EZ294" s="191"/>
      <c r="FA294" s="191"/>
      <c r="FB294" s="191"/>
      <c r="FC294" s="191"/>
      <c r="FD294" s="191"/>
      <c r="FE294" s="191"/>
      <c r="FF294" s="191"/>
      <c r="FG294" s="191"/>
      <c r="FH294" s="191"/>
      <c r="FI294" s="191"/>
      <c r="FJ294" s="191"/>
      <c r="FK294" s="191"/>
      <c r="FL294" s="191"/>
      <c r="FM294" s="191"/>
      <c r="FN294" s="191"/>
      <c r="FO294" s="191"/>
      <c r="FP294" s="191"/>
      <c r="FQ294" s="191"/>
      <c r="FR294" s="191"/>
      <c r="FS294" s="191"/>
      <c r="FT294" s="191"/>
      <c r="FU294" s="191"/>
      <c r="FV294" s="191"/>
      <c r="FW294" s="191"/>
      <c r="FX294" s="191"/>
      <c r="FY294" s="191"/>
      <c r="FZ294" s="191"/>
      <c r="GA294" s="191"/>
      <c r="GB294" s="191"/>
      <c r="GC294" s="191"/>
      <c r="GD294" s="191"/>
      <c r="GE294" s="191"/>
      <c r="GF294" s="191"/>
      <c r="GG294" s="191"/>
      <c r="GH294" s="191"/>
      <c r="GI294" s="191"/>
      <c r="GJ294" s="191"/>
      <c r="GK294" s="191"/>
      <c r="GL294" s="191"/>
      <c r="GM294" s="191"/>
      <c r="GN294" s="191"/>
      <c r="GO294" s="191"/>
      <c r="GP294" s="191"/>
      <c r="GQ294" s="191"/>
      <c r="GR294" s="191"/>
      <c r="GS294" s="191"/>
      <c r="GT294" s="191"/>
      <c r="GU294" s="191"/>
      <c r="GV294" s="191"/>
      <c r="GW294" s="191"/>
      <c r="GX294" s="191"/>
      <c r="GY294" s="191"/>
      <c r="GZ294" s="191"/>
      <c r="HA294" s="191"/>
      <c r="HB294" s="191"/>
      <c r="HC294" s="191"/>
      <c r="HD294" s="191"/>
      <c r="HE294" s="191"/>
      <c r="HF294" s="191"/>
      <c r="HG294" s="191"/>
      <c r="HH294" s="191"/>
      <c r="HI294" s="191"/>
      <c r="HJ294" s="191"/>
      <c r="HK294" s="191"/>
      <c r="HL294" s="191"/>
      <c r="HM294" s="191"/>
      <c r="HN294" s="191"/>
      <c r="HO294" s="191"/>
      <c r="HP294" s="191"/>
      <c r="HQ294" s="191"/>
      <c r="HR294" s="191"/>
      <c r="HS294" s="191"/>
      <c r="HT294" s="191"/>
      <c r="HU294" s="191"/>
      <c r="HV294" s="191"/>
      <c r="HW294" s="191"/>
      <c r="HX294" s="191"/>
      <c r="HY294" s="191"/>
      <c r="HZ294" s="191"/>
      <c r="IA294" s="191"/>
      <c r="IB294" s="191"/>
      <c r="IC294" s="191"/>
      <c r="ID294" s="191"/>
      <c r="IE294" s="191"/>
      <c r="IF294" s="191"/>
      <c r="IG294" s="191"/>
      <c r="IH294" s="191"/>
      <c r="II294" s="191"/>
      <c r="IJ294" s="191"/>
      <c r="IK294" s="191"/>
      <c r="IL294" s="191"/>
      <c r="IM294" s="191"/>
      <c r="IN294" s="191"/>
      <c r="IO294" s="191"/>
      <c r="IP294" s="191"/>
      <c r="IQ294" s="191"/>
      <c r="IR294" s="191"/>
      <c r="IS294" s="191"/>
      <c r="IT294" s="191"/>
      <c r="IU294" s="191"/>
      <c r="IV294" s="191"/>
    </row>
    <row r="295" spans="1:256" s="570" customFormat="1" ht="70.2" customHeight="1" x14ac:dyDescent="0.2">
      <c r="A295" s="715"/>
      <c r="B295" s="716"/>
      <c r="C295" s="716"/>
      <c r="D295" s="716"/>
      <c r="E295" s="716"/>
      <c r="F295" s="716"/>
      <c r="G295" s="716"/>
      <c r="H295" s="716"/>
      <c r="I295" s="717"/>
      <c r="J295" s="843" t="s">
        <v>158</v>
      </c>
      <c r="K295" s="878"/>
      <c r="L295" s="914" t="s">
        <v>151</v>
      </c>
      <c r="M295" s="572"/>
      <c r="N295" s="710"/>
      <c r="O295" s="710"/>
      <c r="P295" s="710"/>
      <c r="Q295" s="711"/>
      <c r="R295" s="187"/>
      <c r="S295" s="188"/>
      <c r="T295" s="190"/>
      <c r="U295" s="190"/>
      <c r="V295" s="190"/>
      <c r="W295" s="190"/>
      <c r="X295" s="190"/>
      <c r="Y295" s="190"/>
      <c r="Z295" s="190"/>
      <c r="AA295" s="190"/>
      <c r="AB295" s="190"/>
      <c r="AC295" s="190"/>
      <c r="AD295" s="190"/>
      <c r="AE295" s="190"/>
      <c r="AF295" s="190"/>
      <c r="AG295" s="190"/>
      <c r="AH295" s="190"/>
      <c r="AI295" s="190"/>
      <c r="AJ295" s="190"/>
      <c r="AK295" s="190"/>
      <c r="AL295" s="190"/>
      <c r="AM295" s="190"/>
      <c r="AN295" s="190"/>
      <c r="AO295" s="190"/>
      <c r="AP295" s="190"/>
      <c r="AQ295" s="190"/>
      <c r="AR295" s="190"/>
      <c r="AS295" s="190"/>
      <c r="AT295" s="190"/>
      <c r="AU295" s="190"/>
      <c r="AV295" s="190"/>
      <c r="AW295" s="190"/>
      <c r="AX295" s="190"/>
      <c r="AY295" s="190"/>
      <c r="AZ295" s="190"/>
      <c r="BA295" s="190"/>
      <c r="BB295" s="190"/>
      <c r="BC295" s="191"/>
      <c r="BD295" s="191"/>
      <c r="BE295" s="191"/>
      <c r="BF295" s="191"/>
      <c r="BG295" s="191"/>
      <c r="BH295" s="191"/>
      <c r="BI295" s="191"/>
      <c r="BJ295" s="191"/>
      <c r="BK295" s="191"/>
      <c r="BL295" s="191"/>
      <c r="BM295" s="191"/>
      <c r="BN295" s="191"/>
      <c r="BO295" s="191"/>
      <c r="BP295" s="191"/>
      <c r="BQ295" s="191"/>
      <c r="BR295" s="191"/>
      <c r="BS295" s="191"/>
      <c r="BT295" s="191"/>
      <c r="BU295" s="191"/>
      <c r="BV295" s="191"/>
      <c r="BW295" s="191"/>
      <c r="BX295" s="191"/>
      <c r="BY295" s="191"/>
      <c r="BZ295" s="191"/>
      <c r="CA295" s="191"/>
      <c r="CB295" s="191"/>
      <c r="CC295" s="191"/>
      <c r="CD295" s="191"/>
      <c r="CE295" s="191"/>
      <c r="CF295" s="191"/>
      <c r="CG295" s="191"/>
      <c r="CH295" s="191"/>
      <c r="CI295" s="191"/>
      <c r="CJ295" s="191"/>
      <c r="CK295" s="191"/>
      <c r="CL295" s="191"/>
      <c r="CM295" s="191"/>
      <c r="CN295" s="191"/>
      <c r="CO295" s="191"/>
      <c r="CP295" s="191"/>
      <c r="CQ295" s="191"/>
      <c r="CR295" s="191"/>
      <c r="CS295" s="191"/>
      <c r="CT295" s="191"/>
      <c r="CU295" s="191"/>
      <c r="CV295" s="191"/>
      <c r="CW295" s="191"/>
      <c r="CX295" s="191"/>
      <c r="CY295" s="191"/>
      <c r="CZ295" s="191"/>
      <c r="DA295" s="191"/>
      <c r="DB295" s="191"/>
      <c r="DC295" s="191"/>
      <c r="DD295" s="191"/>
      <c r="DE295" s="191"/>
      <c r="DF295" s="191"/>
      <c r="DG295" s="191"/>
      <c r="DH295" s="191"/>
      <c r="DI295" s="191"/>
      <c r="DJ295" s="191"/>
      <c r="DK295" s="191"/>
      <c r="DL295" s="191"/>
      <c r="DM295" s="191"/>
      <c r="DN295" s="191"/>
      <c r="DO295" s="191"/>
      <c r="DP295" s="191"/>
      <c r="DQ295" s="191"/>
      <c r="DR295" s="191"/>
      <c r="DS295" s="191"/>
      <c r="DT295" s="191"/>
      <c r="DU295" s="191"/>
      <c r="DV295" s="191"/>
      <c r="DW295" s="191"/>
      <c r="DX295" s="191"/>
      <c r="DY295" s="191"/>
      <c r="DZ295" s="191"/>
      <c r="EA295" s="191"/>
      <c r="EB295" s="191"/>
      <c r="EC295" s="191"/>
      <c r="ED295" s="191"/>
      <c r="EE295" s="191"/>
      <c r="EF295" s="191"/>
      <c r="EG295" s="191"/>
      <c r="EH295" s="191"/>
      <c r="EI295" s="191"/>
      <c r="EJ295" s="191"/>
      <c r="EK295" s="191"/>
      <c r="EL295" s="191"/>
      <c r="EM295" s="191"/>
      <c r="EN295" s="191"/>
      <c r="EO295" s="191"/>
      <c r="EP295" s="191"/>
      <c r="EQ295" s="191"/>
      <c r="ER295" s="191"/>
      <c r="ES295" s="191"/>
      <c r="ET295" s="191"/>
      <c r="EU295" s="191"/>
      <c r="EV295" s="191"/>
      <c r="EW295" s="191"/>
      <c r="EX295" s="191"/>
      <c r="EY295" s="191"/>
      <c r="EZ295" s="191"/>
      <c r="FA295" s="191"/>
      <c r="FB295" s="191"/>
      <c r="FC295" s="191"/>
      <c r="FD295" s="191"/>
      <c r="FE295" s="191"/>
      <c r="FF295" s="191"/>
      <c r="FG295" s="191"/>
      <c r="FH295" s="191"/>
      <c r="FI295" s="191"/>
      <c r="FJ295" s="191"/>
      <c r="FK295" s="191"/>
      <c r="FL295" s="191"/>
      <c r="FM295" s="191"/>
      <c r="FN295" s="191"/>
      <c r="FO295" s="191"/>
      <c r="FP295" s="191"/>
      <c r="FQ295" s="191"/>
      <c r="FR295" s="191"/>
      <c r="FS295" s="191"/>
      <c r="FT295" s="191"/>
      <c r="FU295" s="191"/>
      <c r="FV295" s="191"/>
      <c r="FW295" s="191"/>
      <c r="FX295" s="191"/>
      <c r="FY295" s="191"/>
      <c r="FZ295" s="191"/>
      <c r="GA295" s="191"/>
      <c r="GB295" s="191"/>
      <c r="GC295" s="191"/>
      <c r="GD295" s="191"/>
      <c r="GE295" s="191"/>
      <c r="GF295" s="191"/>
      <c r="GG295" s="191"/>
      <c r="GH295" s="191"/>
      <c r="GI295" s="191"/>
      <c r="GJ295" s="191"/>
      <c r="GK295" s="191"/>
      <c r="GL295" s="191"/>
      <c r="GM295" s="191"/>
      <c r="GN295" s="191"/>
      <c r="GO295" s="191"/>
      <c r="GP295" s="191"/>
      <c r="GQ295" s="191"/>
      <c r="GR295" s="191"/>
      <c r="GS295" s="191"/>
      <c r="GT295" s="191"/>
      <c r="GU295" s="191"/>
      <c r="GV295" s="191"/>
      <c r="GW295" s="191"/>
      <c r="GX295" s="191"/>
      <c r="GY295" s="191"/>
      <c r="GZ295" s="191"/>
      <c r="HA295" s="191"/>
      <c r="HB295" s="191"/>
      <c r="HC295" s="191"/>
      <c r="HD295" s="191"/>
      <c r="HE295" s="191"/>
      <c r="HF295" s="191"/>
      <c r="HG295" s="191"/>
      <c r="HH295" s="191"/>
      <c r="HI295" s="191"/>
      <c r="HJ295" s="191"/>
      <c r="HK295" s="191"/>
      <c r="HL295" s="191"/>
      <c r="HM295" s="191"/>
      <c r="HN295" s="191"/>
      <c r="HO295" s="191"/>
      <c r="HP295" s="191"/>
      <c r="HQ295" s="191"/>
      <c r="HR295" s="191"/>
      <c r="HS295" s="191"/>
      <c r="HT295" s="191"/>
      <c r="HU295" s="191"/>
      <c r="HV295" s="191"/>
      <c r="HW295" s="191"/>
      <c r="HX295" s="191"/>
      <c r="HY295" s="191"/>
      <c r="HZ295" s="191"/>
      <c r="IA295" s="191"/>
      <c r="IB295" s="191"/>
      <c r="IC295" s="191"/>
      <c r="ID295" s="191"/>
      <c r="IE295" s="191"/>
      <c r="IF295" s="191"/>
      <c r="IG295" s="191"/>
      <c r="IH295" s="191"/>
      <c r="II295" s="191"/>
      <c r="IJ295" s="191"/>
      <c r="IK295" s="191"/>
      <c r="IL295" s="191"/>
      <c r="IM295" s="191"/>
      <c r="IN295" s="191"/>
      <c r="IO295" s="191"/>
      <c r="IP295" s="191"/>
      <c r="IQ295" s="191"/>
      <c r="IR295" s="191"/>
      <c r="IS295" s="191"/>
      <c r="IT295" s="191"/>
      <c r="IU295" s="191"/>
      <c r="IV295" s="191"/>
    </row>
    <row r="296" spans="1:256" s="570" customFormat="1" ht="70.2" customHeight="1" x14ac:dyDescent="0.2">
      <c r="A296" s="707" t="s">
        <v>334</v>
      </c>
      <c r="B296" s="708"/>
      <c r="C296" s="708"/>
      <c r="D296" s="708"/>
      <c r="E296" s="708"/>
      <c r="F296" s="708"/>
      <c r="G296" s="708"/>
      <c r="H296" s="708"/>
      <c r="I296" s="709"/>
      <c r="J296" s="915" t="s">
        <v>155</v>
      </c>
      <c r="K296" s="572" t="s">
        <v>156</v>
      </c>
      <c r="L296" s="710"/>
      <c r="M296" s="710"/>
      <c r="N296" s="710"/>
      <c r="O296" s="710"/>
      <c r="P296" s="710"/>
      <c r="Q296" s="711"/>
      <c r="R296" s="187"/>
      <c r="S296" s="188"/>
      <c r="T296" s="190"/>
      <c r="U296" s="190"/>
      <c r="V296" s="190"/>
      <c r="W296" s="190"/>
      <c r="X296" s="190"/>
      <c r="Y296" s="190"/>
      <c r="Z296" s="190"/>
      <c r="AA296" s="190"/>
      <c r="AB296" s="190"/>
      <c r="AC296" s="190"/>
      <c r="AD296" s="190"/>
      <c r="AE296" s="190"/>
      <c r="AF296" s="190"/>
      <c r="AG296" s="190"/>
      <c r="AH296" s="190"/>
      <c r="AI296" s="190"/>
      <c r="AJ296" s="190"/>
      <c r="AK296" s="190"/>
      <c r="AL296" s="190"/>
      <c r="AM296" s="190"/>
      <c r="AN296" s="190"/>
      <c r="AO296" s="190"/>
      <c r="AP296" s="190"/>
      <c r="AQ296" s="190"/>
      <c r="AR296" s="190"/>
      <c r="AS296" s="190"/>
      <c r="AT296" s="190"/>
      <c r="AU296" s="190"/>
      <c r="AV296" s="190"/>
      <c r="AW296" s="190"/>
      <c r="AX296" s="190"/>
      <c r="AY296" s="190"/>
      <c r="AZ296" s="190"/>
      <c r="BA296" s="190"/>
      <c r="BB296" s="190"/>
      <c r="BC296" s="191"/>
      <c r="BD296" s="191"/>
      <c r="BE296" s="191"/>
      <c r="BF296" s="191"/>
      <c r="BG296" s="191"/>
      <c r="BH296" s="191"/>
      <c r="BI296" s="191"/>
      <c r="BJ296" s="191"/>
      <c r="BK296" s="191"/>
      <c r="BL296" s="191"/>
      <c r="BM296" s="191"/>
      <c r="BN296" s="191"/>
      <c r="BO296" s="191"/>
      <c r="BP296" s="191"/>
      <c r="BQ296" s="191"/>
      <c r="BR296" s="191"/>
      <c r="BS296" s="191"/>
      <c r="BT296" s="191"/>
      <c r="BU296" s="191"/>
      <c r="BV296" s="191"/>
      <c r="BW296" s="191"/>
      <c r="BX296" s="191"/>
      <c r="BY296" s="191"/>
      <c r="BZ296" s="191"/>
      <c r="CA296" s="191"/>
      <c r="CB296" s="191"/>
      <c r="CC296" s="191"/>
      <c r="CD296" s="191"/>
      <c r="CE296" s="191"/>
      <c r="CF296" s="191"/>
      <c r="CG296" s="191"/>
      <c r="CH296" s="191"/>
      <c r="CI296" s="191"/>
      <c r="CJ296" s="191"/>
      <c r="CK296" s="191"/>
      <c r="CL296" s="191"/>
      <c r="CM296" s="191"/>
      <c r="CN296" s="191"/>
      <c r="CO296" s="191"/>
      <c r="CP296" s="191"/>
      <c r="CQ296" s="191"/>
      <c r="CR296" s="191"/>
      <c r="CS296" s="191"/>
      <c r="CT296" s="191"/>
      <c r="CU296" s="191"/>
      <c r="CV296" s="191"/>
      <c r="CW296" s="191"/>
      <c r="CX296" s="191"/>
      <c r="CY296" s="191"/>
      <c r="CZ296" s="191"/>
      <c r="DA296" s="191"/>
      <c r="DB296" s="191"/>
      <c r="DC296" s="191"/>
      <c r="DD296" s="191"/>
      <c r="DE296" s="191"/>
      <c r="DF296" s="191"/>
      <c r="DG296" s="191"/>
      <c r="DH296" s="191"/>
      <c r="DI296" s="191"/>
      <c r="DJ296" s="191"/>
      <c r="DK296" s="191"/>
      <c r="DL296" s="191"/>
      <c r="DM296" s="191"/>
      <c r="DN296" s="191"/>
      <c r="DO296" s="191"/>
      <c r="DP296" s="191"/>
      <c r="DQ296" s="191"/>
      <c r="DR296" s="191"/>
      <c r="DS296" s="191"/>
      <c r="DT296" s="191"/>
      <c r="DU296" s="191"/>
      <c r="DV296" s="191"/>
      <c r="DW296" s="191"/>
      <c r="DX296" s="191"/>
      <c r="DY296" s="191"/>
      <c r="DZ296" s="191"/>
      <c r="EA296" s="191"/>
      <c r="EB296" s="191"/>
      <c r="EC296" s="191"/>
      <c r="ED296" s="191"/>
      <c r="EE296" s="191"/>
      <c r="EF296" s="191"/>
      <c r="EG296" s="191"/>
      <c r="EH296" s="191"/>
      <c r="EI296" s="191"/>
      <c r="EJ296" s="191"/>
      <c r="EK296" s="191"/>
      <c r="EL296" s="191"/>
      <c r="EM296" s="191"/>
      <c r="EN296" s="191"/>
      <c r="EO296" s="191"/>
      <c r="EP296" s="191"/>
      <c r="EQ296" s="191"/>
      <c r="ER296" s="191"/>
      <c r="ES296" s="191"/>
      <c r="ET296" s="191"/>
      <c r="EU296" s="191"/>
      <c r="EV296" s="191"/>
      <c r="EW296" s="191"/>
      <c r="EX296" s="191"/>
      <c r="EY296" s="191"/>
      <c r="EZ296" s="191"/>
      <c r="FA296" s="191"/>
      <c r="FB296" s="191"/>
      <c r="FC296" s="191"/>
      <c r="FD296" s="191"/>
      <c r="FE296" s="191"/>
      <c r="FF296" s="191"/>
      <c r="FG296" s="191"/>
      <c r="FH296" s="191"/>
      <c r="FI296" s="191"/>
      <c r="FJ296" s="191"/>
      <c r="FK296" s="191"/>
      <c r="FL296" s="191"/>
      <c r="FM296" s="191"/>
      <c r="FN296" s="191"/>
      <c r="FO296" s="191"/>
      <c r="FP296" s="191"/>
      <c r="FQ296" s="191"/>
      <c r="FR296" s="191"/>
      <c r="FS296" s="191"/>
      <c r="FT296" s="191"/>
      <c r="FU296" s="191"/>
      <c r="FV296" s="191"/>
      <c r="FW296" s="191"/>
      <c r="FX296" s="191"/>
      <c r="FY296" s="191"/>
      <c r="FZ296" s="191"/>
      <c r="GA296" s="191"/>
      <c r="GB296" s="191"/>
      <c r="GC296" s="191"/>
      <c r="GD296" s="191"/>
      <c r="GE296" s="191"/>
      <c r="GF296" s="191"/>
      <c r="GG296" s="191"/>
      <c r="GH296" s="191"/>
      <c r="GI296" s="191"/>
      <c r="GJ296" s="191"/>
      <c r="GK296" s="191"/>
      <c r="GL296" s="191"/>
      <c r="GM296" s="191"/>
      <c r="GN296" s="191"/>
      <c r="GO296" s="191"/>
      <c r="GP296" s="191"/>
      <c r="GQ296" s="191"/>
      <c r="GR296" s="191"/>
      <c r="GS296" s="191"/>
      <c r="GT296" s="191"/>
      <c r="GU296" s="191"/>
      <c r="GV296" s="191"/>
      <c r="GW296" s="191"/>
      <c r="GX296" s="191"/>
      <c r="GY296" s="191"/>
      <c r="GZ296" s="191"/>
      <c r="HA296" s="191"/>
      <c r="HB296" s="191"/>
      <c r="HC296" s="191"/>
      <c r="HD296" s="191"/>
      <c r="HE296" s="191"/>
      <c r="HF296" s="191"/>
      <c r="HG296" s="191"/>
      <c r="HH296" s="191"/>
      <c r="HI296" s="191"/>
      <c r="HJ296" s="191"/>
      <c r="HK296" s="191"/>
      <c r="HL296" s="191"/>
      <c r="HM296" s="191"/>
      <c r="HN296" s="191"/>
      <c r="HO296" s="191"/>
      <c r="HP296" s="191"/>
      <c r="HQ296" s="191"/>
      <c r="HR296" s="191"/>
      <c r="HS296" s="191"/>
      <c r="HT296" s="191"/>
      <c r="HU296" s="191"/>
      <c r="HV296" s="191"/>
      <c r="HW296" s="191"/>
      <c r="HX296" s="191"/>
      <c r="HY296" s="191"/>
      <c r="HZ296" s="191"/>
      <c r="IA296" s="191"/>
      <c r="IB296" s="191"/>
      <c r="IC296" s="191"/>
      <c r="ID296" s="191"/>
      <c r="IE296" s="191"/>
      <c r="IF296" s="191"/>
      <c r="IG296" s="191"/>
      <c r="IH296" s="191"/>
      <c r="II296" s="191"/>
      <c r="IJ296" s="191"/>
      <c r="IK296" s="191"/>
      <c r="IL296" s="191"/>
      <c r="IM296" s="191"/>
      <c r="IN296" s="191"/>
      <c r="IO296" s="191"/>
      <c r="IP296" s="191"/>
      <c r="IQ296" s="191"/>
      <c r="IR296" s="191"/>
      <c r="IS296" s="191"/>
      <c r="IT296" s="191"/>
      <c r="IU296" s="191"/>
      <c r="IV296" s="191"/>
    </row>
    <row r="297" spans="1:256" s="570" customFormat="1" ht="70.2" customHeight="1" x14ac:dyDescent="0.2">
      <c r="A297" s="712"/>
      <c r="B297" s="713"/>
      <c r="C297" s="713"/>
      <c r="D297" s="713"/>
      <c r="E297" s="713"/>
      <c r="F297" s="713"/>
      <c r="G297" s="713"/>
      <c r="H297" s="713"/>
      <c r="I297" s="714"/>
      <c r="J297" s="572" t="s">
        <v>157</v>
      </c>
      <c r="K297" s="710"/>
      <c r="L297" s="710"/>
      <c r="M297" s="710"/>
      <c r="N297" s="710"/>
      <c r="O297" s="710"/>
      <c r="P297" s="710"/>
      <c r="Q297" s="711"/>
      <c r="R297" s="187"/>
      <c r="S297" s="188"/>
      <c r="T297" s="190"/>
      <c r="U297" s="190"/>
      <c r="V297" s="190"/>
      <c r="W297" s="190"/>
      <c r="X297" s="190"/>
      <c r="Y297" s="190"/>
      <c r="Z297" s="190"/>
      <c r="AA297" s="190"/>
      <c r="AB297" s="190"/>
      <c r="AC297" s="190"/>
      <c r="AD297" s="190"/>
      <c r="AE297" s="190"/>
      <c r="AF297" s="190"/>
      <c r="AG297" s="190"/>
      <c r="AH297" s="190"/>
      <c r="AI297" s="190"/>
      <c r="AJ297" s="190"/>
      <c r="AK297" s="190"/>
      <c r="AL297" s="190"/>
      <c r="AM297" s="190"/>
      <c r="AN297" s="190"/>
      <c r="AO297" s="190"/>
      <c r="AP297" s="190"/>
      <c r="AQ297" s="190"/>
      <c r="AR297" s="190"/>
      <c r="AS297" s="190"/>
      <c r="AT297" s="190"/>
      <c r="AU297" s="190"/>
      <c r="AV297" s="190"/>
      <c r="AW297" s="190"/>
      <c r="AX297" s="190"/>
      <c r="AY297" s="190"/>
      <c r="AZ297" s="190"/>
      <c r="BA297" s="190"/>
      <c r="BB297" s="190"/>
      <c r="BC297" s="191"/>
      <c r="BD297" s="191"/>
      <c r="BE297" s="191"/>
      <c r="BF297" s="191"/>
      <c r="BG297" s="191"/>
      <c r="BH297" s="191"/>
      <c r="BI297" s="191"/>
      <c r="BJ297" s="191"/>
      <c r="BK297" s="191"/>
      <c r="BL297" s="191"/>
      <c r="BM297" s="191"/>
      <c r="BN297" s="191"/>
      <c r="BO297" s="191"/>
      <c r="BP297" s="191"/>
      <c r="BQ297" s="191"/>
      <c r="BR297" s="191"/>
      <c r="BS297" s="191"/>
      <c r="BT297" s="191"/>
      <c r="BU297" s="191"/>
      <c r="BV297" s="191"/>
      <c r="BW297" s="191"/>
      <c r="BX297" s="191"/>
      <c r="BY297" s="191"/>
      <c r="BZ297" s="191"/>
      <c r="CA297" s="191"/>
      <c r="CB297" s="191"/>
      <c r="CC297" s="191"/>
      <c r="CD297" s="191"/>
      <c r="CE297" s="191"/>
      <c r="CF297" s="191"/>
      <c r="CG297" s="191"/>
      <c r="CH297" s="191"/>
      <c r="CI297" s="191"/>
      <c r="CJ297" s="191"/>
      <c r="CK297" s="191"/>
      <c r="CL297" s="191"/>
      <c r="CM297" s="191"/>
      <c r="CN297" s="191"/>
      <c r="CO297" s="191"/>
      <c r="CP297" s="191"/>
      <c r="CQ297" s="191"/>
      <c r="CR297" s="191"/>
      <c r="CS297" s="191"/>
      <c r="CT297" s="191"/>
      <c r="CU297" s="191"/>
      <c r="CV297" s="191"/>
      <c r="CW297" s="191"/>
      <c r="CX297" s="191"/>
      <c r="CY297" s="191"/>
      <c r="CZ297" s="191"/>
      <c r="DA297" s="191"/>
      <c r="DB297" s="191"/>
      <c r="DC297" s="191"/>
      <c r="DD297" s="191"/>
      <c r="DE297" s="191"/>
      <c r="DF297" s="191"/>
      <c r="DG297" s="191"/>
      <c r="DH297" s="191"/>
      <c r="DI297" s="191"/>
      <c r="DJ297" s="191"/>
      <c r="DK297" s="191"/>
      <c r="DL297" s="191"/>
      <c r="DM297" s="191"/>
      <c r="DN297" s="191"/>
      <c r="DO297" s="191"/>
      <c r="DP297" s="191"/>
      <c r="DQ297" s="191"/>
      <c r="DR297" s="191"/>
      <c r="DS297" s="191"/>
      <c r="DT297" s="191"/>
      <c r="DU297" s="191"/>
      <c r="DV297" s="191"/>
      <c r="DW297" s="191"/>
      <c r="DX297" s="191"/>
      <c r="DY297" s="191"/>
      <c r="DZ297" s="191"/>
      <c r="EA297" s="191"/>
      <c r="EB297" s="191"/>
      <c r="EC297" s="191"/>
      <c r="ED297" s="191"/>
      <c r="EE297" s="191"/>
      <c r="EF297" s="191"/>
      <c r="EG297" s="191"/>
      <c r="EH297" s="191"/>
      <c r="EI297" s="191"/>
      <c r="EJ297" s="191"/>
      <c r="EK297" s="191"/>
      <c r="EL297" s="191"/>
      <c r="EM297" s="191"/>
      <c r="EN297" s="191"/>
      <c r="EO297" s="191"/>
      <c r="EP297" s="191"/>
      <c r="EQ297" s="191"/>
      <c r="ER297" s="191"/>
      <c r="ES297" s="191"/>
      <c r="ET297" s="191"/>
      <c r="EU297" s="191"/>
      <c r="EV297" s="191"/>
      <c r="EW297" s="191"/>
      <c r="EX297" s="191"/>
      <c r="EY297" s="191"/>
      <c r="EZ297" s="191"/>
      <c r="FA297" s="191"/>
      <c r="FB297" s="191"/>
      <c r="FC297" s="191"/>
      <c r="FD297" s="191"/>
      <c r="FE297" s="191"/>
      <c r="FF297" s="191"/>
      <c r="FG297" s="191"/>
      <c r="FH297" s="191"/>
      <c r="FI297" s="191"/>
      <c r="FJ297" s="191"/>
      <c r="FK297" s="191"/>
      <c r="FL297" s="191"/>
      <c r="FM297" s="191"/>
      <c r="FN297" s="191"/>
      <c r="FO297" s="191"/>
      <c r="FP297" s="191"/>
      <c r="FQ297" s="191"/>
      <c r="FR297" s="191"/>
      <c r="FS297" s="191"/>
      <c r="FT297" s="191"/>
      <c r="FU297" s="191"/>
      <c r="FV297" s="191"/>
      <c r="FW297" s="191"/>
      <c r="FX297" s="191"/>
      <c r="FY297" s="191"/>
      <c r="FZ297" s="191"/>
      <c r="GA297" s="191"/>
      <c r="GB297" s="191"/>
      <c r="GC297" s="191"/>
      <c r="GD297" s="191"/>
      <c r="GE297" s="191"/>
      <c r="GF297" s="191"/>
      <c r="GG297" s="191"/>
      <c r="GH297" s="191"/>
      <c r="GI297" s="191"/>
      <c r="GJ297" s="191"/>
      <c r="GK297" s="191"/>
      <c r="GL297" s="191"/>
      <c r="GM297" s="191"/>
      <c r="GN297" s="191"/>
      <c r="GO297" s="191"/>
      <c r="GP297" s="191"/>
      <c r="GQ297" s="191"/>
      <c r="GR297" s="191"/>
      <c r="GS297" s="191"/>
      <c r="GT297" s="191"/>
      <c r="GU297" s="191"/>
      <c r="GV297" s="191"/>
      <c r="GW297" s="191"/>
      <c r="GX297" s="191"/>
      <c r="GY297" s="191"/>
      <c r="GZ297" s="191"/>
      <c r="HA297" s="191"/>
      <c r="HB297" s="191"/>
      <c r="HC297" s="191"/>
      <c r="HD297" s="191"/>
      <c r="HE297" s="191"/>
      <c r="HF297" s="191"/>
      <c r="HG297" s="191"/>
      <c r="HH297" s="191"/>
      <c r="HI297" s="191"/>
      <c r="HJ297" s="191"/>
      <c r="HK297" s="191"/>
      <c r="HL297" s="191"/>
      <c r="HM297" s="191"/>
      <c r="HN297" s="191"/>
      <c r="HO297" s="191"/>
      <c r="HP297" s="191"/>
      <c r="HQ297" s="191"/>
      <c r="HR297" s="191"/>
      <c r="HS297" s="191"/>
      <c r="HT297" s="191"/>
      <c r="HU297" s="191"/>
      <c r="HV297" s="191"/>
      <c r="HW297" s="191"/>
      <c r="HX297" s="191"/>
      <c r="HY297" s="191"/>
      <c r="HZ297" s="191"/>
      <c r="IA297" s="191"/>
      <c r="IB297" s="191"/>
      <c r="IC297" s="191"/>
      <c r="ID297" s="191"/>
      <c r="IE297" s="191"/>
      <c r="IF297" s="191"/>
      <c r="IG297" s="191"/>
      <c r="IH297" s="191"/>
      <c r="II297" s="191"/>
      <c r="IJ297" s="191"/>
      <c r="IK297" s="191"/>
      <c r="IL297" s="191"/>
      <c r="IM297" s="191"/>
      <c r="IN297" s="191"/>
      <c r="IO297" s="191"/>
      <c r="IP297" s="191"/>
      <c r="IQ297" s="191"/>
      <c r="IR297" s="191"/>
      <c r="IS297" s="191"/>
      <c r="IT297" s="191"/>
      <c r="IU297" s="191"/>
      <c r="IV297" s="191"/>
    </row>
    <row r="298" spans="1:256" s="570" customFormat="1" ht="70.2" customHeight="1" x14ac:dyDescent="0.2">
      <c r="A298" s="715"/>
      <c r="B298" s="716"/>
      <c r="C298" s="716"/>
      <c r="D298" s="716"/>
      <c r="E298" s="716"/>
      <c r="F298" s="716"/>
      <c r="G298" s="716"/>
      <c r="H298" s="716"/>
      <c r="I298" s="717"/>
      <c r="J298" s="843" t="s">
        <v>158</v>
      </c>
      <c r="K298" s="878"/>
      <c r="L298" s="914" t="s">
        <v>151</v>
      </c>
      <c r="M298" s="572"/>
      <c r="N298" s="710"/>
      <c r="O298" s="710"/>
      <c r="P298" s="710"/>
      <c r="Q298" s="711"/>
      <c r="R298" s="187"/>
      <c r="S298" s="188"/>
      <c r="T298" s="190"/>
      <c r="U298" s="190"/>
      <c r="V298" s="190"/>
      <c r="W298" s="190"/>
      <c r="X298" s="190"/>
      <c r="Y298" s="190"/>
      <c r="Z298" s="190"/>
      <c r="AA298" s="190"/>
      <c r="AB298" s="190"/>
      <c r="AC298" s="190"/>
      <c r="AD298" s="190"/>
      <c r="AE298" s="190"/>
      <c r="AF298" s="190"/>
      <c r="AG298" s="190"/>
      <c r="AH298" s="190"/>
      <c r="AI298" s="190"/>
      <c r="AJ298" s="190"/>
      <c r="AK298" s="190"/>
      <c r="AL298" s="190"/>
      <c r="AM298" s="190"/>
      <c r="AN298" s="190"/>
      <c r="AO298" s="190"/>
      <c r="AP298" s="190"/>
      <c r="AQ298" s="190"/>
      <c r="AR298" s="190"/>
      <c r="AS298" s="190"/>
      <c r="AT298" s="190"/>
      <c r="AU298" s="190"/>
      <c r="AV298" s="190"/>
      <c r="AW298" s="190"/>
      <c r="AX298" s="190"/>
      <c r="AY298" s="190"/>
      <c r="AZ298" s="190"/>
      <c r="BA298" s="190"/>
      <c r="BB298" s="190"/>
      <c r="BC298" s="191"/>
      <c r="BD298" s="191"/>
      <c r="BE298" s="191"/>
      <c r="BF298" s="191"/>
      <c r="BG298" s="191"/>
      <c r="BH298" s="191"/>
      <c r="BI298" s="191"/>
      <c r="BJ298" s="191"/>
      <c r="BK298" s="191"/>
      <c r="BL298" s="191"/>
      <c r="BM298" s="191"/>
      <c r="BN298" s="191"/>
      <c r="BO298" s="191"/>
      <c r="BP298" s="191"/>
      <c r="BQ298" s="191"/>
      <c r="BR298" s="191"/>
      <c r="BS298" s="191"/>
      <c r="BT298" s="191"/>
      <c r="BU298" s="191"/>
      <c r="BV298" s="191"/>
      <c r="BW298" s="191"/>
      <c r="BX298" s="191"/>
      <c r="BY298" s="191"/>
      <c r="BZ298" s="191"/>
      <c r="CA298" s="191"/>
      <c r="CB298" s="191"/>
      <c r="CC298" s="191"/>
      <c r="CD298" s="191"/>
      <c r="CE298" s="191"/>
      <c r="CF298" s="191"/>
      <c r="CG298" s="191"/>
      <c r="CH298" s="191"/>
      <c r="CI298" s="191"/>
      <c r="CJ298" s="191"/>
      <c r="CK298" s="191"/>
      <c r="CL298" s="191"/>
      <c r="CM298" s="191"/>
      <c r="CN298" s="191"/>
      <c r="CO298" s="191"/>
      <c r="CP298" s="191"/>
      <c r="CQ298" s="191"/>
      <c r="CR298" s="191"/>
      <c r="CS298" s="191"/>
      <c r="CT298" s="191"/>
      <c r="CU298" s="191"/>
      <c r="CV298" s="191"/>
      <c r="CW298" s="191"/>
      <c r="CX298" s="191"/>
      <c r="CY298" s="191"/>
      <c r="CZ298" s="191"/>
      <c r="DA298" s="191"/>
      <c r="DB298" s="191"/>
      <c r="DC298" s="191"/>
      <c r="DD298" s="191"/>
      <c r="DE298" s="191"/>
      <c r="DF298" s="191"/>
      <c r="DG298" s="191"/>
      <c r="DH298" s="191"/>
      <c r="DI298" s="191"/>
      <c r="DJ298" s="191"/>
      <c r="DK298" s="191"/>
      <c r="DL298" s="191"/>
      <c r="DM298" s="191"/>
      <c r="DN298" s="191"/>
      <c r="DO298" s="191"/>
      <c r="DP298" s="191"/>
      <c r="DQ298" s="191"/>
      <c r="DR298" s="191"/>
      <c r="DS298" s="191"/>
      <c r="DT298" s="191"/>
      <c r="DU298" s="191"/>
      <c r="DV298" s="191"/>
      <c r="DW298" s="191"/>
      <c r="DX298" s="191"/>
      <c r="DY298" s="191"/>
      <c r="DZ298" s="191"/>
      <c r="EA298" s="191"/>
      <c r="EB298" s="191"/>
      <c r="EC298" s="191"/>
      <c r="ED298" s="191"/>
      <c r="EE298" s="191"/>
      <c r="EF298" s="191"/>
      <c r="EG298" s="191"/>
      <c r="EH298" s="191"/>
      <c r="EI298" s="191"/>
      <c r="EJ298" s="191"/>
      <c r="EK298" s="191"/>
      <c r="EL298" s="191"/>
      <c r="EM298" s="191"/>
      <c r="EN298" s="191"/>
      <c r="EO298" s="191"/>
      <c r="EP298" s="191"/>
      <c r="EQ298" s="191"/>
      <c r="ER298" s="191"/>
      <c r="ES298" s="191"/>
      <c r="ET298" s="191"/>
      <c r="EU298" s="191"/>
      <c r="EV298" s="191"/>
      <c r="EW298" s="191"/>
      <c r="EX298" s="191"/>
      <c r="EY298" s="191"/>
      <c r="EZ298" s="191"/>
      <c r="FA298" s="191"/>
      <c r="FB298" s="191"/>
      <c r="FC298" s="191"/>
      <c r="FD298" s="191"/>
      <c r="FE298" s="191"/>
      <c r="FF298" s="191"/>
      <c r="FG298" s="191"/>
      <c r="FH298" s="191"/>
      <c r="FI298" s="191"/>
      <c r="FJ298" s="191"/>
      <c r="FK298" s="191"/>
      <c r="FL298" s="191"/>
      <c r="FM298" s="191"/>
      <c r="FN298" s="191"/>
      <c r="FO298" s="191"/>
      <c r="FP298" s="191"/>
      <c r="FQ298" s="191"/>
      <c r="FR298" s="191"/>
      <c r="FS298" s="191"/>
      <c r="FT298" s="191"/>
      <c r="FU298" s="191"/>
      <c r="FV298" s="191"/>
      <c r="FW298" s="191"/>
      <c r="FX298" s="191"/>
      <c r="FY298" s="191"/>
      <c r="FZ298" s="191"/>
      <c r="GA298" s="191"/>
      <c r="GB298" s="191"/>
      <c r="GC298" s="191"/>
      <c r="GD298" s="191"/>
      <c r="GE298" s="191"/>
      <c r="GF298" s="191"/>
      <c r="GG298" s="191"/>
      <c r="GH298" s="191"/>
      <c r="GI298" s="191"/>
      <c r="GJ298" s="191"/>
      <c r="GK298" s="191"/>
      <c r="GL298" s="191"/>
      <c r="GM298" s="191"/>
      <c r="GN298" s="191"/>
      <c r="GO298" s="191"/>
      <c r="GP298" s="191"/>
      <c r="GQ298" s="191"/>
      <c r="GR298" s="191"/>
      <c r="GS298" s="191"/>
      <c r="GT298" s="191"/>
      <c r="GU298" s="191"/>
      <c r="GV298" s="191"/>
      <c r="GW298" s="191"/>
      <c r="GX298" s="191"/>
      <c r="GY298" s="191"/>
      <c r="GZ298" s="191"/>
      <c r="HA298" s="191"/>
      <c r="HB298" s="191"/>
      <c r="HC298" s="191"/>
      <c r="HD298" s="191"/>
      <c r="HE298" s="191"/>
      <c r="HF298" s="191"/>
      <c r="HG298" s="191"/>
      <c r="HH298" s="191"/>
      <c r="HI298" s="191"/>
      <c r="HJ298" s="191"/>
      <c r="HK298" s="191"/>
      <c r="HL298" s="191"/>
      <c r="HM298" s="191"/>
      <c r="HN298" s="191"/>
      <c r="HO298" s="191"/>
      <c r="HP298" s="191"/>
      <c r="HQ298" s="191"/>
      <c r="HR298" s="191"/>
      <c r="HS298" s="191"/>
      <c r="HT298" s="191"/>
      <c r="HU298" s="191"/>
      <c r="HV298" s="191"/>
      <c r="HW298" s="191"/>
      <c r="HX298" s="191"/>
      <c r="HY298" s="191"/>
      <c r="HZ298" s="191"/>
      <c r="IA298" s="191"/>
      <c r="IB298" s="191"/>
      <c r="IC298" s="191"/>
      <c r="ID298" s="191"/>
      <c r="IE298" s="191"/>
      <c r="IF298" s="191"/>
      <c r="IG298" s="191"/>
      <c r="IH298" s="191"/>
      <c r="II298" s="191"/>
      <c r="IJ298" s="191"/>
      <c r="IK298" s="191"/>
      <c r="IL298" s="191"/>
      <c r="IM298" s="191"/>
      <c r="IN298" s="191"/>
      <c r="IO298" s="191"/>
      <c r="IP298" s="191"/>
      <c r="IQ298" s="191"/>
      <c r="IR298" s="191"/>
      <c r="IS298" s="191"/>
      <c r="IT298" s="191"/>
      <c r="IU298" s="191"/>
      <c r="IV298" s="191"/>
    </row>
    <row r="299" spans="1:256" s="570" customFormat="1" ht="70.2" customHeight="1" x14ac:dyDescent="0.2">
      <c r="A299" s="707" t="s">
        <v>335</v>
      </c>
      <c r="B299" s="708"/>
      <c r="C299" s="708"/>
      <c r="D299" s="708"/>
      <c r="E299" s="708"/>
      <c r="F299" s="708"/>
      <c r="G299" s="708"/>
      <c r="H299" s="708"/>
      <c r="I299" s="709"/>
      <c r="J299" s="572" t="s">
        <v>336</v>
      </c>
      <c r="K299" s="710"/>
      <c r="L299" s="710"/>
      <c r="M299" s="710"/>
      <c r="N299" s="710"/>
      <c r="O299" s="710"/>
      <c r="P299" s="710"/>
      <c r="Q299" s="711"/>
      <c r="R299" s="187"/>
      <c r="S299" s="188"/>
      <c r="T299" s="190"/>
      <c r="U299" s="190"/>
      <c r="V299" s="190"/>
      <c r="W299" s="190"/>
      <c r="X299" s="190"/>
      <c r="Y299" s="190"/>
      <c r="Z299" s="190"/>
      <c r="AA299" s="190"/>
      <c r="AB299" s="190"/>
      <c r="AC299" s="190"/>
      <c r="AD299" s="190"/>
      <c r="AE299" s="190"/>
      <c r="AF299" s="190"/>
      <c r="AG299" s="190"/>
      <c r="AH299" s="190"/>
      <c r="AI299" s="190"/>
      <c r="AJ299" s="190"/>
      <c r="AK299" s="190"/>
      <c r="AL299" s="190"/>
      <c r="AM299" s="190"/>
      <c r="AN299" s="190"/>
      <c r="AO299" s="190"/>
      <c r="AP299" s="190"/>
      <c r="AQ299" s="190"/>
      <c r="AR299" s="190"/>
      <c r="AS299" s="190"/>
      <c r="AT299" s="190"/>
      <c r="AU299" s="190"/>
      <c r="AV299" s="190"/>
      <c r="AW299" s="190"/>
      <c r="AX299" s="190"/>
      <c r="AY299" s="190"/>
      <c r="AZ299" s="190"/>
      <c r="BA299" s="190"/>
      <c r="BB299" s="190"/>
      <c r="BC299" s="191"/>
      <c r="BD299" s="191"/>
      <c r="BE299" s="191"/>
      <c r="BF299" s="191"/>
      <c r="BG299" s="191"/>
      <c r="BH299" s="191"/>
      <c r="BI299" s="191"/>
      <c r="BJ299" s="191"/>
      <c r="BK299" s="191"/>
      <c r="BL299" s="191"/>
      <c r="BM299" s="191"/>
      <c r="BN299" s="191"/>
      <c r="BO299" s="191"/>
      <c r="BP299" s="191"/>
      <c r="BQ299" s="191"/>
      <c r="BR299" s="191"/>
      <c r="BS299" s="191"/>
      <c r="BT299" s="191"/>
      <c r="BU299" s="191"/>
      <c r="BV299" s="191"/>
      <c r="BW299" s="191"/>
      <c r="BX299" s="191"/>
      <c r="BY299" s="191"/>
      <c r="BZ299" s="191"/>
      <c r="CA299" s="191"/>
      <c r="CB299" s="191"/>
      <c r="CC299" s="191"/>
      <c r="CD299" s="191"/>
      <c r="CE299" s="191"/>
      <c r="CF299" s="191"/>
      <c r="CG299" s="191"/>
      <c r="CH299" s="191"/>
      <c r="CI299" s="191"/>
      <c r="CJ299" s="191"/>
      <c r="CK299" s="191"/>
      <c r="CL299" s="191"/>
      <c r="CM299" s="191"/>
      <c r="CN299" s="191"/>
      <c r="CO299" s="191"/>
      <c r="CP299" s="191"/>
      <c r="CQ299" s="191"/>
      <c r="CR299" s="191"/>
      <c r="CS299" s="191"/>
      <c r="CT299" s="191"/>
      <c r="CU299" s="191"/>
      <c r="CV299" s="191"/>
      <c r="CW299" s="191"/>
      <c r="CX299" s="191"/>
      <c r="CY299" s="191"/>
      <c r="CZ299" s="191"/>
      <c r="DA299" s="191"/>
      <c r="DB299" s="191"/>
      <c r="DC299" s="191"/>
      <c r="DD299" s="191"/>
      <c r="DE299" s="191"/>
      <c r="DF299" s="191"/>
      <c r="DG299" s="191"/>
      <c r="DH299" s="191"/>
      <c r="DI299" s="191"/>
      <c r="DJ299" s="191"/>
      <c r="DK299" s="191"/>
      <c r="DL299" s="191"/>
      <c r="DM299" s="191"/>
      <c r="DN299" s="191"/>
      <c r="DO299" s="191"/>
      <c r="DP299" s="191"/>
      <c r="DQ299" s="191"/>
      <c r="DR299" s="191"/>
      <c r="DS299" s="191"/>
      <c r="DT299" s="191"/>
      <c r="DU299" s="191"/>
      <c r="DV299" s="191"/>
      <c r="DW299" s="191"/>
      <c r="DX299" s="191"/>
      <c r="DY299" s="191"/>
      <c r="DZ299" s="191"/>
      <c r="EA299" s="191"/>
      <c r="EB299" s="191"/>
      <c r="EC299" s="191"/>
      <c r="ED299" s="191"/>
      <c r="EE299" s="191"/>
      <c r="EF299" s="191"/>
      <c r="EG299" s="191"/>
      <c r="EH299" s="191"/>
      <c r="EI299" s="191"/>
      <c r="EJ299" s="191"/>
      <c r="EK299" s="191"/>
      <c r="EL299" s="191"/>
      <c r="EM299" s="191"/>
      <c r="EN299" s="191"/>
      <c r="EO299" s="191"/>
      <c r="EP299" s="191"/>
      <c r="EQ299" s="191"/>
      <c r="ER299" s="191"/>
      <c r="ES299" s="191"/>
      <c r="ET299" s="191"/>
      <c r="EU299" s="191"/>
      <c r="EV299" s="191"/>
      <c r="EW299" s="191"/>
      <c r="EX299" s="191"/>
      <c r="EY299" s="191"/>
      <c r="EZ299" s="191"/>
      <c r="FA299" s="191"/>
      <c r="FB299" s="191"/>
      <c r="FC299" s="191"/>
      <c r="FD299" s="191"/>
      <c r="FE299" s="191"/>
      <c r="FF299" s="191"/>
      <c r="FG299" s="191"/>
      <c r="FH299" s="191"/>
      <c r="FI299" s="191"/>
      <c r="FJ299" s="191"/>
      <c r="FK299" s="191"/>
      <c r="FL299" s="191"/>
      <c r="FM299" s="191"/>
      <c r="FN299" s="191"/>
      <c r="FO299" s="191"/>
      <c r="FP299" s="191"/>
      <c r="FQ299" s="191"/>
      <c r="FR299" s="191"/>
      <c r="FS299" s="191"/>
      <c r="FT299" s="191"/>
      <c r="FU299" s="191"/>
      <c r="FV299" s="191"/>
      <c r="FW299" s="191"/>
      <c r="FX299" s="191"/>
      <c r="FY299" s="191"/>
      <c r="FZ299" s="191"/>
      <c r="GA299" s="191"/>
      <c r="GB299" s="191"/>
      <c r="GC299" s="191"/>
      <c r="GD299" s="191"/>
      <c r="GE299" s="191"/>
      <c r="GF299" s="191"/>
      <c r="GG299" s="191"/>
      <c r="GH299" s="191"/>
      <c r="GI299" s="191"/>
      <c r="GJ299" s="191"/>
      <c r="GK299" s="191"/>
      <c r="GL299" s="191"/>
      <c r="GM299" s="191"/>
      <c r="GN299" s="191"/>
      <c r="GO299" s="191"/>
      <c r="GP299" s="191"/>
      <c r="GQ299" s="191"/>
      <c r="GR299" s="191"/>
      <c r="GS299" s="191"/>
      <c r="GT299" s="191"/>
      <c r="GU299" s="191"/>
      <c r="GV299" s="191"/>
      <c r="GW299" s="191"/>
      <c r="GX299" s="191"/>
      <c r="GY299" s="191"/>
      <c r="GZ299" s="191"/>
      <c r="HA299" s="191"/>
      <c r="HB299" s="191"/>
      <c r="HC299" s="191"/>
      <c r="HD299" s="191"/>
      <c r="HE299" s="191"/>
      <c r="HF299" s="191"/>
      <c r="HG299" s="191"/>
      <c r="HH299" s="191"/>
      <c r="HI299" s="191"/>
      <c r="HJ299" s="191"/>
      <c r="HK299" s="191"/>
      <c r="HL299" s="191"/>
      <c r="HM299" s="191"/>
      <c r="HN299" s="191"/>
      <c r="HO299" s="191"/>
      <c r="HP299" s="191"/>
      <c r="HQ299" s="191"/>
      <c r="HR299" s="191"/>
      <c r="HS299" s="191"/>
      <c r="HT299" s="191"/>
      <c r="HU299" s="191"/>
      <c r="HV299" s="191"/>
      <c r="HW299" s="191"/>
      <c r="HX299" s="191"/>
      <c r="HY299" s="191"/>
      <c r="HZ299" s="191"/>
      <c r="IA299" s="191"/>
      <c r="IB299" s="191"/>
      <c r="IC299" s="191"/>
      <c r="ID299" s="191"/>
      <c r="IE299" s="191"/>
      <c r="IF299" s="191"/>
      <c r="IG299" s="191"/>
      <c r="IH299" s="191"/>
      <c r="II299" s="191"/>
      <c r="IJ299" s="191"/>
      <c r="IK299" s="191"/>
      <c r="IL299" s="191"/>
      <c r="IM299" s="191"/>
      <c r="IN299" s="191"/>
      <c r="IO299" s="191"/>
      <c r="IP299" s="191"/>
      <c r="IQ299" s="191"/>
      <c r="IR299" s="191"/>
      <c r="IS299" s="191"/>
      <c r="IT299" s="191"/>
      <c r="IU299" s="191"/>
      <c r="IV299" s="191"/>
    </row>
    <row r="300" spans="1:256" s="191" customFormat="1" ht="69.900000000000006" customHeight="1" x14ac:dyDescent="0.2">
      <c r="A300" s="715"/>
      <c r="B300" s="716"/>
      <c r="C300" s="716"/>
      <c r="D300" s="716"/>
      <c r="E300" s="716"/>
      <c r="F300" s="716"/>
      <c r="G300" s="716"/>
      <c r="H300" s="716"/>
      <c r="I300" s="717"/>
      <c r="J300" s="843" t="s">
        <v>337</v>
      </c>
      <c r="K300" s="878"/>
      <c r="L300" s="916" t="s">
        <v>338</v>
      </c>
      <c r="M300" s="862" t="s">
        <v>339</v>
      </c>
      <c r="N300" s="863"/>
      <c r="O300" s="863"/>
      <c r="P300" s="863"/>
      <c r="Q300" s="864"/>
      <c r="R300" s="187"/>
      <c r="S300" s="188"/>
      <c r="T300" s="190"/>
      <c r="U300" s="190"/>
      <c r="V300" s="190"/>
      <c r="W300" s="190"/>
      <c r="X300" s="190"/>
      <c r="Y300" s="190"/>
      <c r="Z300" s="190"/>
      <c r="AA300" s="190"/>
      <c r="AB300" s="190"/>
      <c r="AC300" s="190"/>
      <c r="AD300" s="190"/>
      <c r="AE300" s="190"/>
      <c r="AF300" s="190"/>
      <c r="AG300" s="190"/>
      <c r="AH300" s="190"/>
      <c r="AI300" s="190"/>
      <c r="AJ300" s="190"/>
      <c r="AK300" s="190"/>
      <c r="AL300" s="190"/>
      <c r="AM300" s="190"/>
      <c r="AN300" s="190"/>
      <c r="AO300" s="190"/>
      <c r="AP300" s="190"/>
      <c r="AQ300" s="190"/>
      <c r="AR300" s="190"/>
      <c r="AS300" s="190"/>
      <c r="AT300" s="190"/>
      <c r="AU300" s="190"/>
      <c r="AV300" s="190"/>
      <c r="AW300" s="190"/>
      <c r="AX300" s="190"/>
      <c r="AY300" s="190"/>
      <c r="AZ300" s="190"/>
      <c r="BA300" s="190"/>
      <c r="BB300" s="190"/>
    </row>
    <row r="301" spans="1:256" s="570" customFormat="1" ht="70.2" customHeight="1" x14ac:dyDescent="0.2">
      <c r="A301" s="917" t="s">
        <v>160</v>
      </c>
      <c r="B301" s="918"/>
      <c r="C301" s="918"/>
      <c r="D301" s="918"/>
      <c r="E301" s="918"/>
      <c r="F301" s="918"/>
      <c r="G301" s="918"/>
      <c r="H301" s="918"/>
      <c r="I301" s="919"/>
      <c r="J301" s="920"/>
      <c r="K301" s="918"/>
      <c r="L301" s="918"/>
      <c r="M301" s="918"/>
      <c r="N301" s="918"/>
      <c r="O301" s="918"/>
      <c r="P301" s="918"/>
      <c r="Q301" s="921"/>
      <c r="R301" s="561"/>
      <c r="S301" s="595"/>
      <c r="T301" s="600"/>
      <c r="U301" s="600"/>
      <c r="V301" s="600"/>
      <c r="W301" s="600"/>
      <c r="X301" s="600"/>
      <c r="Y301" s="600"/>
      <c r="Z301" s="600"/>
      <c r="AA301" s="600"/>
      <c r="AB301" s="600"/>
      <c r="AC301" s="600"/>
      <c r="AD301" s="600"/>
      <c r="AE301" s="600"/>
      <c r="AF301" s="600"/>
      <c r="AG301" s="600"/>
      <c r="AH301" s="600"/>
      <c r="AI301" s="600"/>
      <c r="AJ301" s="600"/>
      <c r="AK301" s="600"/>
      <c r="AL301" s="600"/>
      <c r="AM301" s="600"/>
      <c r="AN301" s="600"/>
      <c r="AO301" s="600"/>
      <c r="AP301" s="600"/>
      <c r="AQ301" s="600"/>
      <c r="AR301" s="600"/>
      <c r="AS301" s="600"/>
      <c r="AT301" s="600"/>
      <c r="AU301" s="600"/>
      <c r="AV301" s="600"/>
      <c r="AW301" s="600"/>
      <c r="AX301" s="600"/>
      <c r="AY301" s="600"/>
      <c r="AZ301" s="600"/>
      <c r="BA301" s="600"/>
      <c r="BB301" s="600"/>
    </row>
    <row r="302" spans="1:256" s="546" customFormat="1" ht="69.900000000000006" customHeight="1" x14ac:dyDescent="0.2">
      <c r="A302" s="922" t="s">
        <v>340</v>
      </c>
      <c r="B302" s="923"/>
      <c r="C302" s="923"/>
      <c r="D302" s="923"/>
      <c r="E302" s="923"/>
      <c r="F302" s="923"/>
      <c r="G302" s="923"/>
      <c r="H302" s="923"/>
      <c r="I302" s="923"/>
      <c r="J302" s="923"/>
      <c r="K302" s="923"/>
      <c r="L302" s="923"/>
      <c r="M302" s="923"/>
      <c r="N302" s="923"/>
      <c r="O302" s="923"/>
      <c r="P302" s="923"/>
      <c r="Q302" s="924"/>
      <c r="R302" s="561"/>
      <c r="S302" s="199"/>
    </row>
    <row r="303" spans="1:256" s="546" customFormat="1" ht="69.900000000000006" customHeight="1" x14ac:dyDescent="0.2">
      <c r="A303" s="696" t="s">
        <v>341</v>
      </c>
      <c r="B303" s="697"/>
      <c r="C303" s="697"/>
      <c r="D303" s="697"/>
      <c r="E303" s="697"/>
      <c r="F303" s="697"/>
      <c r="G303" s="697"/>
      <c r="H303" s="697"/>
      <c r="I303" s="697"/>
      <c r="J303" s="697"/>
      <c r="K303" s="697"/>
      <c r="L303" s="697"/>
      <c r="M303" s="697"/>
      <c r="N303" s="697"/>
      <c r="O303" s="697"/>
      <c r="P303" s="697"/>
      <c r="Q303" s="698"/>
      <c r="R303" s="561"/>
      <c r="S303" s="199"/>
    </row>
    <row r="304" spans="1:256" s="570" customFormat="1" ht="69.599999999999994" customHeight="1" x14ac:dyDescent="0.2">
      <c r="A304" s="776" t="s">
        <v>342</v>
      </c>
      <c r="B304" s="777"/>
      <c r="C304" s="777"/>
      <c r="D304" s="777"/>
      <c r="E304" s="777"/>
      <c r="F304" s="777"/>
      <c r="G304" s="777"/>
      <c r="H304" s="777"/>
      <c r="I304" s="777"/>
      <c r="J304" s="777"/>
      <c r="K304" s="777"/>
      <c r="L304" s="777"/>
      <c r="M304" s="777"/>
      <c r="N304" s="777"/>
      <c r="O304" s="777"/>
      <c r="P304" s="777"/>
      <c r="Q304" s="778"/>
      <c r="R304" s="561"/>
      <c r="S304" s="595"/>
      <c r="T304" s="600"/>
      <c r="U304" s="600"/>
      <c r="V304" s="600"/>
      <c r="W304" s="600"/>
      <c r="X304" s="600"/>
      <c r="Y304" s="600"/>
      <c r="Z304" s="600"/>
      <c r="AA304" s="600"/>
      <c r="AB304" s="600"/>
      <c r="AC304" s="600"/>
      <c r="AD304" s="600"/>
      <c r="AE304" s="600"/>
      <c r="AF304" s="600"/>
      <c r="AG304" s="600"/>
      <c r="AH304" s="600"/>
      <c r="AI304" s="600"/>
      <c r="AJ304" s="600"/>
      <c r="AK304" s="600"/>
      <c r="AL304" s="600"/>
      <c r="AM304" s="600"/>
      <c r="AN304" s="600"/>
      <c r="AO304" s="600"/>
      <c r="AP304" s="600"/>
      <c r="AQ304" s="600"/>
      <c r="AR304" s="600"/>
      <c r="AS304" s="600"/>
      <c r="AT304" s="600"/>
      <c r="AU304" s="600"/>
      <c r="AV304" s="600"/>
      <c r="AW304" s="600"/>
      <c r="AX304" s="600"/>
      <c r="AY304" s="600"/>
      <c r="AZ304" s="600"/>
      <c r="BA304" s="600"/>
      <c r="BB304" s="600"/>
    </row>
    <row r="305" spans="1:256" s="570" customFormat="1" ht="69.599999999999994" customHeight="1" x14ac:dyDescent="0.2">
      <c r="A305" s="779" t="s">
        <v>100</v>
      </c>
      <c r="B305" s="780"/>
      <c r="C305" s="780"/>
      <c r="D305" s="780"/>
      <c r="E305" s="780"/>
      <c r="F305" s="780"/>
      <c r="G305" s="780"/>
      <c r="H305" s="780"/>
      <c r="I305" s="780"/>
      <c r="J305" s="780"/>
      <c r="K305" s="780"/>
      <c r="L305" s="780"/>
      <c r="M305" s="780"/>
      <c r="N305" s="780"/>
      <c r="O305" s="780"/>
      <c r="P305" s="780"/>
      <c r="Q305" s="781"/>
      <c r="R305" s="561"/>
      <c r="S305" s="595"/>
      <c r="T305" s="600"/>
      <c r="U305" s="600"/>
      <c r="V305" s="600"/>
      <c r="W305" s="600"/>
      <c r="X305" s="600"/>
      <c r="Y305" s="600"/>
      <c r="Z305" s="600"/>
      <c r="AA305" s="600"/>
      <c r="AB305" s="600"/>
      <c r="AC305" s="600"/>
      <c r="AD305" s="600"/>
      <c r="AE305" s="600"/>
      <c r="AF305" s="600"/>
      <c r="AG305" s="600"/>
      <c r="AH305" s="600"/>
      <c r="AI305" s="600"/>
      <c r="AJ305" s="600"/>
      <c r="AK305" s="600"/>
      <c r="AL305" s="600"/>
      <c r="AM305" s="600"/>
      <c r="AN305" s="600"/>
      <c r="AO305" s="600"/>
      <c r="AP305" s="600"/>
      <c r="AQ305" s="600"/>
      <c r="AR305" s="600"/>
      <c r="AS305" s="600"/>
      <c r="AT305" s="600"/>
      <c r="AU305" s="600"/>
      <c r="AV305" s="600"/>
      <c r="AW305" s="600"/>
      <c r="AX305" s="600"/>
      <c r="AY305" s="600"/>
      <c r="AZ305" s="600"/>
      <c r="BA305" s="600"/>
      <c r="BB305" s="600"/>
    </row>
    <row r="306" spans="1:256" s="546" customFormat="1" ht="69.900000000000006" customHeight="1" x14ac:dyDescent="0.2">
      <c r="A306" s="925" t="s">
        <v>343</v>
      </c>
      <c r="B306" s="926"/>
      <c r="C306" s="926"/>
      <c r="D306" s="926"/>
      <c r="E306" s="926"/>
      <c r="F306" s="926"/>
      <c r="G306" s="926"/>
      <c r="H306" s="926"/>
      <c r="I306" s="926"/>
      <c r="J306" s="926"/>
      <c r="K306" s="926"/>
      <c r="L306" s="926"/>
      <c r="M306" s="926"/>
      <c r="N306" s="926"/>
      <c r="O306" s="926"/>
      <c r="P306" s="926"/>
      <c r="Q306" s="927"/>
      <c r="R306" s="561"/>
      <c r="S306" s="199"/>
    </row>
    <row r="307" spans="1:256" s="570" customFormat="1" ht="70.2" customHeight="1" x14ac:dyDescent="0.2">
      <c r="A307" s="699" t="s">
        <v>147</v>
      </c>
      <c r="B307" s="700"/>
      <c r="C307" s="700"/>
      <c r="D307" s="700"/>
      <c r="E307" s="700"/>
      <c r="F307" s="700"/>
      <c r="G307" s="700"/>
      <c r="H307" s="700"/>
      <c r="I307" s="701"/>
      <c r="J307" s="841"/>
      <c r="K307" s="841"/>
      <c r="L307" s="841"/>
      <c r="M307" s="841"/>
      <c r="N307" s="841"/>
      <c r="O307" s="841"/>
      <c r="P307" s="841"/>
      <c r="Q307" s="913"/>
      <c r="R307" s="561"/>
      <c r="S307" s="595"/>
      <c r="T307" s="600"/>
      <c r="U307" s="600"/>
      <c r="V307" s="600"/>
      <c r="W307" s="600"/>
      <c r="X307" s="600"/>
      <c r="Y307" s="600"/>
      <c r="Z307" s="600"/>
      <c r="AA307" s="600"/>
      <c r="AB307" s="600"/>
      <c r="AC307" s="600"/>
      <c r="AD307" s="600"/>
      <c r="AE307" s="600"/>
      <c r="AF307" s="600"/>
      <c r="AG307" s="600"/>
      <c r="AH307" s="600"/>
      <c r="AI307" s="600"/>
      <c r="AJ307" s="600"/>
      <c r="AK307" s="600"/>
      <c r="AL307" s="600"/>
      <c r="AM307" s="600"/>
      <c r="AN307" s="600"/>
      <c r="AO307" s="600"/>
      <c r="AP307" s="600"/>
      <c r="AQ307" s="600"/>
      <c r="AR307" s="600"/>
      <c r="AS307" s="600"/>
      <c r="AT307" s="600"/>
      <c r="AU307" s="600"/>
      <c r="AV307" s="600"/>
      <c r="AW307" s="600"/>
      <c r="AX307" s="600"/>
      <c r="AY307" s="600"/>
      <c r="AZ307" s="600"/>
      <c r="BA307" s="600"/>
      <c r="BB307" s="600"/>
    </row>
    <row r="308" spans="1:256" s="570" customFormat="1" ht="70.2" customHeight="1" x14ac:dyDescent="0.2">
      <c r="A308" s="707" t="s">
        <v>148</v>
      </c>
      <c r="B308" s="708"/>
      <c r="C308" s="708"/>
      <c r="D308" s="708"/>
      <c r="E308" s="708"/>
      <c r="F308" s="708"/>
      <c r="G308" s="708"/>
      <c r="H308" s="708"/>
      <c r="I308" s="709"/>
      <c r="J308" s="572" t="s">
        <v>149</v>
      </c>
      <c r="K308" s="710"/>
      <c r="L308" s="710"/>
      <c r="M308" s="710"/>
      <c r="N308" s="710"/>
      <c r="O308" s="710"/>
      <c r="P308" s="710"/>
      <c r="Q308" s="711"/>
      <c r="R308" s="561"/>
      <c r="S308" s="595"/>
      <c r="T308" s="600"/>
      <c r="U308" s="600"/>
      <c r="V308" s="600"/>
      <c r="W308" s="600"/>
      <c r="X308" s="600"/>
      <c r="Y308" s="600"/>
      <c r="Z308" s="600"/>
      <c r="AA308" s="600"/>
      <c r="AB308" s="600"/>
      <c r="AC308" s="600"/>
      <c r="AD308" s="600"/>
      <c r="AE308" s="600"/>
      <c r="AF308" s="600"/>
      <c r="AG308" s="600"/>
      <c r="AH308" s="600"/>
      <c r="AI308" s="600"/>
      <c r="AJ308" s="600"/>
      <c r="AK308" s="600"/>
      <c r="AL308" s="600"/>
      <c r="AM308" s="600"/>
      <c r="AN308" s="600"/>
      <c r="AO308" s="600"/>
      <c r="AP308" s="600"/>
      <c r="AQ308" s="600"/>
      <c r="AR308" s="600"/>
      <c r="AS308" s="600"/>
      <c r="AT308" s="600"/>
      <c r="AU308" s="600"/>
      <c r="AV308" s="600"/>
      <c r="AW308" s="600"/>
      <c r="AX308" s="600"/>
      <c r="AY308" s="600"/>
      <c r="AZ308" s="600"/>
      <c r="BA308" s="600"/>
      <c r="BB308" s="600"/>
    </row>
    <row r="309" spans="1:256" s="570" customFormat="1" ht="70.2" customHeight="1" x14ac:dyDescent="0.2">
      <c r="A309" s="715"/>
      <c r="B309" s="716"/>
      <c r="C309" s="716"/>
      <c r="D309" s="716"/>
      <c r="E309" s="716"/>
      <c r="F309" s="716"/>
      <c r="G309" s="716"/>
      <c r="H309" s="716"/>
      <c r="I309" s="717"/>
      <c r="J309" s="843" t="s">
        <v>150</v>
      </c>
      <c r="K309" s="878"/>
      <c r="L309" s="914" t="s">
        <v>151</v>
      </c>
      <c r="M309" s="572"/>
      <c r="N309" s="710"/>
      <c r="O309" s="710"/>
      <c r="P309" s="710"/>
      <c r="Q309" s="711"/>
      <c r="R309" s="561"/>
      <c r="S309" s="595"/>
      <c r="T309" s="600"/>
      <c r="U309" s="600"/>
      <c r="V309" s="600"/>
      <c r="W309" s="600"/>
      <c r="X309" s="600"/>
      <c r="Y309" s="600"/>
      <c r="Z309" s="600"/>
      <c r="AA309" s="600"/>
      <c r="AB309" s="600"/>
      <c r="AC309" s="600"/>
      <c r="AD309" s="600"/>
      <c r="AE309" s="600"/>
      <c r="AF309" s="600"/>
      <c r="AG309" s="600"/>
      <c r="AH309" s="600"/>
      <c r="AI309" s="600"/>
      <c r="AJ309" s="600"/>
      <c r="AK309" s="600"/>
      <c r="AL309" s="600"/>
      <c r="AM309" s="600"/>
      <c r="AN309" s="600"/>
      <c r="AO309" s="600"/>
      <c r="AP309" s="600"/>
      <c r="AQ309" s="600"/>
      <c r="AR309" s="600"/>
      <c r="AS309" s="600"/>
      <c r="AT309" s="600"/>
      <c r="AU309" s="600"/>
      <c r="AV309" s="600"/>
      <c r="AW309" s="600"/>
      <c r="AX309" s="600"/>
      <c r="AY309" s="600"/>
      <c r="AZ309" s="600"/>
      <c r="BA309" s="600"/>
      <c r="BB309" s="600"/>
    </row>
    <row r="310" spans="1:256" s="570" customFormat="1" ht="70.2" customHeight="1" x14ac:dyDescent="0.2">
      <c r="A310" s="707" t="s">
        <v>154</v>
      </c>
      <c r="B310" s="708"/>
      <c r="C310" s="708"/>
      <c r="D310" s="708"/>
      <c r="E310" s="708"/>
      <c r="F310" s="708"/>
      <c r="G310" s="708"/>
      <c r="H310" s="708"/>
      <c r="I310" s="709"/>
      <c r="J310" s="915" t="s">
        <v>155</v>
      </c>
      <c r="K310" s="572" t="s">
        <v>156</v>
      </c>
      <c r="L310" s="710"/>
      <c r="M310" s="710"/>
      <c r="N310" s="710"/>
      <c r="O310" s="710"/>
      <c r="P310" s="710"/>
      <c r="Q310" s="711"/>
      <c r="R310" s="187"/>
      <c r="S310" s="188"/>
      <c r="T310" s="190"/>
      <c r="U310" s="190"/>
      <c r="V310" s="190"/>
      <c r="W310" s="190"/>
      <c r="X310" s="190"/>
      <c r="Y310" s="190"/>
      <c r="Z310" s="190"/>
      <c r="AA310" s="190"/>
      <c r="AB310" s="190"/>
      <c r="AC310" s="190"/>
      <c r="AD310" s="190"/>
      <c r="AE310" s="190"/>
      <c r="AF310" s="190"/>
      <c r="AG310" s="190"/>
      <c r="AH310" s="190"/>
      <c r="AI310" s="190"/>
      <c r="AJ310" s="190"/>
      <c r="AK310" s="190"/>
      <c r="AL310" s="190"/>
      <c r="AM310" s="190"/>
      <c r="AN310" s="190"/>
      <c r="AO310" s="190"/>
      <c r="AP310" s="190"/>
      <c r="AQ310" s="190"/>
      <c r="AR310" s="190"/>
      <c r="AS310" s="190"/>
      <c r="AT310" s="190"/>
      <c r="AU310" s="190"/>
      <c r="AV310" s="190"/>
      <c r="AW310" s="190"/>
      <c r="AX310" s="190"/>
      <c r="AY310" s="190"/>
      <c r="AZ310" s="190"/>
      <c r="BA310" s="190"/>
      <c r="BB310" s="190"/>
      <c r="BC310" s="191"/>
      <c r="BD310" s="191"/>
      <c r="BE310" s="191"/>
      <c r="BF310" s="191"/>
      <c r="BG310" s="191"/>
      <c r="BH310" s="191"/>
      <c r="BI310" s="191"/>
      <c r="BJ310" s="191"/>
      <c r="BK310" s="191"/>
      <c r="BL310" s="191"/>
      <c r="BM310" s="191"/>
      <c r="BN310" s="191"/>
      <c r="BO310" s="191"/>
      <c r="BP310" s="191"/>
      <c r="BQ310" s="191"/>
      <c r="BR310" s="191"/>
      <c r="BS310" s="191"/>
      <c r="BT310" s="191"/>
      <c r="BU310" s="191"/>
      <c r="BV310" s="191"/>
      <c r="BW310" s="191"/>
      <c r="BX310" s="191"/>
      <c r="BY310" s="191"/>
      <c r="BZ310" s="191"/>
      <c r="CA310" s="191"/>
      <c r="CB310" s="191"/>
      <c r="CC310" s="191"/>
      <c r="CD310" s="191"/>
      <c r="CE310" s="191"/>
      <c r="CF310" s="191"/>
      <c r="CG310" s="191"/>
      <c r="CH310" s="191"/>
      <c r="CI310" s="191"/>
      <c r="CJ310" s="191"/>
      <c r="CK310" s="191"/>
      <c r="CL310" s="191"/>
      <c r="CM310" s="191"/>
      <c r="CN310" s="191"/>
      <c r="CO310" s="191"/>
      <c r="CP310" s="191"/>
      <c r="CQ310" s="191"/>
      <c r="CR310" s="191"/>
      <c r="CS310" s="191"/>
      <c r="CT310" s="191"/>
      <c r="CU310" s="191"/>
      <c r="CV310" s="191"/>
      <c r="CW310" s="191"/>
      <c r="CX310" s="191"/>
      <c r="CY310" s="191"/>
      <c r="CZ310" s="191"/>
      <c r="DA310" s="191"/>
      <c r="DB310" s="191"/>
      <c r="DC310" s="191"/>
      <c r="DD310" s="191"/>
      <c r="DE310" s="191"/>
      <c r="DF310" s="191"/>
      <c r="DG310" s="191"/>
      <c r="DH310" s="191"/>
      <c r="DI310" s="191"/>
      <c r="DJ310" s="191"/>
      <c r="DK310" s="191"/>
      <c r="DL310" s="191"/>
      <c r="DM310" s="191"/>
      <c r="DN310" s="191"/>
      <c r="DO310" s="191"/>
      <c r="DP310" s="191"/>
      <c r="DQ310" s="191"/>
      <c r="DR310" s="191"/>
      <c r="DS310" s="191"/>
      <c r="DT310" s="191"/>
      <c r="DU310" s="191"/>
      <c r="DV310" s="191"/>
      <c r="DW310" s="191"/>
      <c r="DX310" s="191"/>
      <c r="DY310" s="191"/>
      <c r="DZ310" s="191"/>
      <c r="EA310" s="191"/>
      <c r="EB310" s="191"/>
      <c r="EC310" s="191"/>
      <c r="ED310" s="191"/>
      <c r="EE310" s="191"/>
      <c r="EF310" s="191"/>
      <c r="EG310" s="191"/>
      <c r="EH310" s="191"/>
      <c r="EI310" s="191"/>
      <c r="EJ310" s="191"/>
      <c r="EK310" s="191"/>
      <c r="EL310" s="191"/>
      <c r="EM310" s="191"/>
      <c r="EN310" s="191"/>
      <c r="EO310" s="191"/>
      <c r="EP310" s="191"/>
      <c r="EQ310" s="191"/>
      <c r="ER310" s="191"/>
      <c r="ES310" s="191"/>
      <c r="ET310" s="191"/>
      <c r="EU310" s="191"/>
      <c r="EV310" s="191"/>
      <c r="EW310" s="191"/>
      <c r="EX310" s="191"/>
      <c r="EY310" s="191"/>
      <c r="EZ310" s="191"/>
      <c r="FA310" s="191"/>
      <c r="FB310" s="191"/>
      <c r="FC310" s="191"/>
      <c r="FD310" s="191"/>
      <c r="FE310" s="191"/>
      <c r="FF310" s="191"/>
      <c r="FG310" s="191"/>
      <c r="FH310" s="191"/>
      <c r="FI310" s="191"/>
      <c r="FJ310" s="191"/>
      <c r="FK310" s="191"/>
      <c r="FL310" s="191"/>
      <c r="FM310" s="191"/>
      <c r="FN310" s="191"/>
      <c r="FO310" s="191"/>
      <c r="FP310" s="191"/>
      <c r="FQ310" s="191"/>
      <c r="FR310" s="191"/>
      <c r="FS310" s="191"/>
      <c r="FT310" s="191"/>
      <c r="FU310" s="191"/>
      <c r="FV310" s="191"/>
      <c r="FW310" s="191"/>
      <c r="FX310" s="191"/>
      <c r="FY310" s="191"/>
      <c r="FZ310" s="191"/>
      <c r="GA310" s="191"/>
      <c r="GB310" s="191"/>
      <c r="GC310" s="191"/>
      <c r="GD310" s="191"/>
      <c r="GE310" s="191"/>
      <c r="GF310" s="191"/>
      <c r="GG310" s="191"/>
      <c r="GH310" s="191"/>
      <c r="GI310" s="191"/>
      <c r="GJ310" s="191"/>
      <c r="GK310" s="191"/>
      <c r="GL310" s="191"/>
      <c r="GM310" s="191"/>
      <c r="GN310" s="191"/>
      <c r="GO310" s="191"/>
      <c r="GP310" s="191"/>
      <c r="GQ310" s="191"/>
      <c r="GR310" s="191"/>
      <c r="GS310" s="191"/>
      <c r="GT310" s="191"/>
      <c r="GU310" s="191"/>
      <c r="GV310" s="191"/>
      <c r="GW310" s="191"/>
      <c r="GX310" s="191"/>
      <c r="GY310" s="191"/>
      <c r="GZ310" s="191"/>
      <c r="HA310" s="191"/>
      <c r="HB310" s="191"/>
      <c r="HC310" s="191"/>
      <c r="HD310" s="191"/>
      <c r="HE310" s="191"/>
      <c r="HF310" s="191"/>
      <c r="HG310" s="191"/>
      <c r="HH310" s="191"/>
      <c r="HI310" s="191"/>
      <c r="HJ310" s="191"/>
      <c r="HK310" s="191"/>
      <c r="HL310" s="191"/>
      <c r="HM310" s="191"/>
      <c r="HN310" s="191"/>
      <c r="HO310" s="191"/>
      <c r="HP310" s="191"/>
      <c r="HQ310" s="191"/>
      <c r="HR310" s="191"/>
      <c r="HS310" s="191"/>
      <c r="HT310" s="191"/>
      <c r="HU310" s="191"/>
      <c r="HV310" s="191"/>
      <c r="HW310" s="191"/>
      <c r="HX310" s="191"/>
      <c r="HY310" s="191"/>
      <c r="HZ310" s="191"/>
      <c r="IA310" s="191"/>
      <c r="IB310" s="191"/>
      <c r="IC310" s="191"/>
      <c r="ID310" s="191"/>
      <c r="IE310" s="191"/>
      <c r="IF310" s="191"/>
      <c r="IG310" s="191"/>
      <c r="IH310" s="191"/>
      <c r="II310" s="191"/>
      <c r="IJ310" s="191"/>
      <c r="IK310" s="191"/>
      <c r="IL310" s="191"/>
      <c r="IM310" s="191"/>
      <c r="IN310" s="191"/>
      <c r="IO310" s="191"/>
      <c r="IP310" s="191"/>
      <c r="IQ310" s="191"/>
      <c r="IR310" s="191"/>
      <c r="IS310" s="191"/>
      <c r="IT310" s="191"/>
      <c r="IU310" s="191"/>
      <c r="IV310" s="191"/>
    </row>
    <row r="311" spans="1:256" s="570" customFormat="1" ht="70.2" customHeight="1" x14ac:dyDescent="0.2">
      <c r="A311" s="712"/>
      <c r="B311" s="713"/>
      <c r="C311" s="713"/>
      <c r="D311" s="713"/>
      <c r="E311" s="713"/>
      <c r="F311" s="713"/>
      <c r="G311" s="713"/>
      <c r="H311" s="713"/>
      <c r="I311" s="714"/>
      <c r="J311" s="572" t="s">
        <v>157</v>
      </c>
      <c r="K311" s="710"/>
      <c r="L311" s="710"/>
      <c r="M311" s="710"/>
      <c r="N311" s="710"/>
      <c r="O311" s="710"/>
      <c r="P311" s="710"/>
      <c r="Q311" s="711"/>
      <c r="R311" s="187"/>
      <c r="S311" s="188"/>
      <c r="T311" s="190"/>
      <c r="U311" s="190"/>
      <c r="V311" s="190"/>
      <c r="W311" s="190"/>
      <c r="X311" s="190"/>
      <c r="Y311" s="190"/>
      <c r="Z311" s="190"/>
      <c r="AA311" s="190"/>
      <c r="AB311" s="190"/>
      <c r="AC311" s="190"/>
      <c r="AD311" s="190"/>
      <c r="AE311" s="190"/>
      <c r="AF311" s="190"/>
      <c r="AG311" s="190"/>
      <c r="AH311" s="190"/>
      <c r="AI311" s="190"/>
      <c r="AJ311" s="190"/>
      <c r="AK311" s="190"/>
      <c r="AL311" s="190"/>
      <c r="AM311" s="190"/>
      <c r="AN311" s="190"/>
      <c r="AO311" s="190"/>
      <c r="AP311" s="190"/>
      <c r="AQ311" s="190"/>
      <c r="AR311" s="190"/>
      <c r="AS311" s="190"/>
      <c r="AT311" s="190"/>
      <c r="AU311" s="190"/>
      <c r="AV311" s="190"/>
      <c r="AW311" s="190"/>
      <c r="AX311" s="190"/>
      <c r="AY311" s="190"/>
      <c r="AZ311" s="190"/>
      <c r="BA311" s="190"/>
      <c r="BB311" s="190"/>
      <c r="BC311" s="191"/>
      <c r="BD311" s="191"/>
      <c r="BE311" s="191"/>
      <c r="BF311" s="191"/>
      <c r="BG311" s="191"/>
      <c r="BH311" s="191"/>
      <c r="BI311" s="191"/>
      <c r="BJ311" s="191"/>
      <c r="BK311" s="191"/>
      <c r="BL311" s="191"/>
      <c r="BM311" s="191"/>
      <c r="BN311" s="191"/>
      <c r="BO311" s="191"/>
      <c r="BP311" s="191"/>
      <c r="BQ311" s="191"/>
      <c r="BR311" s="191"/>
      <c r="BS311" s="191"/>
      <c r="BT311" s="191"/>
      <c r="BU311" s="191"/>
      <c r="BV311" s="191"/>
      <c r="BW311" s="191"/>
      <c r="BX311" s="191"/>
      <c r="BY311" s="191"/>
      <c r="BZ311" s="191"/>
      <c r="CA311" s="191"/>
      <c r="CB311" s="191"/>
      <c r="CC311" s="191"/>
      <c r="CD311" s="191"/>
      <c r="CE311" s="191"/>
      <c r="CF311" s="191"/>
      <c r="CG311" s="191"/>
      <c r="CH311" s="191"/>
      <c r="CI311" s="191"/>
      <c r="CJ311" s="191"/>
      <c r="CK311" s="191"/>
      <c r="CL311" s="191"/>
      <c r="CM311" s="191"/>
      <c r="CN311" s="191"/>
      <c r="CO311" s="191"/>
      <c r="CP311" s="191"/>
      <c r="CQ311" s="191"/>
      <c r="CR311" s="191"/>
      <c r="CS311" s="191"/>
      <c r="CT311" s="191"/>
      <c r="CU311" s="191"/>
      <c r="CV311" s="191"/>
      <c r="CW311" s="191"/>
      <c r="CX311" s="191"/>
      <c r="CY311" s="191"/>
      <c r="CZ311" s="191"/>
      <c r="DA311" s="191"/>
      <c r="DB311" s="191"/>
      <c r="DC311" s="191"/>
      <c r="DD311" s="191"/>
      <c r="DE311" s="191"/>
      <c r="DF311" s="191"/>
      <c r="DG311" s="191"/>
      <c r="DH311" s="191"/>
      <c r="DI311" s="191"/>
      <c r="DJ311" s="191"/>
      <c r="DK311" s="191"/>
      <c r="DL311" s="191"/>
      <c r="DM311" s="191"/>
      <c r="DN311" s="191"/>
      <c r="DO311" s="191"/>
      <c r="DP311" s="191"/>
      <c r="DQ311" s="191"/>
      <c r="DR311" s="191"/>
      <c r="DS311" s="191"/>
      <c r="DT311" s="191"/>
      <c r="DU311" s="191"/>
      <c r="DV311" s="191"/>
      <c r="DW311" s="191"/>
      <c r="DX311" s="191"/>
      <c r="DY311" s="191"/>
      <c r="DZ311" s="191"/>
      <c r="EA311" s="191"/>
      <c r="EB311" s="191"/>
      <c r="EC311" s="191"/>
      <c r="ED311" s="191"/>
      <c r="EE311" s="191"/>
      <c r="EF311" s="191"/>
      <c r="EG311" s="191"/>
      <c r="EH311" s="191"/>
      <c r="EI311" s="191"/>
      <c r="EJ311" s="191"/>
      <c r="EK311" s="191"/>
      <c r="EL311" s="191"/>
      <c r="EM311" s="191"/>
      <c r="EN311" s="191"/>
      <c r="EO311" s="191"/>
      <c r="EP311" s="191"/>
      <c r="EQ311" s="191"/>
      <c r="ER311" s="191"/>
      <c r="ES311" s="191"/>
      <c r="ET311" s="191"/>
      <c r="EU311" s="191"/>
      <c r="EV311" s="191"/>
      <c r="EW311" s="191"/>
      <c r="EX311" s="191"/>
      <c r="EY311" s="191"/>
      <c r="EZ311" s="191"/>
      <c r="FA311" s="191"/>
      <c r="FB311" s="191"/>
      <c r="FC311" s="191"/>
      <c r="FD311" s="191"/>
      <c r="FE311" s="191"/>
      <c r="FF311" s="191"/>
      <c r="FG311" s="191"/>
      <c r="FH311" s="191"/>
      <c r="FI311" s="191"/>
      <c r="FJ311" s="191"/>
      <c r="FK311" s="191"/>
      <c r="FL311" s="191"/>
      <c r="FM311" s="191"/>
      <c r="FN311" s="191"/>
      <c r="FO311" s="191"/>
      <c r="FP311" s="191"/>
      <c r="FQ311" s="191"/>
      <c r="FR311" s="191"/>
      <c r="FS311" s="191"/>
      <c r="FT311" s="191"/>
      <c r="FU311" s="191"/>
      <c r="FV311" s="191"/>
      <c r="FW311" s="191"/>
      <c r="FX311" s="191"/>
      <c r="FY311" s="191"/>
      <c r="FZ311" s="191"/>
      <c r="GA311" s="191"/>
      <c r="GB311" s="191"/>
      <c r="GC311" s="191"/>
      <c r="GD311" s="191"/>
      <c r="GE311" s="191"/>
      <c r="GF311" s="191"/>
      <c r="GG311" s="191"/>
      <c r="GH311" s="191"/>
      <c r="GI311" s="191"/>
      <c r="GJ311" s="191"/>
      <c r="GK311" s="191"/>
      <c r="GL311" s="191"/>
      <c r="GM311" s="191"/>
      <c r="GN311" s="191"/>
      <c r="GO311" s="191"/>
      <c r="GP311" s="191"/>
      <c r="GQ311" s="191"/>
      <c r="GR311" s="191"/>
      <c r="GS311" s="191"/>
      <c r="GT311" s="191"/>
      <c r="GU311" s="191"/>
      <c r="GV311" s="191"/>
      <c r="GW311" s="191"/>
      <c r="GX311" s="191"/>
      <c r="GY311" s="191"/>
      <c r="GZ311" s="191"/>
      <c r="HA311" s="191"/>
      <c r="HB311" s="191"/>
      <c r="HC311" s="191"/>
      <c r="HD311" s="191"/>
      <c r="HE311" s="191"/>
      <c r="HF311" s="191"/>
      <c r="HG311" s="191"/>
      <c r="HH311" s="191"/>
      <c r="HI311" s="191"/>
      <c r="HJ311" s="191"/>
      <c r="HK311" s="191"/>
      <c r="HL311" s="191"/>
      <c r="HM311" s="191"/>
      <c r="HN311" s="191"/>
      <c r="HO311" s="191"/>
      <c r="HP311" s="191"/>
      <c r="HQ311" s="191"/>
      <c r="HR311" s="191"/>
      <c r="HS311" s="191"/>
      <c r="HT311" s="191"/>
      <c r="HU311" s="191"/>
      <c r="HV311" s="191"/>
      <c r="HW311" s="191"/>
      <c r="HX311" s="191"/>
      <c r="HY311" s="191"/>
      <c r="HZ311" s="191"/>
      <c r="IA311" s="191"/>
      <c r="IB311" s="191"/>
      <c r="IC311" s="191"/>
      <c r="ID311" s="191"/>
      <c r="IE311" s="191"/>
      <c r="IF311" s="191"/>
      <c r="IG311" s="191"/>
      <c r="IH311" s="191"/>
      <c r="II311" s="191"/>
      <c r="IJ311" s="191"/>
      <c r="IK311" s="191"/>
      <c r="IL311" s="191"/>
      <c r="IM311" s="191"/>
      <c r="IN311" s="191"/>
      <c r="IO311" s="191"/>
      <c r="IP311" s="191"/>
      <c r="IQ311" s="191"/>
      <c r="IR311" s="191"/>
      <c r="IS311" s="191"/>
      <c r="IT311" s="191"/>
      <c r="IU311" s="191"/>
      <c r="IV311" s="191"/>
    </row>
    <row r="312" spans="1:256" s="570" customFormat="1" ht="70.2" customHeight="1" x14ac:dyDescent="0.2">
      <c r="A312" s="715"/>
      <c r="B312" s="716"/>
      <c r="C312" s="716"/>
      <c r="D312" s="716"/>
      <c r="E312" s="716"/>
      <c r="F312" s="716"/>
      <c r="G312" s="716"/>
      <c r="H312" s="716"/>
      <c r="I312" s="717"/>
      <c r="J312" s="843" t="s">
        <v>158</v>
      </c>
      <c r="K312" s="878"/>
      <c r="L312" s="914" t="s">
        <v>151</v>
      </c>
      <c r="M312" s="572"/>
      <c r="N312" s="710"/>
      <c r="O312" s="710"/>
      <c r="P312" s="710"/>
      <c r="Q312" s="711"/>
      <c r="R312" s="187"/>
      <c r="S312" s="188"/>
      <c r="T312" s="190"/>
      <c r="U312" s="190"/>
      <c r="V312" s="190"/>
      <c r="W312" s="190"/>
      <c r="X312" s="190"/>
      <c r="Y312" s="190"/>
      <c r="Z312" s="190"/>
      <c r="AA312" s="190"/>
      <c r="AB312" s="190"/>
      <c r="AC312" s="190"/>
      <c r="AD312" s="190"/>
      <c r="AE312" s="190"/>
      <c r="AF312" s="190"/>
      <c r="AG312" s="190"/>
      <c r="AH312" s="190"/>
      <c r="AI312" s="190"/>
      <c r="AJ312" s="190"/>
      <c r="AK312" s="190"/>
      <c r="AL312" s="190"/>
      <c r="AM312" s="190"/>
      <c r="AN312" s="190"/>
      <c r="AO312" s="190"/>
      <c r="AP312" s="190"/>
      <c r="AQ312" s="190"/>
      <c r="AR312" s="190"/>
      <c r="AS312" s="190"/>
      <c r="AT312" s="190"/>
      <c r="AU312" s="190"/>
      <c r="AV312" s="190"/>
      <c r="AW312" s="190"/>
      <c r="AX312" s="190"/>
      <c r="AY312" s="190"/>
      <c r="AZ312" s="190"/>
      <c r="BA312" s="190"/>
      <c r="BB312" s="190"/>
      <c r="BC312" s="191"/>
      <c r="BD312" s="191"/>
      <c r="BE312" s="191"/>
      <c r="BF312" s="191"/>
      <c r="BG312" s="191"/>
      <c r="BH312" s="191"/>
      <c r="BI312" s="191"/>
      <c r="BJ312" s="191"/>
      <c r="BK312" s="191"/>
      <c r="BL312" s="191"/>
      <c r="BM312" s="191"/>
      <c r="BN312" s="191"/>
      <c r="BO312" s="191"/>
      <c r="BP312" s="191"/>
      <c r="BQ312" s="191"/>
      <c r="BR312" s="191"/>
      <c r="BS312" s="191"/>
      <c r="BT312" s="191"/>
      <c r="BU312" s="191"/>
      <c r="BV312" s="191"/>
      <c r="BW312" s="191"/>
      <c r="BX312" s="191"/>
      <c r="BY312" s="191"/>
      <c r="BZ312" s="191"/>
      <c r="CA312" s="191"/>
      <c r="CB312" s="191"/>
      <c r="CC312" s="191"/>
      <c r="CD312" s="191"/>
      <c r="CE312" s="191"/>
      <c r="CF312" s="191"/>
      <c r="CG312" s="191"/>
      <c r="CH312" s="191"/>
      <c r="CI312" s="191"/>
      <c r="CJ312" s="191"/>
      <c r="CK312" s="191"/>
      <c r="CL312" s="191"/>
      <c r="CM312" s="191"/>
      <c r="CN312" s="191"/>
      <c r="CO312" s="191"/>
      <c r="CP312" s="191"/>
      <c r="CQ312" s="191"/>
      <c r="CR312" s="191"/>
      <c r="CS312" s="191"/>
      <c r="CT312" s="191"/>
      <c r="CU312" s="191"/>
      <c r="CV312" s="191"/>
      <c r="CW312" s="191"/>
      <c r="CX312" s="191"/>
      <c r="CY312" s="191"/>
      <c r="CZ312" s="191"/>
      <c r="DA312" s="191"/>
      <c r="DB312" s="191"/>
      <c r="DC312" s="191"/>
      <c r="DD312" s="191"/>
      <c r="DE312" s="191"/>
      <c r="DF312" s="191"/>
      <c r="DG312" s="191"/>
      <c r="DH312" s="191"/>
      <c r="DI312" s="191"/>
      <c r="DJ312" s="191"/>
      <c r="DK312" s="191"/>
      <c r="DL312" s="191"/>
      <c r="DM312" s="191"/>
      <c r="DN312" s="191"/>
      <c r="DO312" s="191"/>
      <c r="DP312" s="191"/>
      <c r="DQ312" s="191"/>
      <c r="DR312" s="191"/>
      <c r="DS312" s="191"/>
      <c r="DT312" s="191"/>
      <c r="DU312" s="191"/>
      <c r="DV312" s="191"/>
      <c r="DW312" s="191"/>
      <c r="DX312" s="191"/>
      <c r="DY312" s="191"/>
      <c r="DZ312" s="191"/>
      <c r="EA312" s="191"/>
      <c r="EB312" s="191"/>
      <c r="EC312" s="191"/>
      <c r="ED312" s="191"/>
      <c r="EE312" s="191"/>
      <c r="EF312" s="191"/>
      <c r="EG312" s="191"/>
      <c r="EH312" s="191"/>
      <c r="EI312" s="191"/>
      <c r="EJ312" s="191"/>
      <c r="EK312" s="191"/>
      <c r="EL312" s="191"/>
      <c r="EM312" s="191"/>
      <c r="EN312" s="191"/>
      <c r="EO312" s="191"/>
      <c r="EP312" s="191"/>
      <c r="EQ312" s="191"/>
      <c r="ER312" s="191"/>
      <c r="ES312" s="191"/>
      <c r="ET312" s="191"/>
      <c r="EU312" s="191"/>
      <c r="EV312" s="191"/>
      <c r="EW312" s="191"/>
      <c r="EX312" s="191"/>
      <c r="EY312" s="191"/>
      <c r="EZ312" s="191"/>
      <c r="FA312" s="191"/>
      <c r="FB312" s="191"/>
      <c r="FC312" s="191"/>
      <c r="FD312" s="191"/>
      <c r="FE312" s="191"/>
      <c r="FF312" s="191"/>
      <c r="FG312" s="191"/>
      <c r="FH312" s="191"/>
      <c r="FI312" s="191"/>
      <c r="FJ312" s="191"/>
      <c r="FK312" s="191"/>
      <c r="FL312" s="191"/>
      <c r="FM312" s="191"/>
      <c r="FN312" s="191"/>
      <c r="FO312" s="191"/>
      <c r="FP312" s="191"/>
      <c r="FQ312" s="191"/>
      <c r="FR312" s="191"/>
      <c r="FS312" s="191"/>
      <c r="FT312" s="191"/>
      <c r="FU312" s="191"/>
      <c r="FV312" s="191"/>
      <c r="FW312" s="191"/>
      <c r="FX312" s="191"/>
      <c r="FY312" s="191"/>
      <c r="FZ312" s="191"/>
      <c r="GA312" s="191"/>
      <c r="GB312" s="191"/>
      <c r="GC312" s="191"/>
      <c r="GD312" s="191"/>
      <c r="GE312" s="191"/>
      <c r="GF312" s="191"/>
      <c r="GG312" s="191"/>
      <c r="GH312" s="191"/>
      <c r="GI312" s="191"/>
      <c r="GJ312" s="191"/>
      <c r="GK312" s="191"/>
      <c r="GL312" s="191"/>
      <c r="GM312" s="191"/>
      <c r="GN312" s="191"/>
      <c r="GO312" s="191"/>
      <c r="GP312" s="191"/>
      <c r="GQ312" s="191"/>
      <c r="GR312" s="191"/>
      <c r="GS312" s="191"/>
      <c r="GT312" s="191"/>
      <c r="GU312" s="191"/>
      <c r="GV312" s="191"/>
      <c r="GW312" s="191"/>
      <c r="GX312" s="191"/>
      <c r="GY312" s="191"/>
      <c r="GZ312" s="191"/>
      <c r="HA312" s="191"/>
      <c r="HB312" s="191"/>
      <c r="HC312" s="191"/>
      <c r="HD312" s="191"/>
      <c r="HE312" s="191"/>
      <c r="HF312" s="191"/>
      <c r="HG312" s="191"/>
      <c r="HH312" s="191"/>
      <c r="HI312" s="191"/>
      <c r="HJ312" s="191"/>
      <c r="HK312" s="191"/>
      <c r="HL312" s="191"/>
      <c r="HM312" s="191"/>
      <c r="HN312" s="191"/>
      <c r="HO312" s="191"/>
      <c r="HP312" s="191"/>
      <c r="HQ312" s="191"/>
      <c r="HR312" s="191"/>
      <c r="HS312" s="191"/>
      <c r="HT312" s="191"/>
      <c r="HU312" s="191"/>
      <c r="HV312" s="191"/>
      <c r="HW312" s="191"/>
      <c r="HX312" s="191"/>
      <c r="HY312" s="191"/>
      <c r="HZ312" s="191"/>
      <c r="IA312" s="191"/>
      <c r="IB312" s="191"/>
      <c r="IC312" s="191"/>
      <c r="ID312" s="191"/>
      <c r="IE312" s="191"/>
      <c r="IF312" s="191"/>
      <c r="IG312" s="191"/>
      <c r="IH312" s="191"/>
      <c r="II312" s="191"/>
      <c r="IJ312" s="191"/>
      <c r="IK312" s="191"/>
      <c r="IL312" s="191"/>
      <c r="IM312" s="191"/>
      <c r="IN312" s="191"/>
      <c r="IO312" s="191"/>
      <c r="IP312" s="191"/>
      <c r="IQ312" s="191"/>
      <c r="IR312" s="191"/>
      <c r="IS312" s="191"/>
      <c r="IT312" s="191"/>
      <c r="IU312" s="191"/>
      <c r="IV312" s="191"/>
    </row>
    <row r="313" spans="1:256" s="570" customFormat="1" ht="70.2" customHeight="1" x14ac:dyDescent="0.2">
      <c r="A313" s="928" t="s">
        <v>159</v>
      </c>
      <c r="B313" s="929"/>
      <c r="C313" s="929"/>
      <c r="D313" s="929"/>
      <c r="E313" s="929"/>
      <c r="F313" s="929"/>
      <c r="G313" s="929"/>
      <c r="H313" s="929"/>
      <c r="I313" s="930"/>
      <c r="J313" s="849"/>
      <c r="K313" s="849"/>
      <c r="L313" s="849"/>
      <c r="M313" s="849"/>
      <c r="N313" s="849"/>
      <c r="O313" s="849"/>
      <c r="P313" s="849"/>
      <c r="Q313" s="931"/>
      <c r="R313" s="187"/>
      <c r="S313" s="188"/>
      <c r="T313" s="190"/>
      <c r="U313" s="190"/>
      <c r="V313" s="190"/>
      <c r="W313" s="190"/>
      <c r="X313" s="190"/>
      <c r="Y313" s="190"/>
      <c r="Z313" s="190"/>
      <c r="AA313" s="190"/>
      <c r="AB313" s="190"/>
      <c r="AC313" s="190"/>
      <c r="AD313" s="190"/>
      <c r="AE313" s="190"/>
      <c r="AF313" s="190"/>
      <c r="AG313" s="190"/>
      <c r="AH313" s="190"/>
      <c r="AI313" s="190"/>
      <c r="AJ313" s="190"/>
      <c r="AK313" s="190"/>
      <c r="AL313" s="190"/>
      <c r="AM313" s="190"/>
      <c r="AN313" s="190"/>
      <c r="AO313" s="190"/>
      <c r="AP313" s="190"/>
      <c r="AQ313" s="190"/>
      <c r="AR313" s="190"/>
      <c r="AS313" s="190"/>
      <c r="AT313" s="190"/>
      <c r="AU313" s="190"/>
      <c r="AV313" s="190"/>
      <c r="AW313" s="190"/>
      <c r="AX313" s="190"/>
      <c r="AY313" s="190"/>
      <c r="AZ313" s="190"/>
      <c r="BA313" s="190"/>
      <c r="BB313" s="190"/>
      <c r="BC313" s="191"/>
      <c r="BD313" s="191"/>
      <c r="BE313" s="191"/>
      <c r="BF313" s="191"/>
      <c r="BG313" s="191"/>
      <c r="BH313" s="191"/>
      <c r="BI313" s="191"/>
      <c r="BJ313" s="191"/>
      <c r="BK313" s="191"/>
      <c r="BL313" s="191"/>
      <c r="BM313" s="191"/>
      <c r="BN313" s="191"/>
      <c r="BO313" s="191"/>
      <c r="BP313" s="191"/>
      <c r="BQ313" s="191"/>
      <c r="BR313" s="191"/>
      <c r="BS313" s="191"/>
      <c r="BT313" s="191"/>
      <c r="BU313" s="191"/>
      <c r="BV313" s="191"/>
      <c r="BW313" s="191"/>
      <c r="BX313" s="191"/>
      <c r="BY313" s="191"/>
      <c r="BZ313" s="191"/>
      <c r="CA313" s="191"/>
      <c r="CB313" s="191"/>
      <c r="CC313" s="191"/>
      <c r="CD313" s="191"/>
      <c r="CE313" s="191"/>
      <c r="CF313" s="191"/>
      <c r="CG313" s="191"/>
      <c r="CH313" s="191"/>
      <c r="CI313" s="191"/>
      <c r="CJ313" s="191"/>
      <c r="CK313" s="191"/>
      <c r="CL313" s="191"/>
      <c r="CM313" s="191"/>
      <c r="CN313" s="191"/>
      <c r="CO313" s="191"/>
      <c r="CP313" s="191"/>
      <c r="CQ313" s="191"/>
      <c r="CR313" s="191"/>
      <c r="CS313" s="191"/>
      <c r="CT313" s="191"/>
      <c r="CU313" s="191"/>
      <c r="CV313" s="191"/>
      <c r="CW313" s="191"/>
      <c r="CX313" s="191"/>
      <c r="CY313" s="191"/>
      <c r="CZ313" s="191"/>
      <c r="DA313" s="191"/>
      <c r="DB313" s="191"/>
      <c r="DC313" s="191"/>
      <c r="DD313" s="191"/>
      <c r="DE313" s="191"/>
      <c r="DF313" s="191"/>
      <c r="DG313" s="191"/>
      <c r="DH313" s="191"/>
      <c r="DI313" s="191"/>
      <c r="DJ313" s="191"/>
      <c r="DK313" s="191"/>
      <c r="DL313" s="191"/>
      <c r="DM313" s="191"/>
      <c r="DN313" s="191"/>
      <c r="DO313" s="191"/>
      <c r="DP313" s="191"/>
      <c r="DQ313" s="191"/>
      <c r="DR313" s="191"/>
      <c r="DS313" s="191"/>
      <c r="DT313" s="191"/>
      <c r="DU313" s="191"/>
      <c r="DV313" s="191"/>
      <c r="DW313" s="191"/>
      <c r="DX313" s="191"/>
      <c r="DY313" s="191"/>
      <c r="DZ313" s="191"/>
      <c r="EA313" s="191"/>
      <c r="EB313" s="191"/>
      <c r="EC313" s="191"/>
      <c r="ED313" s="191"/>
      <c r="EE313" s="191"/>
      <c r="EF313" s="191"/>
      <c r="EG313" s="191"/>
      <c r="EH313" s="191"/>
      <c r="EI313" s="191"/>
      <c r="EJ313" s="191"/>
      <c r="EK313" s="191"/>
      <c r="EL313" s="191"/>
      <c r="EM313" s="191"/>
      <c r="EN313" s="191"/>
      <c r="EO313" s="191"/>
      <c r="EP313" s="191"/>
      <c r="EQ313" s="191"/>
      <c r="ER313" s="191"/>
      <c r="ES313" s="191"/>
      <c r="ET313" s="191"/>
      <c r="EU313" s="191"/>
      <c r="EV313" s="191"/>
      <c r="EW313" s="191"/>
      <c r="EX313" s="191"/>
      <c r="EY313" s="191"/>
      <c r="EZ313" s="191"/>
      <c r="FA313" s="191"/>
      <c r="FB313" s="191"/>
      <c r="FC313" s="191"/>
      <c r="FD313" s="191"/>
      <c r="FE313" s="191"/>
      <c r="FF313" s="191"/>
      <c r="FG313" s="191"/>
      <c r="FH313" s="191"/>
      <c r="FI313" s="191"/>
      <c r="FJ313" s="191"/>
      <c r="FK313" s="191"/>
      <c r="FL313" s="191"/>
      <c r="FM313" s="191"/>
      <c r="FN313" s="191"/>
      <c r="FO313" s="191"/>
      <c r="FP313" s="191"/>
      <c r="FQ313" s="191"/>
      <c r="FR313" s="191"/>
      <c r="FS313" s="191"/>
      <c r="FT313" s="191"/>
      <c r="FU313" s="191"/>
      <c r="FV313" s="191"/>
      <c r="FW313" s="191"/>
      <c r="FX313" s="191"/>
      <c r="FY313" s="191"/>
      <c r="FZ313" s="191"/>
      <c r="GA313" s="191"/>
      <c r="GB313" s="191"/>
      <c r="GC313" s="191"/>
      <c r="GD313" s="191"/>
      <c r="GE313" s="191"/>
      <c r="GF313" s="191"/>
      <c r="GG313" s="191"/>
      <c r="GH313" s="191"/>
      <c r="GI313" s="191"/>
      <c r="GJ313" s="191"/>
      <c r="GK313" s="191"/>
      <c r="GL313" s="191"/>
      <c r="GM313" s="191"/>
      <c r="GN313" s="191"/>
      <c r="GO313" s="191"/>
      <c r="GP313" s="191"/>
      <c r="GQ313" s="191"/>
      <c r="GR313" s="191"/>
      <c r="GS313" s="191"/>
      <c r="GT313" s="191"/>
      <c r="GU313" s="191"/>
      <c r="GV313" s="191"/>
      <c r="GW313" s="191"/>
      <c r="GX313" s="191"/>
      <c r="GY313" s="191"/>
      <c r="GZ313" s="191"/>
      <c r="HA313" s="191"/>
      <c r="HB313" s="191"/>
      <c r="HC313" s="191"/>
      <c r="HD313" s="191"/>
      <c r="HE313" s="191"/>
      <c r="HF313" s="191"/>
      <c r="HG313" s="191"/>
      <c r="HH313" s="191"/>
      <c r="HI313" s="191"/>
      <c r="HJ313" s="191"/>
      <c r="HK313" s="191"/>
      <c r="HL313" s="191"/>
      <c r="HM313" s="191"/>
      <c r="HN313" s="191"/>
      <c r="HO313" s="191"/>
      <c r="HP313" s="191"/>
      <c r="HQ313" s="191"/>
      <c r="HR313" s="191"/>
      <c r="HS313" s="191"/>
      <c r="HT313" s="191"/>
      <c r="HU313" s="191"/>
      <c r="HV313" s="191"/>
      <c r="HW313" s="191"/>
      <c r="HX313" s="191"/>
      <c r="HY313" s="191"/>
      <c r="HZ313" s="191"/>
      <c r="IA313" s="191"/>
      <c r="IB313" s="191"/>
      <c r="IC313" s="191"/>
      <c r="ID313" s="191"/>
      <c r="IE313" s="191"/>
      <c r="IF313" s="191"/>
      <c r="IG313" s="191"/>
      <c r="IH313" s="191"/>
      <c r="II313" s="191"/>
      <c r="IJ313" s="191"/>
      <c r="IK313" s="191"/>
      <c r="IL313" s="191"/>
      <c r="IM313" s="191"/>
      <c r="IN313" s="191"/>
      <c r="IO313" s="191"/>
      <c r="IP313" s="191"/>
      <c r="IQ313" s="191"/>
      <c r="IR313" s="191"/>
      <c r="IS313" s="191"/>
      <c r="IT313" s="191"/>
      <c r="IU313" s="191"/>
      <c r="IV313" s="191"/>
    </row>
    <row r="314" spans="1:256" s="570" customFormat="1" ht="70.2" customHeight="1" x14ac:dyDescent="0.2">
      <c r="A314" s="917" t="s">
        <v>160</v>
      </c>
      <c r="B314" s="918"/>
      <c r="C314" s="918"/>
      <c r="D314" s="918"/>
      <c r="E314" s="918"/>
      <c r="F314" s="918"/>
      <c r="G314" s="918"/>
      <c r="H314" s="918"/>
      <c r="I314" s="919"/>
      <c r="J314" s="920"/>
      <c r="K314" s="918"/>
      <c r="L314" s="918"/>
      <c r="M314" s="918"/>
      <c r="N314" s="918"/>
      <c r="O314" s="918"/>
      <c r="P314" s="918"/>
      <c r="Q314" s="921"/>
      <c r="R314" s="561"/>
      <c r="S314" s="595"/>
      <c r="T314" s="600"/>
      <c r="U314" s="600"/>
      <c r="V314" s="600"/>
      <c r="W314" s="600"/>
      <c r="X314" s="600"/>
      <c r="Y314" s="600"/>
      <c r="Z314" s="600"/>
      <c r="AA314" s="600"/>
      <c r="AB314" s="600"/>
      <c r="AC314" s="600"/>
      <c r="AD314" s="600"/>
      <c r="AE314" s="600"/>
      <c r="AF314" s="600"/>
      <c r="AG314" s="600"/>
      <c r="AH314" s="600"/>
      <c r="AI314" s="600"/>
      <c r="AJ314" s="600"/>
      <c r="AK314" s="600"/>
      <c r="AL314" s="600"/>
      <c r="AM314" s="600"/>
      <c r="AN314" s="600"/>
      <c r="AO314" s="600"/>
      <c r="AP314" s="600"/>
      <c r="AQ314" s="600"/>
      <c r="AR314" s="600"/>
      <c r="AS314" s="600"/>
      <c r="AT314" s="600"/>
      <c r="AU314" s="600"/>
      <c r="AV314" s="600"/>
      <c r="AW314" s="600"/>
      <c r="AX314" s="600"/>
      <c r="AY314" s="600"/>
      <c r="AZ314" s="600"/>
      <c r="BA314" s="600"/>
      <c r="BB314" s="600"/>
    </row>
    <row r="315" spans="1:256" s="546" customFormat="1" ht="69.900000000000006" customHeight="1" x14ac:dyDescent="0.2">
      <c r="A315" s="925" t="s">
        <v>344</v>
      </c>
      <c r="B315" s="926"/>
      <c r="C315" s="926"/>
      <c r="D315" s="926"/>
      <c r="E315" s="926"/>
      <c r="F315" s="926"/>
      <c r="G315" s="926"/>
      <c r="H315" s="926"/>
      <c r="I315" s="926"/>
      <c r="J315" s="926"/>
      <c r="K315" s="926"/>
      <c r="L315" s="926"/>
      <c r="M315" s="926"/>
      <c r="N315" s="926"/>
      <c r="O315" s="926"/>
      <c r="P315" s="926"/>
      <c r="Q315" s="927"/>
      <c r="R315" s="561"/>
      <c r="S315" s="199"/>
    </row>
    <row r="316" spans="1:256" s="570" customFormat="1" ht="70.2" customHeight="1" x14ac:dyDescent="0.2">
      <c r="A316" s="699" t="s">
        <v>147</v>
      </c>
      <c r="B316" s="700"/>
      <c r="C316" s="700"/>
      <c r="D316" s="700"/>
      <c r="E316" s="700"/>
      <c r="F316" s="700"/>
      <c r="G316" s="700"/>
      <c r="H316" s="700"/>
      <c r="I316" s="701"/>
      <c r="J316" s="841"/>
      <c r="K316" s="841"/>
      <c r="L316" s="841"/>
      <c r="M316" s="841"/>
      <c r="N316" s="841"/>
      <c r="O316" s="841"/>
      <c r="P316" s="841"/>
      <c r="Q316" s="913"/>
      <c r="R316" s="561"/>
      <c r="S316" s="595"/>
      <c r="T316" s="600"/>
      <c r="U316" s="600"/>
      <c r="V316" s="600"/>
      <c r="W316" s="600"/>
      <c r="X316" s="600"/>
      <c r="Y316" s="600"/>
      <c r="Z316" s="600"/>
      <c r="AA316" s="600"/>
      <c r="AB316" s="600"/>
      <c r="AC316" s="600"/>
      <c r="AD316" s="600"/>
      <c r="AE316" s="600"/>
      <c r="AF316" s="600"/>
      <c r="AG316" s="600"/>
      <c r="AH316" s="600"/>
      <c r="AI316" s="600"/>
      <c r="AJ316" s="600"/>
      <c r="AK316" s="600"/>
      <c r="AL316" s="600"/>
      <c r="AM316" s="600"/>
      <c r="AN316" s="600"/>
      <c r="AO316" s="600"/>
      <c r="AP316" s="600"/>
      <c r="AQ316" s="600"/>
      <c r="AR316" s="600"/>
      <c r="AS316" s="600"/>
      <c r="AT316" s="600"/>
      <c r="AU316" s="600"/>
      <c r="AV316" s="600"/>
      <c r="AW316" s="600"/>
      <c r="AX316" s="600"/>
      <c r="AY316" s="600"/>
      <c r="AZ316" s="600"/>
      <c r="BA316" s="600"/>
      <c r="BB316" s="600"/>
    </row>
    <row r="317" spans="1:256" s="570" customFormat="1" ht="70.2" customHeight="1" x14ac:dyDescent="0.2">
      <c r="A317" s="707" t="s">
        <v>148</v>
      </c>
      <c r="B317" s="708"/>
      <c r="C317" s="708"/>
      <c r="D317" s="708"/>
      <c r="E317" s="708"/>
      <c r="F317" s="708"/>
      <c r="G317" s="708"/>
      <c r="H317" s="708"/>
      <c r="I317" s="709"/>
      <c r="J317" s="572" t="s">
        <v>149</v>
      </c>
      <c r="K317" s="710"/>
      <c r="L317" s="710"/>
      <c r="M317" s="710"/>
      <c r="N317" s="710"/>
      <c r="O317" s="710"/>
      <c r="P317" s="710"/>
      <c r="Q317" s="711"/>
      <c r="R317" s="561"/>
      <c r="S317" s="595"/>
      <c r="T317" s="600"/>
      <c r="U317" s="600"/>
      <c r="V317" s="600"/>
      <c r="W317" s="600"/>
      <c r="X317" s="600"/>
      <c r="Y317" s="600"/>
      <c r="Z317" s="600"/>
      <c r="AA317" s="600"/>
      <c r="AB317" s="600"/>
      <c r="AC317" s="600"/>
      <c r="AD317" s="600"/>
      <c r="AE317" s="600"/>
      <c r="AF317" s="600"/>
      <c r="AG317" s="600"/>
      <c r="AH317" s="600"/>
      <c r="AI317" s="600"/>
      <c r="AJ317" s="600"/>
      <c r="AK317" s="600"/>
      <c r="AL317" s="600"/>
      <c r="AM317" s="600"/>
      <c r="AN317" s="600"/>
      <c r="AO317" s="600"/>
      <c r="AP317" s="600"/>
      <c r="AQ317" s="600"/>
      <c r="AR317" s="600"/>
      <c r="AS317" s="600"/>
      <c r="AT317" s="600"/>
      <c r="AU317" s="600"/>
      <c r="AV317" s="600"/>
      <c r="AW317" s="600"/>
      <c r="AX317" s="600"/>
      <c r="AY317" s="600"/>
      <c r="AZ317" s="600"/>
      <c r="BA317" s="600"/>
      <c r="BB317" s="600"/>
    </row>
    <row r="318" spans="1:256" s="570" customFormat="1" ht="70.2" customHeight="1" x14ac:dyDescent="0.2">
      <c r="A318" s="718"/>
      <c r="B318" s="719"/>
      <c r="C318" s="719"/>
      <c r="D318" s="719"/>
      <c r="E318" s="719"/>
      <c r="F318" s="719"/>
      <c r="G318" s="719"/>
      <c r="H318" s="719"/>
      <c r="I318" s="720"/>
      <c r="J318" s="932" t="s">
        <v>150</v>
      </c>
      <c r="K318" s="933"/>
      <c r="L318" s="934" t="s">
        <v>151</v>
      </c>
      <c r="M318" s="660"/>
      <c r="N318" s="661"/>
      <c r="O318" s="661"/>
      <c r="P318" s="661"/>
      <c r="Q318" s="662"/>
      <c r="R318" s="561"/>
      <c r="S318" s="595"/>
      <c r="T318" s="600"/>
      <c r="U318" s="600"/>
      <c r="V318" s="600"/>
      <c r="W318" s="600"/>
      <c r="X318" s="600"/>
      <c r="Y318" s="600"/>
      <c r="Z318" s="600"/>
      <c r="AA318" s="600"/>
      <c r="AB318" s="600"/>
      <c r="AC318" s="600"/>
      <c r="AD318" s="600"/>
      <c r="AE318" s="600"/>
      <c r="AF318" s="600"/>
      <c r="AG318" s="600"/>
      <c r="AH318" s="600"/>
      <c r="AI318" s="600"/>
      <c r="AJ318" s="600"/>
      <c r="AK318" s="600"/>
      <c r="AL318" s="600"/>
      <c r="AM318" s="600"/>
      <c r="AN318" s="600"/>
      <c r="AO318" s="600"/>
      <c r="AP318" s="600"/>
      <c r="AQ318" s="600"/>
      <c r="AR318" s="600"/>
      <c r="AS318" s="600"/>
      <c r="AT318" s="600"/>
      <c r="AU318" s="600"/>
      <c r="AV318" s="600"/>
      <c r="AW318" s="600"/>
      <c r="AX318" s="600"/>
      <c r="AY318" s="600"/>
      <c r="AZ318" s="600"/>
      <c r="BA318" s="600"/>
      <c r="BB318" s="600"/>
    </row>
    <row r="319" spans="1:256" s="546" customFormat="1" ht="69.900000000000006" customHeight="1" x14ac:dyDescent="0.2">
      <c r="A319" s="925" t="s">
        <v>345</v>
      </c>
      <c r="B319" s="926"/>
      <c r="C319" s="926"/>
      <c r="D319" s="926"/>
      <c r="E319" s="926"/>
      <c r="F319" s="926"/>
      <c r="G319" s="926"/>
      <c r="H319" s="926"/>
      <c r="I319" s="926"/>
      <c r="J319" s="926"/>
      <c r="K319" s="926"/>
      <c r="L319" s="926"/>
      <c r="M319" s="926"/>
      <c r="N319" s="926"/>
      <c r="O319" s="926"/>
      <c r="P319" s="926"/>
      <c r="Q319" s="927"/>
      <c r="R319" s="561"/>
      <c r="S319" s="555"/>
    </row>
    <row r="320" spans="1:256" s="570" customFormat="1" ht="70.2" customHeight="1" x14ac:dyDescent="0.2">
      <c r="A320" s="699" t="s">
        <v>147</v>
      </c>
      <c r="B320" s="700"/>
      <c r="C320" s="700"/>
      <c r="D320" s="700"/>
      <c r="E320" s="700"/>
      <c r="F320" s="700"/>
      <c r="G320" s="700"/>
      <c r="H320" s="700"/>
      <c r="I320" s="701"/>
      <c r="J320" s="841"/>
      <c r="K320" s="841"/>
      <c r="L320" s="841"/>
      <c r="M320" s="841"/>
      <c r="N320" s="841"/>
      <c r="O320" s="841"/>
      <c r="P320" s="841"/>
      <c r="Q320" s="913"/>
      <c r="R320" s="561"/>
      <c r="S320" s="595"/>
      <c r="T320" s="600"/>
      <c r="U320" s="600"/>
      <c r="V320" s="600"/>
      <c r="W320" s="600"/>
      <c r="X320" s="600"/>
      <c r="Y320" s="600"/>
      <c r="Z320" s="600"/>
      <c r="AA320" s="600"/>
      <c r="AB320" s="600"/>
      <c r="AC320" s="600"/>
      <c r="AD320" s="600"/>
      <c r="AE320" s="600"/>
      <c r="AF320" s="600"/>
      <c r="AG320" s="600"/>
      <c r="AH320" s="600"/>
      <c r="AI320" s="600"/>
      <c r="AJ320" s="600"/>
      <c r="AK320" s="600"/>
      <c r="AL320" s="600"/>
      <c r="AM320" s="600"/>
      <c r="AN320" s="600"/>
      <c r="AO320" s="600"/>
      <c r="AP320" s="600"/>
      <c r="AQ320" s="600"/>
      <c r="AR320" s="600"/>
      <c r="AS320" s="600"/>
      <c r="AT320" s="600"/>
      <c r="AU320" s="600"/>
      <c r="AV320" s="600"/>
      <c r="AW320" s="600"/>
      <c r="AX320" s="600"/>
      <c r="AY320" s="600"/>
      <c r="AZ320" s="600"/>
      <c r="BA320" s="600"/>
      <c r="BB320" s="600"/>
    </row>
    <row r="321" spans="1:256" s="570" customFormat="1" ht="70.2" customHeight="1" x14ac:dyDescent="0.2">
      <c r="A321" s="707" t="s">
        <v>148</v>
      </c>
      <c r="B321" s="708"/>
      <c r="C321" s="708"/>
      <c r="D321" s="708"/>
      <c r="E321" s="708"/>
      <c r="F321" s="708"/>
      <c r="G321" s="708"/>
      <c r="H321" s="708"/>
      <c r="I321" s="709"/>
      <c r="J321" s="572" t="s">
        <v>149</v>
      </c>
      <c r="K321" s="710"/>
      <c r="L321" s="710"/>
      <c r="M321" s="710"/>
      <c r="N321" s="710"/>
      <c r="O321" s="710"/>
      <c r="P321" s="710"/>
      <c r="Q321" s="711"/>
      <c r="R321" s="561"/>
      <c r="S321" s="595"/>
      <c r="T321" s="600"/>
      <c r="U321" s="600"/>
      <c r="V321" s="600"/>
      <c r="W321" s="600"/>
      <c r="X321" s="600"/>
      <c r="Y321" s="600"/>
      <c r="Z321" s="600"/>
      <c r="AA321" s="600"/>
      <c r="AB321" s="600"/>
      <c r="AC321" s="600"/>
      <c r="AD321" s="600"/>
      <c r="AE321" s="600"/>
      <c r="AF321" s="600"/>
      <c r="AG321" s="600"/>
      <c r="AH321" s="600"/>
      <c r="AI321" s="600"/>
      <c r="AJ321" s="600"/>
      <c r="AK321" s="600"/>
      <c r="AL321" s="600"/>
      <c r="AM321" s="600"/>
      <c r="AN321" s="600"/>
      <c r="AO321" s="600"/>
      <c r="AP321" s="600"/>
      <c r="AQ321" s="600"/>
      <c r="AR321" s="600"/>
      <c r="AS321" s="600"/>
      <c r="AT321" s="600"/>
      <c r="AU321" s="600"/>
      <c r="AV321" s="600"/>
      <c r="AW321" s="600"/>
      <c r="AX321" s="600"/>
      <c r="AY321" s="600"/>
      <c r="AZ321" s="600"/>
      <c r="BA321" s="600"/>
      <c r="BB321" s="600"/>
    </row>
    <row r="322" spans="1:256" s="570" customFormat="1" ht="70.2" customHeight="1" x14ac:dyDescent="0.2">
      <c r="A322" s="715"/>
      <c r="B322" s="716"/>
      <c r="C322" s="716"/>
      <c r="D322" s="716"/>
      <c r="E322" s="716"/>
      <c r="F322" s="716"/>
      <c r="G322" s="716"/>
      <c r="H322" s="716"/>
      <c r="I322" s="717"/>
      <c r="J322" s="843" t="s">
        <v>150</v>
      </c>
      <c r="K322" s="878"/>
      <c r="L322" s="914" t="s">
        <v>151</v>
      </c>
      <c r="M322" s="572"/>
      <c r="N322" s="710"/>
      <c r="O322" s="710"/>
      <c r="P322" s="710"/>
      <c r="Q322" s="711"/>
      <c r="R322" s="561"/>
      <c r="S322" s="595"/>
      <c r="T322" s="600"/>
      <c r="U322" s="600"/>
      <c r="V322" s="600"/>
      <c r="W322" s="600"/>
      <c r="X322" s="600"/>
      <c r="Y322" s="600"/>
      <c r="Z322" s="600"/>
      <c r="AA322" s="600"/>
      <c r="AB322" s="600"/>
      <c r="AC322" s="600"/>
      <c r="AD322" s="600"/>
      <c r="AE322" s="600"/>
      <c r="AF322" s="600"/>
      <c r="AG322" s="600"/>
      <c r="AH322" s="600"/>
      <c r="AI322" s="600"/>
      <c r="AJ322" s="600"/>
      <c r="AK322" s="600"/>
      <c r="AL322" s="600"/>
      <c r="AM322" s="600"/>
      <c r="AN322" s="600"/>
      <c r="AO322" s="600"/>
      <c r="AP322" s="600"/>
      <c r="AQ322" s="600"/>
      <c r="AR322" s="600"/>
      <c r="AS322" s="600"/>
      <c r="AT322" s="600"/>
      <c r="AU322" s="600"/>
      <c r="AV322" s="600"/>
      <c r="AW322" s="600"/>
      <c r="AX322" s="600"/>
      <c r="AY322" s="600"/>
      <c r="AZ322" s="600"/>
      <c r="BA322" s="600"/>
      <c r="BB322" s="600"/>
    </row>
    <row r="323" spans="1:256" s="570" customFormat="1" ht="70.2" customHeight="1" x14ac:dyDescent="0.2">
      <c r="A323" s="928" t="s">
        <v>153</v>
      </c>
      <c r="B323" s="929"/>
      <c r="C323" s="929"/>
      <c r="D323" s="929"/>
      <c r="E323" s="929"/>
      <c r="F323" s="929"/>
      <c r="G323" s="929"/>
      <c r="H323" s="929"/>
      <c r="I323" s="930"/>
      <c r="J323" s="849"/>
      <c r="K323" s="849"/>
      <c r="L323" s="849"/>
      <c r="M323" s="849"/>
      <c r="N323" s="849"/>
      <c r="O323" s="849"/>
      <c r="P323" s="849"/>
      <c r="Q323" s="931"/>
      <c r="R323" s="187"/>
      <c r="S323" s="188"/>
      <c r="T323" s="190"/>
      <c r="U323" s="190"/>
      <c r="V323" s="190"/>
      <c r="W323" s="190"/>
      <c r="X323" s="190"/>
      <c r="Y323" s="190"/>
      <c r="Z323" s="190"/>
      <c r="AA323" s="190"/>
      <c r="AB323" s="190"/>
      <c r="AC323" s="190"/>
      <c r="AD323" s="190"/>
      <c r="AE323" s="190"/>
      <c r="AF323" s="190"/>
      <c r="AG323" s="190"/>
      <c r="AH323" s="190"/>
      <c r="AI323" s="190"/>
      <c r="AJ323" s="190"/>
      <c r="AK323" s="190"/>
      <c r="AL323" s="190"/>
      <c r="AM323" s="190"/>
      <c r="AN323" s="190"/>
      <c r="AO323" s="190"/>
      <c r="AP323" s="190"/>
      <c r="AQ323" s="190"/>
      <c r="AR323" s="190"/>
      <c r="AS323" s="190"/>
      <c r="AT323" s="190"/>
      <c r="AU323" s="190"/>
      <c r="AV323" s="190"/>
      <c r="AW323" s="190"/>
      <c r="AX323" s="190"/>
      <c r="AY323" s="190"/>
      <c r="AZ323" s="190"/>
      <c r="BA323" s="190"/>
      <c r="BB323" s="190"/>
      <c r="BC323" s="191"/>
      <c r="BD323" s="191"/>
      <c r="BE323" s="191"/>
      <c r="BF323" s="191"/>
      <c r="BG323" s="191"/>
      <c r="BH323" s="191"/>
      <c r="BI323" s="191"/>
      <c r="BJ323" s="191"/>
      <c r="BK323" s="191"/>
      <c r="BL323" s="191"/>
      <c r="BM323" s="191"/>
      <c r="BN323" s="191"/>
      <c r="BO323" s="191"/>
      <c r="BP323" s="191"/>
      <c r="BQ323" s="191"/>
      <c r="BR323" s="191"/>
      <c r="BS323" s="191"/>
      <c r="BT323" s="191"/>
      <c r="BU323" s="191"/>
      <c r="BV323" s="191"/>
      <c r="BW323" s="191"/>
      <c r="BX323" s="191"/>
      <c r="BY323" s="191"/>
      <c r="BZ323" s="191"/>
      <c r="CA323" s="191"/>
      <c r="CB323" s="191"/>
      <c r="CC323" s="191"/>
      <c r="CD323" s="191"/>
      <c r="CE323" s="191"/>
      <c r="CF323" s="191"/>
      <c r="CG323" s="191"/>
      <c r="CH323" s="191"/>
      <c r="CI323" s="191"/>
      <c r="CJ323" s="191"/>
      <c r="CK323" s="191"/>
      <c r="CL323" s="191"/>
      <c r="CM323" s="191"/>
      <c r="CN323" s="191"/>
      <c r="CO323" s="191"/>
      <c r="CP323" s="191"/>
      <c r="CQ323" s="191"/>
      <c r="CR323" s="191"/>
      <c r="CS323" s="191"/>
      <c r="CT323" s="191"/>
      <c r="CU323" s="191"/>
      <c r="CV323" s="191"/>
      <c r="CW323" s="191"/>
      <c r="CX323" s="191"/>
      <c r="CY323" s="191"/>
      <c r="CZ323" s="191"/>
      <c r="DA323" s="191"/>
      <c r="DB323" s="191"/>
      <c r="DC323" s="191"/>
      <c r="DD323" s="191"/>
      <c r="DE323" s="191"/>
      <c r="DF323" s="191"/>
      <c r="DG323" s="191"/>
      <c r="DH323" s="191"/>
      <c r="DI323" s="191"/>
      <c r="DJ323" s="191"/>
      <c r="DK323" s="191"/>
      <c r="DL323" s="191"/>
      <c r="DM323" s="191"/>
      <c r="DN323" s="191"/>
      <c r="DO323" s="191"/>
      <c r="DP323" s="191"/>
      <c r="DQ323" s="191"/>
      <c r="DR323" s="191"/>
      <c r="DS323" s="191"/>
      <c r="DT323" s="191"/>
      <c r="DU323" s="191"/>
      <c r="DV323" s="191"/>
      <c r="DW323" s="191"/>
      <c r="DX323" s="191"/>
      <c r="DY323" s="191"/>
      <c r="DZ323" s="191"/>
      <c r="EA323" s="191"/>
      <c r="EB323" s="191"/>
      <c r="EC323" s="191"/>
      <c r="ED323" s="191"/>
      <c r="EE323" s="191"/>
      <c r="EF323" s="191"/>
      <c r="EG323" s="191"/>
      <c r="EH323" s="191"/>
      <c r="EI323" s="191"/>
      <c r="EJ323" s="191"/>
      <c r="EK323" s="191"/>
      <c r="EL323" s="191"/>
      <c r="EM323" s="191"/>
      <c r="EN323" s="191"/>
      <c r="EO323" s="191"/>
      <c r="EP323" s="191"/>
      <c r="EQ323" s="191"/>
      <c r="ER323" s="191"/>
      <c r="ES323" s="191"/>
      <c r="ET323" s="191"/>
      <c r="EU323" s="191"/>
      <c r="EV323" s="191"/>
      <c r="EW323" s="191"/>
      <c r="EX323" s="191"/>
      <c r="EY323" s="191"/>
      <c r="EZ323" s="191"/>
      <c r="FA323" s="191"/>
      <c r="FB323" s="191"/>
      <c r="FC323" s="191"/>
      <c r="FD323" s="191"/>
      <c r="FE323" s="191"/>
      <c r="FF323" s="191"/>
      <c r="FG323" s="191"/>
      <c r="FH323" s="191"/>
      <c r="FI323" s="191"/>
      <c r="FJ323" s="191"/>
      <c r="FK323" s="191"/>
      <c r="FL323" s="191"/>
      <c r="FM323" s="191"/>
      <c r="FN323" s="191"/>
      <c r="FO323" s="191"/>
      <c r="FP323" s="191"/>
      <c r="FQ323" s="191"/>
      <c r="FR323" s="191"/>
      <c r="FS323" s="191"/>
      <c r="FT323" s="191"/>
      <c r="FU323" s="191"/>
      <c r="FV323" s="191"/>
      <c r="FW323" s="191"/>
      <c r="FX323" s="191"/>
      <c r="FY323" s="191"/>
      <c r="FZ323" s="191"/>
      <c r="GA323" s="191"/>
      <c r="GB323" s="191"/>
      <c r="GC323" s="191"/>
      <c r="GD323" s="191"/>
      <c r="GE323" s="191"/>
      <c r="GF323" s="191"/>
      <c r="GG323" s="191"/>
      <c r="GH323" s="191"/>
      <c r="GI323" s="191"/>
      <c r="GJ323" s="191"/>
      <c r="GK323" s="191"/>
      <c r="GL323" s="191"/>
      <c r="GM323" s="191"/>
      <c r="GN323" s="191"/>
      <c r="GO323" s="191"/>
      <c r="GP323" s="191"/>
      <c r="GQ323" s="191"/>
      <c r="GR323" s="191"/>
      <c r="GS323" s="191"/>
      <c r="GT323" s="191"/>
      <c r="GU323" s="191"/>
      <c r="GV323" s="191"/>
      <c r="GW323" s="191"/>
      <c r="GX323" s="191"/>
      <c r="GY323" s="191"/>
      <c r="GZ323" s="191"/>
      <c r="HA323" s="191"/>
      <c r="HB323" s="191"/>
      <c r="HC323" s="191"/>
      <c r="HD323" s="191"/>
      <c r="HE323" s="191"/>
      <c r="HF323" s="191"/>
      <c r="HG323" s="191"/>
      <c r="HH323" s="191"/>
      <c r="HI323" s="191"/>
      <c r="HJ323" s="191"/>
      <c r="HK323" s="191"/>
      <c r="HL323" s="191"/>
      <c r="HM323" s="191"/>
      <c r="HN323" s="191"/>
      <c r="HO323" s="191"/>
      <c r="HP323" s="191"/>
      <c r="HQ323" s="191"/>
      <c r="HR323" s="191"/>
      <c r="HS323" s="191"/>
      <c r="HT323" s="191"/>
      <c r="HU323" s="191"/>
      <c r="HV323" s="191"/>
      <c r="HW323" s="191"/>
      <c r="HX323" s="191"/>
      <c r="HY323" s="191"/>
      <c r="HZ323" s="191"/>
      <c r="IA323" s="191"/>
      <c r="IB323" s="191"/>
      <c r="IC323" s="191"/>
      <c r="ID323" s="191"/>
      <c r="IE323" s="191"/>
      <c r="IF323" s="191"/>
      <c r="IG323" s="191"/>
      <c r="IH323" s="191"/>
      <c r="II323" s="191"/>
      <c r="IJ323" s="191"/>
      <c r="IK323" s="191"/>
      <c r="IL323" s="191"/>
      <c r="IM323" s="191"/>
      <c r="IN323" s="191"/>
      <c r="IO323" s="191"/>
      <c r="IP323" s="191"/>
      <c r="IQ323" s="191"/>
      <c r="IR323" s="191"/>
      <c r="IS323" s="191"/>
      <c r="IT323" s="191"/>
      <c r="IU323" s="191"/>
      <c r="IV323" s="191"/>
    </row>
    <row r="324" spans="1:256" s="570" customFormat="1" ht="70.2" customHeight="1" x14ac:dyDescent="0.2">
      <c r="A324" s="707" t="s">
        <v>154</v>
      </c>
      <c r="B324" s="708"/>
      <c r="C324" s="708"/>
      <c r="D324" s="708"/>
      <c r="E324" s="708"/>
      <c r="F324" s="708"/>
      <c r="G324" s="708"/>
      <c r="H324" s="708"/>
      <c r="I324" s="709"/>
      <c r="J324" s="915" t="s">
        <v>155</v>
      </c>
      <c r="K324" s="572" t="s">
        <v>156</v>
      </c>
      <c r="L324" s="710"/>
      <c r="M324" s="710"/>
      <c r="N324" s="710"/>
      <c r="O324" s="710"/>
      <c r="P324" s="710"/>
      <c r="Q324" s="711"/>
      <c r="R324" s="187"/>
      <c r="S324" s="188"/>
      <c r="T324" s="190"/>
      <c r="U324" s="190"/>
      <c r="V324" s="190"/>
      <c r="W324" s="190"/>
      <c r="X324" s="190"/>
      <c r="Y324" s="190"/>
      <c r="Z324" s="190"/>
      <c r="AA324" s="190"/>
      <c r="AB324" s="190"/>
      <c r="AC324" s="190"/>
      <c r="AD324" s="190"/>
      <c r="AE324" s="190"/>
      <c r="AF324" s="190"/>
      <c r="AG324" s="190"/>
      <c r="AH324" s="190"/>
      <c r="AI324" s="190"/>
      <c r="AJ324" s="190"/>
      <c r="AK324" s="190"/>
      <c r="AL324" s="190"/>
      <c r="AM324" s="190"/>
      <c r="AN324" s="190"/>
      <c r="AO324" s="190"/>
      <c r="AP324" s="190"/>
      <c r="AQ324" s="190"/>
      <c r="AR324" s="190"/>
      <c r="AS324" s="190"/>
      <c r="AT324" s="190"/>
      <c r="AU324" s="190"/>
      <c r="AV324" s="190"/>
      <c r="AW324" s="190"/>
      <c r="AX324" s="190"/>
      <c r="AY324" s="190"/>
      <c r="AZ324" s="190"/>
      <c r="BA324" s="190"/>
      <c r="BB324" s="190"/>
      <c r="BC324" s="191"/>
      <c r="BD324" s="191"/>
      <c r="BE324" s="191"/>
      <c r="BF324" s="191"/>
      <c r="BG324" s="191"/>
      <c r="BH324" s="191"/>
      <c r="BI324" s="191"/>
      <c r="BJ324" s="191"/>
      <c r="BK324" s="191"/>
      <c r="BL324" s="191"/>
      <c r="BM324" s="191"/>
      <c r="BN324" s="191"/>
      <c r="BO324" s="191"/>
      <c r="BP324" s="191"/>
      <c r="BQ324" s="191"/>
      <c r="BR324" s="191"/>
      <c r="BS324" s="191"/>
      <c r="BT324" s="191"/>
      <c r="BU324" s="191"/>
      <c r="BV324" s="191"/>
      <c r="BW324" s="191"/>
      <c r="BX324" s="191"/>
      <c r="BY324" s="191"/>
      <c r="BZ324" s="191"/>
      <c r="CA324" s="191"/>
      <c r="CB324" s="191"/>
      <c r="CC324" s="191"/>
      <c r="CD324" s="191"/>
      <c r="CE324" s="191"/>
      <c r="CF324" s="191"/>
      <c r="CG324" s="191"/>
      <c r="CH324" s="191"/>
      <c r="CI324" s="191"/>
      <c r="CJ324" s="191"/>
      <c r="CK324" s="191"/>
      <c r="CL324" s="191"/>
      <c r="CM324" s="191"/>
      <c r="CN324" s="191"/>
      <c r="CO324" s="191"/>
      <c r="CP324" s="191"/>
      <c r="CQ324" s="191"/>
      <c r="CR324" s="191"/>
      <c r="CS324" s="191"/>
      <c r="CT324" s="191"/>
      <c r="CU324" s="191"/>
      <c r="CV324" s="191"/>
      <c r="CW324" s="191"/>
      <c r="CX324" s="191"/>
      <c r="CY324" s="191"/>
      <c r="CZ324" s="191"/>
      <c r="DA324" s="191"/>
      <c r="DB324" s="191"/>
      <c r="DC324" s="191"/>
      <c r="DD324" s="191"/>
      <c r="DE324" s="191"/>
      <c r="DF324" s="191"/>
      <c r="DG324" s="191"/>
      <c r="DH324" s="191"/>
      <c r="DI324" s="191"/>
      <c r="DJ324" s="191"/>
      <c r="DK324" s="191"/>
      <c r="DL324" s="191"/>
      <c r="DM324" s="191"/>
      <c r="DN324" s="191"/>
      <c r="DO324" s="191"/>
      <c r="DP324" s="191"/>
      <c r="DQ324" s="191"/>
      <c r="DR324" s="191"/>
      <c r="DS324" s="191"/>
      <c r="DT324" s="191"/>
      <c r="DU324" s="191"/>
      <c r="DV324" s="191"/>
      <c r="DW324" s="191"/>
      <c r="DX324" s="191"/>
      <c r="DY324" s="191"/>
      <c r="DZ324" s="191"/>
      <c r="EA324" s="191"/>
      <c r="EB324" s="191"/>
      <c r="EC324" s="191"/>
      <c r="ED324" s="191"/>
      <c r="EE324" s="191"/>
      <c r="EF324" s="191"/>
      <c r="EG324" s="191"/>
      <c r="EH324" s="191"/>
      <c r="EI324" s="191"/>
      <c r="EJ324" s="191"/>
      <c r="EK324" s="191"/>
      <c r="EL324" s="191"/>
      <c r="EM324" s="191"/>
      <c r="EN324" s="191"/>
      <c r="EO324" s="191"/>
      <c r="EP324" s="191"/>
      <c r="EQ324" s="191"/>
      <c r="ER324" s="191"/>
      <c r="ES324" s="191"/>
      <c r="ET324" s="191"/>
      <c r="EU324" s="191"/>
      <c r="EV324" s="191"/>
      <c r="EW324" s="191"/>
      <c r="EX324" s="191"/>
      <c r="EY324" s="191"/>
      <c r="EZ324" s="191"/>
      <c r="FA324" s="191"/>
      <c r="FB324" s="191"/>
      <c r="FC324" s="191"/>
      <c r="FD324" s="191"/>
      <c r="FE324" s="191"/>
      <c r="FF324" s="191"/>
      <c r="FG324" s="191"/>
      <c r="FH324" s="191"/>
      <c r="FI324" s="191"/>
      <c r="FJ324" s="191"/>
      <c r="FK324" s="191"/>
      <c r="FL324" s="191"/>
      <c r="FM324" s="191"/>
      <c r="FN324" s="191"/>
      <c r="FO324" s="191"/>
      <c r="FP324" s="191"/>
      <c r="FQ324" s="191"/>
      <c r="FR324" s="191"/>
      <c r="FS324" s="191"/>
      <c r="FT324" s="191"/>
      <c r="FU324" s="191"/>
      <c r="FV324" s="191"/>
      <c r="FW324" s="191"/>
      <c r="FX324" s="191"/>
      <c r="FY324" s="191"/>
      <c r="FZ324" s="191"/>
      <c r="GA324" s="191"/>
      <c r="GB324" s="191"/>
      <c r="GC324" s="191"/>
      <c r="GD324" s="191"/>
      <c r="GE324" s="191"/>
      <c r="GF324" s="191"/>
      <c r="GG324" s="191"/>
      <c r="GH324" s="191"/>
      <c r="GI324" s="191"/>
      <c r="GJ324" s="191"/>
      <c r="GK324" s="191"/>
      <c r="GL324" s="191"/>
      <c r="GM324" s="191"/>
      <c r="GN324" s="191"/>
      <c r="GO324" s="191"/>
      <c r="GP324" s="191"/>
      <c r="GQ324" s="191"/>
      <c r="GR324" s="191"/>
      <c r="GS324" s="191"/>
      <c r="GT324" s="191"/>
      <c r="GU324" s="191"/>
      <c r="GV324" s="191"/>
      <c r="GW324" s="191"/>
      <c r="GX324" s="191"/>
      <c r="GY324" s="191"/>
      <c r="GZ324" s="191"/>
      <c r="HA324" s="191"/>
      <c r="HB324" s="191"/>
      <c r="HC324" s="191"/>
      <c r="HD324" s="191"/>
      <c r="HE324" s="191"/>
      <c r="HF324" s="191"/>
      <c r="HG324" s="191"/>
      <c r="HH324" s="191"/>
      <c r="HI324" s="191"/>
      <c r="HJ324" s="191"/>
      <c r="HK324" s="191"/>
      <c r="HL324" s="191"/>
      <c r="HM324" s="191"/>
      <c r="HN324" s="191"/>
      <c r="HO324" s="191"/>
      <c r="HP324" s="191"/>
      <c r="HQ324" s="191"/>
      <c r="HR324" s="191"/>
      <c r="HS324" s="191"/>
      <c r="HT324" s="191"/>
      <c r="HU324" s="191"/>
      <c r="HV324" s="191"/>
      <c r="HW324" s="191"/>
      <c r="HX324" s="191"/>
      <c r="HY324" s="191"/>
      <c r="HZ324" s="191"/>
      <c r="IA324" s="191"/>
      <c r="IB324" s="191"/>
      <c r="IC324" s="191"/>
      <c r="ID324" s="191"/>
      <c r="IE324" s="191"/>
      <c r="IF324" s="191"/>
      <c r="IG324" s="191"/>
      <c r="IH324" s="191"/>
      <c r="II324" s="191"/>
      <c r="IJ324" s="191"/>
      <c r="IK324" s="191"/>
      <c r="IL324" s="191"/>
      <c r="IM324" s="191"/>
      <c r="IN324" s="191"/>
      <c r="IO324" s="191"/>
      <c r="IP324" s="191"/>
      <c r="IQ324" s="191"/>
      <c r="IR324" s="191"/>
      <c r="IS324" s="191"/>
      <c r="IT324" s="191"/>
      <c r="IU324" s="191"/>
      <c r="IV324" s="191"/>
    </row>
    <row r="325" spans="1:256" s="570" customFormat="1" ht="70.2" customHeight="1" x14ac:dyDescent="0.2">
      <c r="A325" s="712"/>
      <c r="B325" s="713"/>
      <c r="C325" s="713"/>
      <c r="D325" s="713"/>
      <c r="E325" s="713"/>
      <c r="F325" s="713"/>
      <c r="G325" s="713"/>
      <c r="H325" s="713"/>
      <c r="I325" s="714"/>
      <c r="J325" s="572" t="s">
        <v>157</v>
      </c>
      <c r="K325" s="710"/>
      <c r="L325" s="710"/>
      <c r="M325" s="710"/>
      <c r="N325" s="710"/>
      <c r="O325" s="710"/>
      <c r="P325" s="710"/>
      <c r="Q325" s="711"/>
      <c r="R325" s="187"/>
      <c r="S325" s="188"/>
      <c r="T325" s="190"/>
      <c r="U325" s="190"/>
      <c r="V325" s="190"/>
      <c r="W325" s="190"/>
      <c r="X325" s="190"/>
      <c r="Y325" s="190"/>
      <c r="Z325" s="190"/>
      <c r="AA325" s="190"/>
      <c r="AB325" s="190"/>
      <c r="AC325" s="190"/>
      <c r="AD325" s="190"/>
      <c r="AE325" s="190"/>
      <c r="AF325" s="190"/>
      <c r="AG325" s="190"/>
      <c r="AH325" s="190"/>
      <c r="AI325" s="190"/>
      <c r="AJ325" s="190"/>
      <c r="AK325" s="190"/>
      <c r="AL325" s="190"/>
      <c r="AM325" s="190"/>
      <c r="AN325" s="190"/>
      <c r="AO325" s="190"/>
      <c r="AP325" s="190"/>
      <c r="AQ325" s="190"/>
      <c r="AR325" s="190"/>
      <c r="AS325" s="190"/>
      <c r="AT325" s="190"/>
      <c r="AU325" s="190"/>
      <c r="AV325" s="190"/>
      <c r="AW325" s="190"/>
      <c r="AX325" s="190"/>
      <c r="AY325" s="190"/>
      <c r="AZ325" s="190"/>
      <c r="BA325" s="190"/>
      <c r="BB325" s="190"/>
      <c r="BC325" s="191"/>
      <c r="BD325" s="191"/>
      <c r="BE325" s="191"/>
      <c r="BF325" s="191"/>
      <c r="BG325" s="191"/>
      <c r="BH325" s="191"/>
      <c r="BI325" s="191"/>
      <c r="BJ325" s="191"/>
      <c r="BK325" s="191"/>
      <c r="BL325" s="191"/>
      <c r="BM325" s="191"/>
      <c r="BN325" s="191"/>
      <c r="BO325" s="191"/>
      <c r="BP325" s="191"/>
      <c r="BQ325" s="191"/>
      <c r="BR325" s="191"/>
      <c r="BS325" s="191"/>
      <c r="BT325" s="191"/>
      <c r="BU325" s="191"/>
      <c r="BV325" s="191"/>
      <c r="BW325" s="191"/>
      <c r="BX325" s="191"/>
      <c r="BY325" s="191"/>
      <c r="BZ325" s="191"/>
      <c r="CA325" s="191"/>
      <c r="CB325" s="191"/>
      <c r="CC325" s="191"/>
      <c r="CD325" s="191"/>
      <c r="CE325" s="191"/>
      <c r="CF325" s="191"/>
      <c r="CG325" s="191"/>
      <c r="CH325" s="191"/>
      <c r="CI325" s="191"/>
      <c r="CJ325" s="191"/>
      <c r="CK325" s="191"/>
      <c r="CL325" s="191"/>
      <c r="CM325" s="191"/>
      <c r="CN325" s="191"/>
      <c r="CO325" s="191"/>
      <c r="CP325" s="191"/>
      <c r="CQ325" s="191"/>
      <c r="CR325" s="191"/>
      <c r="CS325" s="191"/>
      <c r="CT325" s="191"/>
      <c r="CU325" s="191"/>
      <c r="CV325" s="191"/>
      <c r="CW325" s="191"/>
      <c r="CX325" s="191"/>
      <c r="CY325" s="191"/>
      <c r="CZ325" s="191"/>
      <c r="DA325" s="191"/>
      <c r="DB325" s="191"/>
      <c r="DC325" s="191"/>
      <c r="DD325" s="191"/>
      <c r="DE325" s="191"/>
      <c r="DF325" s="191"/>
      <c r="DG325" s="191"/>
      <c r="DH325" s="191"/>
      <c r="DI325" s="191"/>
      <c r="DJ325" s="191"/>
      <c r="DK325" s="191"/>
      <c r="DL325" s="191"/>
      <c r="DM325" s="191"/>
      <c r="DN325" s="191"/>
      <c r="DO325" s="191"/>
      <c r="DP325" s="191"/>
      <c r="DQ325" s="191"/>
      <c r="DR325" s="191"/>
      <c r="DS325" s="191"/>
      <c r="DT325" s="191"/>
      <c r="DU325" s="191"/>
      <c r="DV325" s="191"/>
      <c r="DW325" s="191"/>
      <c r="DX325" s="191"/>
      <c r="DY325" s="191"/>
      <c r="DZ325" s="191"/>
      <c r="EA325" s="191"/>
      <c r="EB325" s="191"/>
      <c r="EC325" s="191"/>
      <c r="ED325" s="191"/>
      <c r="EE325" s="191"/>
      <c r="EF325" s="191"/>
      <c r="EG325" s="191"/>
      <c r="EH325" s="191"/>
      <c r="EI325" s="191"/>
      <c r="EJ325" s="191"/>
      <c r="EK325" s="191"/>
      <c r="EL325" s="191"/>
      <c r="EM325" s="191"/>
      <c r="EN325" s="191"/>
      <c r="EO325" s="191"/>
      <c r="EP325" s="191"/>
      <c r="EQ325" s="191"/>
      <c r="ER325" s="191"/>
      <c r="ES325" s="191"/>
      <c r="ET325" s="191"/>
      <c r="EU325" s="191"/>
      <c r="EV325" s="191"/>
      <c r="EW325" s="191"/>
      <c r="EX325" s="191"/>
      <c r="EY325" s="191"/>
      <c r="EZ325" s="191"/>
      <c r="FA325" s="191"/>
      <c r="FB325" s="191"/>
      <c r="FC325" s="191"/>
      <c r="FD325" s="191"/>
      <c r="FE325" s="191"/>
      <c r="FF325" s="191"/>
      <c r="FG325" s="191"/>
      <c r="FH325" s="191"/>
      <c r="FI325" s="191"/>
      <c r="FJ325" s="191"/>
      <c r="FK325" s="191"/>
      <c r="FL325" s="191"/>
      <c r="FM325" s="191"/>
      <c r="FN325" s="191"/>
      <c r="FO325" s="191"/>
      <c r="FP325" s="191"/>
      <c r="FQ325" s="191"/>
      <c r="FR325" s="191"/>
      <c r="FS325" s="191"/>
      <c r="FT325" s="191"/>
      <c r="FU325" s="191"/>
      <c r="FV325" s="191"/>
      <c r="FW325" s="191"/>
      <c r="FX325" s="191"/>
      <c r="FY325" s="191"/>
      <c r="FZ325" s="191"/>
      <c r="GA325" s="191"/>
      <c r="GB325" s="191"/>
      <c r="GC325" s="191"/>
      <c r="GD325" s="191"/>
      <c r="GE325" s="191"/>
      <c r="GF325" s="191"/>
      <c r="GG325" s="191"/>
      <c r="GH325" s="191"/>
      <c r="GI325" s="191"/>
      <c r="GJ325" s="191"/>
      <c r="GK325" s="191"/>
      <c r="GL325" s="191"/>
      <c r="GM325" s="191"/>
      <c r="GN325" s="191"/>
      <c r="GO325" s="191"/>
      <c r="GP325" s="191"/>
      <c r="GQ325" s="191"/>
      <c r="GR325" s="191"/>
      <c r="GS325" s="191"/>
      <c r="GT325" s="191"/>
      <c r="GU325" s="191"/>
      <c r="GV325" s="191"/>
      <c r="GW325" s="191"/>
      <c r="GX325" s="191"/>
      <c r="GY325" s="191"/>
      <c r="GZ325" s="191"/>
      <c r="HA325" s="191"/>
      <c r="HB325" s="191"/>
      <c r="HC325" s="191"/>
      <c r="HD325" s="191"/>
      <c r="HE325" s="191"/>
      <c r="HF325" s="191"/>
      <c r="HG325" s="191"/>
      <c r="HH325" s="191"/>
      <c r="HI325" s="191"/>
      <c r="HJ325" s="191"/>
      <c r="HK325" s="191"/>
      <c r="HL325" s="191"/>
      <c r="HM325" s="191"/>
      <c r="HN325" s="191"/>
      <c r="HO325" s="191"/>
      <c r="HP325" s="191"/>
      <c r="HQ325" s="191"/>
      <c r="HR325" s="191"/>
      <c r="HS325" s="191"/>
      <c r="HT325" s="191"/>
      <c r="HU325" s="191"/>
      <c r="HV325" s="191"/>
      <c r="HW325" s="191"/>
      <c r="HX325" s="191"/>
      <c r="HY325" s="191"/>
      <c r="HZ325" s="191"/>
      <c r="IA325" s="191"/>
      <c r="IB325" s="191"/>
      <c r="IC325" s="191"/>
      <c r="ID325" s="191"/>
      <c r="IE325" s="191"/>
      <c r="IF325" s="191"/>
      <c r="IG325" s="191"/>
      <c r="IH325" s="191"/>
      <c r="II325" s="191"/>
      <c r="IJ325" s="191"/>
      <c r="IK325" s="191"/>
      <c r="IL325" s="191"/>
      <c r="IM325" s="191"/>
      <c r="IN325" s="191"/>
      <c r="IO325" s="191"/>
      <c r="IP325" s="191"/>
      <c r="IQ325" s="191"/>
      <c r="IR325" s="191"/>
      <c r="IS325" s="191"/>
      <c r="IT325" s="191"/>
      <c r="IU325" s="191"/>
      <c r="IV325" s="191"/>
    </row>
    <row r="326" spans="1:256" s="570" customFormat="1" ht="70.2" customHeight="1" x14ac:dyDescent="0.2">
      <c r="A326" s="715"/>
      <c r="B326" s="716"/>
      <c r="C326" s="716"/>
      <c r="D326" s="716"/>
      <c r="E326" s="716"/>
      <c r="F326" s="716"/>
      <c r="G326" s="716"/>
      <c r="H326" s="716"/>
      <c r="I326" s="717"/>
      <c r="J326" s="843" t="s">
        <v>158</v>
      </c>
      <c r="K326" s="878"/>
      <c r="L326" s="914" t="s">
        <v>151</v>
      </c>
      <c r="M326" s="572"/>
      <c r="N326" s="710"/>
      <c r="O326" s="710"/>
      <c r="P326" s="710"/>
      <c r="Q326" s="711"/>
      <c r="R326" s="187"/>
      <c r="S326" s="188"/>
      <c r="T326" s="190"/>
      <c r="U326" s="190"/>
      <c r="V326" s="190"/>
      <c r="W326" s="190"/>
      <c r="X326" s="190"/>
      <c r="Y326" s="190"/>
      <c r="Z326" s="190"/>
      <c r="AA326" s="190"/>
      <c r="AB326" s="190"/>
      <c r="AC326" s="190"/>
      <c r="AD326" s="190"/>
      <c r="AE326" s="190"/>
      <c r="AF326" s="190"/>
      <c r="AG326" s="190"/>
      <c r="AH326" s="190"/>
      <c r="AI326" s="190"/>
      <c r="AJ326" s="190"/>
      <c r="AK326" s="190"/>
      <c r="AL326" s="190"/>
      <c r="AM326" s="190"/>
      <c r="AN326" s="190"/>
      <c r="AO326" s="190"/>
      <c r="AP326" s="190"/>
      <c r="AQ326" s="190"/>
      <c r="AR326" s="190"/>
      <c r="AS326" s="190"/>
      <c r="AT326" s="190"/>
      <c r="AU326" s="190"/>
      <c r="AV326" s="190"/>
      <c r="AW326" s="190"/>
      <c r="AX326" s="190"/>
      <c r="AY326" s="190"/>
      <c r="AZ326" s="190"/>
      <c r="BA326" s="190"/>
      <c r="BB326" s="190"/>
      <c r="BC326" s="191"/>
      <c r="BD326" s="191"/>
      <c r="BE326" s="191"/>
      <c r="BF326" s="191"/>
      <c r="BG326" s="191"/>
      <c r="BH326" s="191"/>
      <c r="BI326" s="191"/>
      <c r="BJ326" s="191"/>
      <c r="BK326" s="191"/>
      <c r="BL326" s="191"/>
      <c r="BM326" s="191"/>
      <c r="BN326" s="191"/>
      <c r="BO326" s="191"/>
      <c r="BP326" s="191"/>
      <c r="BQ326" s="191"/>
      <c r="BR326" s="191"/>
      <c r="BS326" s="191"/>
      <c r="BT326" s="191"/>
      <c r="BU326" s="191"/>
      <c r="BV326" s="191"/>
      <c r="BW326" s="191"/>
      <c r="BX326" s="191"/>
      <c r="BY326" s="191"/>
      <c r="BZ326" s="191"/>
      <c r="CA326" s="191"/>
      <c r="CB326" s="191"/>
      <c r="CC326" s="191"/>
      <c r="CD326" s="191"/>
      <c r="CE326" s="191"/>
      <c r="CF326" s="191"/>
      <c r="CG326" s="191"/>
      <c r="CH326" s="191"/>
      <c r="CI326" s="191"/>
      <c r="CJ326" s="191"/>
      <c r="CK326" s="191"/>
      <c r="CL326" s="191"/>
      <c r="CM326" s="191"/>
      <c r="CN326" s="191"/>
      <c r="CO326" s="191"/>
      <c r="CP326" s="191"/>
      <c r="CQ326" s="191"/>
      <c r="CR326" s="191"/>
      <c r="CS326" s="191"/>
      <c r="CT326" s="191"/>
      <c r="CU326" s="191"/>
      <c r="CV326" s="191"/>
      <c r="CW326" s="191"/>
      <c r="CX326" s="191"/>
      <c r="CY326" s="191"/>
      <c r="CZ326" s="191"/>
      <c r="DA326" s="191"/>
      <c r="DB326" s="191"/>
      <c r="DC326" s="191"/>
      <c r="DD326" s="191"/>
      <c r="DE326" s="191"/>
      <c r="DF326" s="191"/>
      <c r="DG326" s="191"/>
      <c r="DH326" s="191"/>
      <c r="DI326" s="191"/>
      <c r="DJ326" s="191"/>
      <c r="DK326" s="191"/>
      <c r="DL326" s="191"/>
      <c r="DM326" s="191"/>
      <c r="DN326" s="191"/>
      <c r="DO326" s="191"/>
      <c r="DP326" s="191"/>
      <c r="DQ326" s="191"/>
      <c r="DR326" s="191"/>
      <c r="DS326" s="191"/>
      <c r="DT326" s="191"/>
      <c r="DU326" s="191"/>
      <c r="DV326" s="191"/>
      <c r="DW326" s="191"/>
      <c r="DX326" s="191"/>
      <c r="DY326" s="191"/>
      <c r="DZ326" s="191"/>
      <c r="EA326" s="191"/>
      <c r="EB326" s="191"/>
      <c r="EC326" s="191"/>
      <c r="ED326" s="191"/>
      <c r="EE326" s="191"/>
      <c r="EF326" s="191"/>
      <c r="EG326" s="191"/>
      <c r="EH326" s="191"/>
      <c r="EI326" s="191"/>
      <c r="EJ326" s="191"/>
      <c r="EK326" s="191"/>
      <c r="EL326" s="191"/>
      <c r="EM326" s="191"/>
      <c r="EN326" s="191"/>
      <c r="EO326" s="191"/>
      <c r="EP326" s="191"/>
      <c r="EQ326" s="191"/>
      <c r="ER326" s="191"/>
      <c r="ES326" s="191"/>
      <c r="ET326" s="191"/>
      <c r="EU326" s="191"/>
      <c r="EV326" s="191"/>
      <c r="EW326" s="191"/>
      <c r="EX326" s="191"/>
      <c r="EY326" s="191"/>
      <c r="EZ326" s="191"/>
      <c r="FA326" s="191"/>
      <c r="FB326" s="191"/>
      <c r="FC326" s="191"/>
      <c r="FD326" s="191"/>
      <c r="FE326" s="191"/>
      <c r="FF326" s="191"/>
      <c r="FG326" s="191"/>
      <c r="FH326" s="191"/>
      <c r="FI326" s="191"/>
      <c r="FJ326" s="191"/>
      <c r="FK326" s="191"/>
      <c r="FL326" s="191"/>
      <c r="FM326" s="191"/>
      <c r="FN326" s="191"/>
      <c r="FO326" s="191"/>
      <c r="FP326" s="191"/>
      <c r="FQ326" s="191"/>
      <c r="FR326" s="191"/>
      <c r="FS326" s="191"/>
      <c r="FT326" s="191"/>
      <c r="FU326" s="191"/>
      <c r="FV326" s="191"/>
      <c r="FW326" s="191"/>
      <c r="FX326" s="191"/>
      <c r="FY326" s="191"/>
      <c r="FZ326" s="191"/>
      <c r="GA326" s="191"/>
      <c r="GB326" s="191"/>
      <c r="GC326" s="191"/>
      <c r="GD326" s="191"/>
      <c r="GE326" s="191"/>
      <c r="GF326" s="191"/>
      <c r="GG326" s="191"/>
      <c r="GH326" s="191"/>
      <c r="GI326" s="191"/>
      <c r="GJ326" s="191"/>
      <c r="GK326" s="191"/>
      <c r="GL326" s="191"/>
      <c r="GM326" s="191"/>
      <c r="GN326" s="191"/>
      <c r="GO326" s="191"/>
      <c r="GP326" s="191"/>
      <c r="GQ326" s="191"/>
      <c r="GR326" s="191"/>
      <c r="GS326" s="191"/>
      <c r="GT326" s="191"/>
      <c r="GU326" s="191"/>
      <c r="GV326" s="191"/>
      <c r="GW326" s="191"/>
      <c r="GX326" s="191"/>
      <c r="GY326" s="191"/>
      <c r="GZ326" s="191"/>
      <c r="HA326" s="191"/>
      <c r="HB326" s="191"/>
      <c r="HC326" s="191"/>
      <c r="HD326" s="191"/>
      <c r="HE326" s="191"/>
      <c r="HF326" s="191"/>
      <c r="HG326" s="191"/>
      <c r="HH326" s="191"/>
      <c r="HI326" s="191"/>
      <c r="HJ326" s="191"/>
      <c r="HK326" s="191"/>
      <c r="HL326" s="191"/>
      <c r="HM326" s="191"/>
      <c r="HN326" s="191"/>
      <c r="HO326" s="191"/>
      <c r="HP326" s="191"/>
      <c r="HQ326" s="191"/>
      <c r="HR326" s="191"/>
      <c r="HS326" s="191"/>
      <c r="HT326" s="191"/>
      <c r="HU326" s="191"/>
      <c r="HV326" s="191"/>
      <c r="HW326" s="191"/>
      <c r="HX326" s="191"/>
      <c r="HY326" s="191"/>
      <c r="HZ326" s="191"/>
      <c r="IA326" s="191"/>
      <c r="IB326" s="191"/>
      <c r="IC326" s="191"/>
      <c r="ID326" s="191"/>
      <c r="IE326" s="191"/>
      <c r="IF326" s="191"/>
      <c r="IG326" s="191"/>
      <c r="IH326" s="191"/>
      <c r="II326" s="191"/>
      <c r="IJ326" s="191"/>
      <c r="IK326" s="191"/>
      <c r="IL326" s="191"/>
      <c r="IM326" s="191"/>
      <c r="IN326" s="191"/>
      <c r="IO326" s="191"/>
      <c r="IP326" s="191"/>
      <c r="IQ326" s="191"/>
      <c r="IR326" s="191"/>
      <c r="IS326" s="191"/>
      <c r="IT326" s="191"/>
      <c r="IU326" s="191"/>
      <c r="IV326" s="191"/>
    </row>
    <row r="327" spans="1:256" s="570" customFormat="1" ht="70.2" customHeight="1" x14ac:dyDescent="0.2">
      <c r="A327" s="928" t="s">
        <v>159</v>
      </c>
      <c r="B327" s="929"/>
      <c r="C327" s="929"/>
      <c r="D327" s="929"/>
      <c r="E327" s="929"/>
      <c r="F327" s="929"/>
      <c r="G327" s="929"/>
      <c r="H327" s="929"/>
      <c r="I327" s="930"/>
      <c r="J327" s="849"/>
      <c r="K327" s="849"/>
      <c r="L327" s="849"/>
      <c r="M327" s="849"/>
      <c r="N327" s="849"/>
      <c r="O327" s="849"/>
      <c r="P327" s="849"/>
      <c r="Q327" s="931"/>
      <c r="R327" s="187"/>
      <c r="S327" s="188"/>
      <c r="T327" s="190"/>
      <c r="U327" s="190"/>
      <c r="V327" s="190"/>
      <c r="W327" s="190"/>
      <c r="X327" s="190"/>
      <c r="Y327" s="190"/>
      <c r="Z327" s="190"/>
      <c r="AA327" s="190"/>
      <c r="AB327" s="190"/>
      <c r="AC327" s="190"/>
      <c r="AD327" s="190"/>
      <c r="AE327" s="190"/>
      <c r="AF327" s="190"/>
      <c r="AG327" s="190"/>
      <c r="AH327" s="190"/>
      <c r="AI327" s="190"/>
      <c r="AJ327" s="190"/>
      <c r="AK327" s="190"/>
      <c r="AL327" s="190"/>
      <c r="AM327" s="190"/>
      <c r="AN327" s="190"/>
      <c r="AO327" s="190"/>
      <c r="AP327" s="190"/>
      <c r="AQ327" s="190"/>
      <c r="AR327" s="190"/>
      <c r="AS327" s="190"/>
      <c r="AT327" s="190"/>
      <c r="AU327" s="190"/>
      <c r="AV327" s="190"/>
      <c r="AW327" s="190"/>
      <c r="AX327" s="190"/>
      <c r="AY327" s="190"/>
      <c r="AZ327" s="190"/>
      <c r="BA327" s="190"/>
      <c r="BB327" s="190"/>
      <c r="BC327" s="191"/>
      <c r="BD327" s="191"/>
      <c r="BE327" s="191"/>
      <c r="BF327" s="191"/>
      <c r="BG327" s="191"/>
      <c r="BH327" s="191"/>
      <c r="BI327" s="191"/>
      <c r="BJ327" s="191"/>
      <c r="BK327" s="191"/>
      <c r="BL327" s="191"/>
      <c r="BM327" s="191"/>
      <c r="BN327" s="191"/>
      <c r="BO327" s="191"/>
      <c r="BP327" s="191"/>
      <c r="BQ327" s="191"/>
      <c r="BR327" s="191"/>
      <c r="BS327" s="191"/>
      <c r="BT327" s="191"/>
      <c r="BU327" s="191"/>
      <c r="BV327" s="191"/>
      <c r="BW327" s="191"/>
      <c r="BX327" s="191"/>
      <c r="BY327" s="191"/>
      <c r="BZ327" s="191"/>
      <c r="CA327" s="191"/>
      <c r="CB327" s="191"/>
      <c r="CC327" s="191"/>
      <c r="CD327" s="191"/>
      <c r="CE327" s="191"/>
      <c r="CF327" s="191"/>
      <c r="CG327" s="191"/>
      <c r="CH327" s="191"/>
      <c r="CI327" s="191"/>
      <c r="CJ327" s="191"/>
      <c r="CK327" s="191"/>
      <c r="CL327" s="191"/>
      <c r="CM327" s="191"/>
      <c r="CN327" s="191"/>
      <c r="CO327" s="191"/>
      <c r="CP327" s="191"/>
      <c r="CQ327" s="191"/>
      <c r="CR327" s="191"/>
      <c r="CS327" s="191"/>
      <c r="CT327" s="191"/>
      <c r="CU327" s="191"/>
      <c r="CV327" s="191"/>
      <c r="CW327" s="191"/>
      <c r="CX327" s="191"/>
      <c r="CY327" s="191"/>
      <c r="CZ327" s="191"/>
      <c r="DA327" s="191"/>
      <c r="DB327" s="191"/>
      <c r="DC327" s="191"/>
      <c r="DD327" s="191"/>
      <c r="DE327" s="191"/>
      <c r="DF327" s="191"/>
      <c r="DG327" s="191"/>
      <c r="DH327" s="191"/>
      <c r="DI327" s="191"/>
      <c r="DJ327" s="191"/>
      <c r="DK327" s="191"/>
      <c r="DL327" s="191"/>
      <c r="DM327" s="191"/>
      <c r="DN327" s="191"/>
      <c r="DO327" s="191"/>
      <c r="DP327" s="191"/>
      <c r="DQ327" s="191"/>
      <c r="DR327" s="191"/>
      <c r="DS327" s="191"/>
      <c r="DT327" s="191"/>
      <c r="DU327" s="191"/>
      <c r="DV327" s="191"/>
      <c r="DW327" s="191"/>
      <c r="DX327" s="191"/>
      <c r="DY327" s="191"/>
      <c r="DZ327" s="191"/>
      <c r="EA327" s="191"/>
      <c r="EB327" s="191"/>
      <c r="EC327" s="191"/>
      <c r="ED327" s="191"/>
      <c r="EE327" s="191"/>
      <c r="EF327" s="191"/>
      <c r="EG327" s="191"/>
      <c r="EH327" s="191"/>
      <c r="EI327" s="191"/>
      <c r="EJ327" s="191"/>
      <c r="EK327" s="191"/>
      <c r="EL327" s="191"/>
      <c r="EM327" s="191"/>
      <c r="EN327" s="191"/>
      <c r="EO327" s="191"/>
      <c r="EP327" s="191"/>
      <c r="EQ327" s="191"/>
      <c r="ER327" s="191"/>
      <c r="ES327" s="191"/>
      <c r="ET327" s="191"/>
      <c r="EU327" s="191"/>
      <c r="EV327" s="191"/>
      <c r="EW327" s="191"/>
      <c r="EX327" s="191"/>
      <c r="EY327" s="191"/>
      <c r="EZ327" s="191"/>
      <c r="FA327" s="191"/>
      <c r="FB327" s="191"/>
      <c r="FC327" s="191"/>
      <c r="FD327" s="191"/>
      <c r="FE327" s="191"/>
      <c r="FF327" s="191"/>
      <c r="FG327" s="191"/>
      <c r="FH327" s="191"/>
      <c r="FI327" s="191"/>
      <c r="FJ327" s="191"/>
      <c r="FK327" s="191"/>
      <c r="FL327" s="191"/>
      <c r="FM327" s="191"/>
      <c r="FN327" s="191"/>
      <c r="FO327" s="191"/>
      <c r="FP327" s="191"/>
      <c r="FQ327" s="191"/>
      <c r="FR327" s="191"/>
      <c r="FS327" s="191"/>
      <c r="FT327" s="191"/>
      <c r="FU327" s="191"/>
      <c r="FV327" s="191"/>
      <c r="FW327" s="191"/>
      <c r="FX327" s="191"/>
      <c r="FY327" s="191"/>
      <c r="FZ327" s="191"/>
      <c r="GA327" s="191"/>
      <c r="GB327" s="191"/>
      <c r="GC327" s="191"/>
      <c r="GD327" s="191"/>
      <c r="GE327" s="191"/>
      <c r="GF327" s="191"/>
      <c r="GG327" s="191"/>
      <c r="GH327" s="191"/>
      <c r="GI327" s="191"/>
      <c r="GJ327" s="191"/>
      <c r="GK327" s="191"/>
      <c r="GL327" s="191"/>
      <c r="GM327" s="191"/>
      <c r="GN327" s="191"/>
      <c r="GO327" s="191"/>
      <c r="GP327" s="191"/>
      <c r="GQ327" s="191"/>
      <c r="GR327" s="191"/>
      <c r="GS327" s="191"/>
      <c r="GT327" s="191"/>
      <c r="GU327" s="191"/>
      <c r="GV327" s="191"/>
      <c r="GW327" s="191"/>
      <c r="GX327" s="191"/>
      <c r="GY327" s="191"/>
      <c r="GZ327" s="191"/>
      <c r="HA327" s="191"/>
      <c r="HB327" s="191"/>
      <c r="HC327" s="191"/>
      <c r="HD327" s="191"/>
      <c r="HE327" s="191"/>
      <c r="HF327" s="191"/>
      <c r="HG327" s="191"/>
      <c r="HH327" s="191"/>
      <c r="HI327" s="191"/>
      <c r="HJ327" s="191"/>
      <c r="HK327" s="191"/>
      <c r="HL327" s="191"/>
      <c r="HM327" s="191"/>
      <c r="HN327" s="191"/>
      <c r="HO327" s="191"/>
      <c r="HP327" s="191"/>
      <c r="HQ327" s="191"/>
      <c r="HR327" s="191"/>
      <c r="HS327" s="191"/>
      <c r="HT327" s="191"/>
      <c r="HU327" s="191"/>
      <c r="HV327" s="191"/>
      <c r="HW327" s="191"/>
      <c r="HX327" s="191"/>
      <c r="HY327" s="191"/>
      <c r="HZ327" s="191"/>
      <c r="IA327" s="191"/>
      <c r="IB327" s="191"/>
      <c r="IC327" s="191"/>
      <c r="ID327" s="191"/>
      <c r="IE327" s="191"/>
      <c r="IF327" s="191"/>
      <c r="IG327" s="191"/>
      <c r="IH327" s="191"/>
      <c r="II327" s="191"/>
      <c r="IJ327" s="191"/>
      <c r="IK327" s="191"/>
      <c r="IL327" s="191"/>
      <c r="IM327" s="191"/>
      <c r="IN327" s="191"/>
      <c r="IO327" s="191"/>
      <c r="IP327" s="191"/>
      <c r="IQ327" s="191"/>
      <c r="IR327" s="191"/>
      <c r="IS327" s="191"/>
      <c r="IT327" s="191"/>
      <c r="IU327" s="191"/>
      <c r="IV327" s="191"/>
    </row>
    <row r="328" spans="1:256" s="570" customFormat="1" ht="70.2" customHeight="1" x14ac:dyDescent="0.2">
      <c r="A328" s="917" t="s">
        <v>160</v>
      </c>
      <c r="B328" s="918"/>
      <c r="C328" s="918"/>
      <c r="D328" s="918"/>
      <c r="E328" s="918"/>
      <c r="F328" s="918"/>
      <c r="G328" s="918"/>
      <c r="H328" s="918"/>
      <c r="I328" s="919"/>
      <c r="J328" s="920"/>
      <c r="K328" s="918"/>
      <c r="L328" s="918"/>
      <c r="M328" s="918"/>
      <c r="N328" s="918"/>
      <c r="O328" s="918"/>
      <c r="P328" s="918"/>
      <c r="Q328" s="921"/>
      <c r="R328" s="561"/>
      <c r="S328" s="595"/>
      <c r="T328" s="600"/>
      <c r="U328" s="600"/>
      <c r="V328" s="600"/>
      <c r="W328" s="600"/>
      <c r="X328" s="600"/>
      <c r="Y328" s="600"/>
      <c r="Z328" s="600"/>
      <c r="AA328" s="600"/>
      <c r="AB328" s="600"/>
      <c r="AC328" s="600"/>
      <c r="AD328" s="600"/>
      <c r="AE328" s="600"/>
      <c r="AF328" s="600"/>
      <c r="AG328" s="600"/>
      <c r="AH328" s="600"/>
      <c r="AI328" s="600"/>
      <c r="AJ328" s="600"/>
      <c r="AK328" s="600"/>
      <c r="AL328" s="600"/>
      <c r="AM328" s="600"/>
      <c r="AN328" s="600"/>
      <c r="AO328" s="600"/>
      <c r="AP328" s="600"/>
      <c r="AQ328" s="600"/>
      <c r="AR328" s="600"/>
      <c r="AS328" s="600"/>
      <c r="AT328" s="600"/>
      <c r="AU328" s="600"/>
      <c r="AV328" s="600"/>
      <c r="AW328" s="600"/>
      <c r="AX328" s="600"/>
      <c r="AY328" s="600"/>
      <c r="AZ328" s="600"/>
      <c r="BA328" s="600"/>
      <c r="BB328" s="600"/>
    </row>
    <row r="329" spans="1:256" s="546" customFormat="1" ht="69.900000000000006" customHeight="1" x14ac:dyDescent="0.2">
      <c r="A329" s="935" t="s">
        <v>142</v>
      </c>
      <c r="B329" s="923"/>
      <c r="C329" s="923"/>
      <c r="D329" s="923"/>
      <c r="E329" s="923"/>
      <c r="F329" s="923"/>
      <c r="G329" s="923"/>
      <c r="H329" s="923"/>
      <c r="I329" s="923"/>
      <c r="J329" s="923"/>
      <c r="K329" s="923"/>
      <c r="L329" s="923"/>
      <c r="M329" s="923"/>
      <c r="N329" s="923"/>
      <c r="O329" s="923"/>
      <c r="P329" s="923"/>
      <c r="Q329" s="924"/>
      <c r="R329" s="561"/>
      <c r="S329" s="199"/>
    </row>
    <row r="330" spans="1:256" s="546" customFormat="1" ht="69.900000000000006" customHeight="1" x14ac:dyDescent="0.2">
      <c r="A330" s="696" t="s">
        <v>143</v>
      </c>
      <c r="B330" s="697"/>
      <c r="C330" s="697"/>
      <c r="D330" s="697"/>
      <c r="E330" s="697"/>
      <c r="F330" s="697"/>
      <c r="G330" s="697"/>
      <c r="H330" s="697"/>
      <c r="I330" s="697"/>
      <c r="J330" s="697"/>
      <c r="K330" s="697"/>
      <c r="L330" s="697"/>
      <c r="M330" s="697"/>
      <c r="N330" s="697"/>
      <c r="O330" s="697"/>
      <c r="P330" s="697"/>
      <c r="Q330" s="698"/>
      <c r="R330" s="561"/>
      <c r="S330" s="199"/>
    </row>
    <row r="331" spans="1:256" s="546" customFormat="1" ht="69.900000000000006" customHeight="1" x14ac:dyDescent="0.2">
      <c r="A331" s="936" t="s">
        <v>346</v>
      </c>
      <c r="B331" s="937"/>
      <c r="C331" s="937"/>
      <c r="D331" s="937"/>
      <c r="E331" s="937"/>
      <c r="F331" s="937"/>
      <c r="G331" s="937"/>
      <c r="H331" s="937"/>
      <c r="I331" s="938"/>
      <c r="J331" s="906" t="s">
        <v>347</v>
      </c>
      <c r="K331" s="906"/>
      <c r="L331" s="906"/>
      <c r="M331" s="906"/>
      <c r="N331" s="906"/>
      <c r="O331" s="906"/>
      <c r="P331" s="906"/>
      <c r="Q331" s="907"/>
      <c r="R331" s="561"/>
      <c r="S331" s="199"/>
    </row>
    <row r="332" spans="1:256" s="546" customFormat="1" ht="69.900000000000006" customHeight="1" x14ac:dyDescent="0.2">
      <c r="A332" s="939" t="s">
        <v>348</v>
      </c>
      <c r="B332" s="940"/>
      <c r="C332" s="940"/>
      <c r="D332" s="940"/>
      <c r="E332" s="940"/>
      <c r="F332" s="940"/>
      <c r="G332" s="940"/>
      <c r="H332" s="940"/>
      <c r="I332" s="941"/>
      <c r="J332" s="863" t="s">
        <v>347</v>
      </c>
      <c r="K332" s="863"/>
      <c r="L332" s="863"/>
      <c r="M332" s="863"/>
      <c r="N332" s="863"/>
      <c r="O332" s="863"/>
      <c r="P332" s="863"/>
      <c r="Q332" s="864"/>
      <c r="R332" s="561"/>
      <c r="S332" s="199"/>
    </row>
    <row r="333" spans="1:256" s="570" customFormat="1" ht="69.599999999999994" customHeight="1" x14ac:dyDescent="0.2">
      <c r="A333" s="866" t="s">
        <v>349</v>
      </c>
      <c r="B333" s="942"/>
      <c r="C333" s="942"/>
      <c r="D333" s="942"/>
      <c r="E333" s="942"/>
      <c r="F333" s="942"/>
      <c r="G333" s="942"/>
      <c r="H333" s="942"/>
      <c r="I333" s="943"/>
      <c r="J333" s="813" t="s">
        <v>347</v>
      </c>
      <c r="K333" s="813"/>
      <c r="L333" s="813"/>
      <c r="M333" s="813"/>
      <c r="N333" s="813"/>
      <c r="O333" s="813"/>
      <c r="P333" s="813"/>
      <c r="Q333" s="814"/>
      <c r="R333" s="561"/>
      <c r="S333" s="944"/>
      <c r="T333" s="600"/>
      <c r="U333" s="600"/>
      <c r="V333" s="600"/>
      <c r="W333" s="600"/>
      <c r="X333" s="600"/>
      <c r="Y333" s="600"/>
      <c r="Z333" s="600"/>
      <c r="AA333" s="600"/>
      <c r="AB333" s="600"/>
      <c r="AC333" s="600"/>
      <c r="AD333" s="600"/>
      <c r="AE333" s="600"/>
      <c r="AF333" s="600"/>
      <c r="AG333" s="600"/>
      <c r="AH333" s="600"/>
      <c r="AI333" s="600"/>
      <c r="AJ333" s="600"/>
      <c r="AK333" s="600"/>
      <c r="AL333" s="600"/>
      <c r="AM333" s="600"/>
      <c r="AN333" s="600"/>
      <c r="AO333" s="600"/>
      <c r="AP333" s="600"/>
      <c r="AQ333" s="600"/>
      <c r="AR333" s="600"/>
      <c r="AS333" s="600"/>
      <c r="AT333" s="600"/>
      <c r="AU333" s="600"/>
      <c r="AV333" s="600"/>
      <c r="AW333" s="600"/>
      <c r="AX333" s="600"/>
      <c r="AY333" s="600"/>
      <c r="AZ333" s="600"/>
      <c r="BA333" s="600"/>
      <c r="BB333" s="600"/>
    </row>
    <row r="334" spans="1:256" s="546" customFormat="1" ht="69.900000000000006" customHeight="1" x14ac:dyDescent="0.2">
      <c r="A334" s="925" t="s">
        <v>146</v>
      </c>
      <c r="B334" s="926"/>
      <c r="C334" s="926"/>
      <c r="D334" s="926"/>
      <c r="E334" s="926"/>
      <c r="F334" s="926"/>
      <c r="G334" s="926"/>
      <c r="H334" s="926"/>
      <c r="I334" s="926"/>
      <c r="J334" s="926"/>
      <c r="K334" s="926"/>
      <c r="L334" s="926"/>
      <c r="M334" s="926"/>
      <c r="N334" s="926"/>
      <c r="O334" s="926"/>
      <c r="P334" s="926"/>
      <c r="Q334" s="927"/>
      <c r="R334" s="561"/>
      <c r="S334" s="945" t="s">
        <v>350</v>
      </c>
    </row>
    <row r="335" spans="1:256" s="570" customFormat="1" ht="70.2" customHeight="1" x14ac:dyDescent="0.2">
      <c r="A335" s="699" t="s">
        <v>147</v>
      </c>
      <c r="B335" s="700"/>
      <c r="C335" s="700"/>
      <c r="D335" s="700"/>
      <c r="E335" s="700"/>
      <c r="F335" s="700"/>
      <c r="G335" s="700"/>
      <c r="H335" s="700"/>
      <c r="I335" s="701"/>
      <c r="J335" s="841"/>
      <c r="K335" s="841"/>
      <c r="L335" s="841"/>
      <c r="M335" s="841"/>
      <c r="N335" s="841"/>
      <c r="O335" s="841"/>
      <c r="P335" s="841"/>
      <c r="Q335" s="913"/>
      <c r="R335" s="561"/>
      <c r="S335" s="595"/>
      <c r="T335" s="600"/>
      <c r="U335" s="600"/>
      <c r="V335" s="600"/>
      <c r="W335" s="600"/>
      <c r="X335" s="600"/>
      <c r="Y335" s="600"/>
      <c r="Z335" s="600"/>
      <c r="AA335" s="600"/>
      <c r="AB335" s="600"/>
      <c r="AC335" s="600"/>
      <c r="AD335" s="600"/>
      <c r="AE335" s="600"/>
      <c r="AF335" s="600"/>
      <c r="AG335" s="600"/>
      <c r="AH335" s="600"/>
      <c r="AI335" s="600"/>
      <c r="AJ335" s="600"/>
      <c r="AK335" s="600"/>
      <c r="AL335" s="600"/>
      <c r="AM335" s="600"/>
      <c r="AN335" s="600"/>
      <c r="AO335" s="600"/>
      <c r="AP335" s="600"/>
      <c r="AQ335" s="600"/>
      <c r="AR335" s="600"/>
      <c r="AS335" s="600"/>
      <c r="AT335" s="600"/>
      <c r="AU335" s="600"/>
      <c r="AV335" s="600"/>
      <c r="AW335" s="600"/>
      <c r="AX335" s="600"/>
      <c r="AY335" s="600"/>
      <c r="AZ335" s="600"/>
      <c r="BA335" s="600"/>
      <c r="BB335" s="600"/>
    </row>
    <row r="336" spans="1:256" s="570" customFormat="1" ht="70.2" customHeight="1" x14ac:dyDescent="0.2">
      <c r="A336" s="707" t="s">
        <v>148</v>
      </c>
      <c r="B336" s="708"/>
      <c r="C336" s="708"/>
      <c r="D336" s="708"/>
      <c r="E336" s="708"/>
      <c r="F336" s="708"/>
      <c r="G336" s="708"/>
      <c r="H336" s="708"/>
      <c r="I336" s="709"/>
      <c r="J336" s="572" t="s">
        <v>149</v>
      </c>
      <c r="K336" s="710"/>
      <c r="L336" s="710"/>
      <c r="M336" s="710"/>
      <c r="N336" s="710"/>
      <c r="O336" s="710"/>
      <c r="P336" s="710"/>
      <c r="Q336" s="711"/>
      <c r="R336" s="561"/>
      <c r="S336" s="595"/>
      <c r="T336" s="600"/>
      <c r="U336" s="600"/>
      <c r="V336" s="600"/>
      <c r="W336" s="600"/>
      <c r="X336" s="600"/>
      <c r="Y336" s="600"/>
      <c r="Z336" s="600"/>
      <c r="AA336" s="600"/>
      <c r="AB336" s="600"/>
      <c r="AC336" s="600"/>
      <c r="AD336" s="600"/>
      <c r="AE336" s="600"/>
      <c r="AF336" s="600"/>
      <c r="AG336" s="600"/>
      <c r="AH336" s="600"/>
      <c r="AI336" s="600"/>
      <c r="AJ336" s="600"/>
      <c r="AK336" s="600"/>
      <c r="AL336" s="600"/>
      <c r="AM336" s="600"/>
      <c r="AN336" s="600"/>
      <c r="AO336" s="600"/>
      <c r="AP336" s="600"/>
      <c r="AQ336" s="600"/>
      <c r="AR336" s="600"/>
      <c r="AS336" s="600"/>
      <c r="AT336" s="600"/>
      <c r="AU336" s="600"/>
      <c r="AV336" s="600"/>
      <c r="AW336" s="600"/>
      <c r="AX336" s="600"/>
      <c r="AY336" s="600"/>
      <c r="AZ336" s="600"/>
      <c r="BA336" s="600"/>
      <c r="BB336" s="600"/>
    </row>
    <row r="337" spans="1:256" s="570" customFormat="1" ht="70.2" customHeight="1" x14ac:dyDescent="0.2">
      <c r="A337" s="715"/>
      <c r="B337" s="716"/>
      <c r="C337" s="716"/>
      <c r="D337" s="716"/>
      <c r="E337" s="716"/>
      <c r="F337" s="716"/>
      <c r="G337" s="716"/>
      <c r="H337" s="716"/>
      <c r="I337" s="717"/>
      <c r="J337" s="843" t="s">
        <v>150</v>
      </c>
      <c r="K337" s="878"/>
      <c r="L337" s="914" t="s">
        <v>151</v>
      </c>
      <c r="M337" s="572"/>
      <c r="N337" s="710"/>
      <c r="O337" s="710"/>
      <c r="P337" s="710"/>
      <c r="Q337" s="711"/>
      <c r="R337" s="561"/>
      <c r="S337" s="595"/>
      <c r="T337" s="600"/>
      <c r="U337" s="600"/>
      <c r="V337" s="600"/>
      <c r="W337" s="600"/>
      <c r="X337" s="600"/>
      <c r="Y337" s="600"/>
      <c r="Z337" s="600"/>
      <c r="AA337" s="600"/>
      <c r="AB337" s="600"/>
      <c r="AC337" s="600"/>
      <c r="AD337" s="600"/>
      <c r="AE337" s="600"/>
      <c r="AF337" s="600"/>
      <c r="AG337" s="600"/>
      <c r="AH337" s="600"/>
      <c r="AI337" s="600"/>
      <c r="AJ337" s="600"/>
      <c r="AK337" s="600"/>
      <c r="AL337" s="600"/>
      <c r="AM337" s="600"/>
      <c r="AN337" s="600"/>
      <c r="AO337" s="600"/>
      <c r="AP337" s="600"/>
      <c r="AQ337" s="600"/>
      <c r="AR337" s="600"/>
      <c r="AS337" s="600"/>
      <c r="AT337" s="600"/>
      <c r="AU337" s="600"/>
      <c r="AV337" s="600"/>
      <c r="AW337" s="600"/>
      <c r="AX337" s="600"/>
      <c r="AY337" s="600"/>
      <c r="AZ337" s="600"/>
      <c r="BA337" s="600"/>
      <c r="BB337" s="600"/>
    </row>
    <row r="338" spans="1:256" s="570" customFormat="1" ht="70.2" customHeight="1" x14ac:dyDescent="0.2">
      <c r="A338" s="928" t="s">
        <v>152</v>
      </c>
      <c r="B338" s="929"/>
      <c r="C338" s="929"/>
      <c r="D338" s="929"/>
      <c r="E338" s="929"/>
      <c r="F338" s="929"/>
      <c r="G338" s="929"/>
      <c r="H338" s="929"/>
      <c r="I338" s="930"/>
      <c r="J338" s="849"/>
      <c r="K338" s="849"/>
      <c r="L338" s="849"/>
      <c r="M338" s="849"/>
      <c r="N338" s="849"/>
      <c r="O338" s="849"/>
      <c r="P338" s="849"/>
      <c r="Q338" s="931"/>
      <c r="R338" s="561"/>
      <c r="S338" s="595"/>
      <c r="T338" s="600"/>
      <c r="U338" s="600"/>
      <c r="V338" s="600"/>
      <c r="W338" s="600"/>
      <c r="X338" s="600"/>
      <c r="Y338" s="600"/>
      <c r="Z338" s="600"/>
      <c r="AA338" s="600"/>
      <c r="AB338" s="600"/>
      <c r="AC338" s="600"/>
      <c r="AD338" s="600"/>
      <c r="AE338" s="600"/>
      <c r="AF338" s="600"/>
      <c r="AG338" s="600"/>
      <c r="AH338" s="600"/>
      <c r="AI338" s="600"/>
      <c r="AJ338" s="600"/>
      <c r="AK338" s="600"/>
      <c r="AL338" s="600"/>
      <c r="AM338" s="600"/>
      <c r="AN338" s="600"/>
      <c r="AO338" s="600"/>
      <c r="AP338" s="600"/>
      <c r="AQ338" s="600"/>
      <c r="AR338" s="600"/>
      <c r="AS338" s="600"/>
      <c r="AT338" s="600"/>
      <c r="AU338" s="600"/>
      <c r="AV338" s="600"/>
      <c r="AW338" s="600"/>
      <c r="AX338" s="600"/>
      <c r="AY338" s="600"/>
      <c r="AZ338" s="600"/>
      <c r="BA338" s="600"/>
      <c r="BB338" s="600"/>
    </row>
    <row r="339" spans="1:256" s="570" customFormat="1" ht="70.2" customHeight="1" x14ac:dyDescent="0.2">
      <c r="A339" s="928" t="s">
        <v>153</v>
      </c>
      <c r="B339" s="929"/>
      <c r="C339" s="929"/>
      <c r="D339" s="929"/>
      <c r="E339" s="929"/>
      <c r="F339" s="929"/>
      <c r="G339" s="929"/>
      <c r="H339" s="929"/>
      <c r="I339" s="930"/>
      <c r="J339" s="849"/>
      <c r="K339" s="849"/>
      <c r="L339" s="849"/>
      <c r="M339" s="849"/>
      <c r="N339" s="849"/>
      <c r="O339" s="849"/>
      <c r="P339" s="849"/>
      <c r="Q339" s="931"/>
      <c r="R339" s="187"/>
      <c r="S339" s="188"/>
      <c r="T339" s="190"/>
      <c r="U339" s="190"/>
      <c r="V339" s="190"/>
      <c r="W339" s="190"/>
      <c r="X339" s="190"/>
      <c r="Y339" s="190"/>
      <c r="Z339" s="190"/>
      <c r="AA339" s="190"/>
      <c r="AB339" s="190"/>
      <c r="AC339" s="190"/>
      <c r="AD339" s="190"/>
      <c r="AE339" s="190"/>
      <c r="AF339" s="190"/>
      <c r="AG339" s="190"/>
      <c r="AH339" s="190"/>
      <c r="AI339" s="190"/>
      <c r="AJ339" s="190"/>
      <c r="AK339" s="190"/>
      <c r="AL339" s="190"/>
      <c r="AM339" s="190"/>
      <c r="AN339" s="190"/>
      <c r="AO339" s="190"/>
      <c r="AP339" s="190"/>
      <c r="AQ339" s="190"/>
      <c r="AR339" s="190"/>
      <c r="AS339" s="190"/>
      <c r="AT339" s="190"/>
      <c r="AU339" s="190"/>
      <c r="AV339" s="190"/>
      <c r="AW339" s="190"/>
      <c r="AX339" s="190"/>
      <c r="AY339" s="190"/>
      <c r="AZ339" s="190"/>
      <c r="BA339" s="190"/>
      <c r="BB339" s="190"/>
      <c r="BC339" s="191"/>
      <c r="BD339" s="191"/>
      <c r="BE339" s="191"/>
      <c r="BF339" s="191"/>
      <c r="BG339" s="191"/>
      <c r="BH339" s="191"/>
      <c r="BI339" s="191"/>
      <c r="BJ339" s="191"/>
      <c r="BK339" s="191"/>
      <c r="BL339" s="191"/>
      <c r="BM339" s="191"/>
      <c r="BN339" s="191"/>
      <c r="BO339" s="191"/>
      <c r="BP339" s="191"/>
      <c r="BQ339" s="191"/>
      <c r="BR339" s="191"/>
      <c r="BS339" s="191"/>
      <c r="BT339" s="191"/>
      <c r="BU339" s="191"/>
      <c r="BV339" s="191"/>
      <c r="BW339" s="191"/>
      <c r="BX339" s="191"/>
      <c r="BY339" s="191"/>
      <c r="BZ339" s="191"/>
      <c r="CA339" s="191"/>
      <c r="CB339" s="191"/>
      <c r="CC339" s="191"/>
      <c r="CD339" s="191"/>
      <c r="CE339" s="191"/>
      <c r="CF339" s="191"/>
      <c r="CG339" s="191"/>
      <c r="CH339" s="191"/>
      <c r="CI339" s="191"/>
      <c r="CJ339" s="191"/>
      <c r="CK339" s="191"/>
      <c r="CL339" s="191"/>
      <c r="CM339" s="191"/>
      <c r="CN339" s="191"/>
      <c r="CO339" s="191"/>
      <c r="CP339" s="191"/>
      <c r="CQ339" s="191"/>
      <c r="CR339" s="191"/>
      <c r="CS339" s="191"/>
      <c r="CT339" s="191"/>
      <c r="CU339" s="191"/>
      <c r="CV339" s="191"/>
      <c r="CW339" s="191"/>
      <c r="CX339" s="191"/>
      <c r="CY339" s="191"/>
      <c r="CZ339" s="191"/>
      <c r="DA339" s="191"/>
      <c r="DB339" s="191"/>
      <c r="DC339" s="191"/>
      <c r="DD339" s="191"/>
      <c r="DE339" s="191"/>
      <c r="DF339" s="191"/>
      <c r="DG339" s="191"/>
      <c r="DH339" s="191"/>
      <c r="DI339" s="191"/>
      <c r="DJ339" s="191"/>
      <c r="DK339" s="191"/>
      <c r="DL339" s="191"/>
      <c r="DM339" s="191"/>
      <c r="DN339" s="191"/>
      <c r="DO339" s="191"/>
      <c r="DP339" s="191"/>
      <c r="DQ339" s="191"/>
      <c r="DR339" s="191"/>
      <c r="DS339" s="191"/>
      <c r="DT339" s="191"/>
      <c r="DU339" s="191"/>
      <c r="DV339" s="191"/>
      <c r="DW339" s="191"/>
      <c r="DX339" s="191"/>
      <c r="DY339" s="191"/>
      <c r="DZ339" s="191"/>
      <c r="EA339" s="191"/>
      <c r="EB339" s="191"/>
      <c r="EC339" s="191"/>
      <c r="ED339" s="191"/>
      <c r="EE339" s="191"/>
      <c r="EF339" s="191"/>
      <c r="EG339" s="191"/>
      <c r="EH339" s="191"/>
      <c r="EI339" s="191"/>
      <c r="EJ339" s="191"/>
      <c r="EK339" s="191"/>
      <c r="EL339" s="191"/>
      <c r="EM339" s="191"/>
      <c r="EN339" s="191"/>
      <c r="EO339" s="191"/>
      <c r="EP339" s="191"/>
      <c r="EQ339" s="191"/>
      <c r="ER339" s="191"/>
      <c r="ES339" s="191"/>
      <c r="ET339" s="191"/>
      <c r="EU339" s="191"/>
      <c r="EV339" s="191"/>
      <c r="EW339" s="191"/>
      <c r="EX339" s="191"/>
      <c r="EY339" s="191"/>
      <c r="EZ339" s="191"/>
      <c r="FA339" s="191"/>
      <c r="FB339" s="191"/>
      <c r="FC339" s="191"/>
      <c r="FD339" s="191"/>
      <c r="FE339" s="191"/>
      <c r="FF339" s="191"/>
      <c r="FG339" s="191"/>
      <c r="FH339" s="191"/>
      <c r="FI339" s="191"/>
      <c r="FJ339" s="191"/>
      <c r="FK339" s="191"/>
      <c r="FL339" s="191"/>
      <c r="FM339" s="191"/>
      <c r="FN339" s="191"/>
      <c r="FO339" s="191"/>
      <c r="FP339" s="191"/>
      <c r="FQ339" s="191"/>
      <c r="FR339" s="191"/>
      <c r="FS339" s="191"/>
      <c r="FT339" s="191"/>
      <c r="FU339" s="191"/>
      <c r="FV339" s="191"/>
      <c r="FW339" s="191"/>
      <c r="FX339" s="191"/>
      <c r="FY339" s="191"/>
      <c r="FZ339" s="191"/>
      <c r="GA339" s="191"/>
      <c r="GB339" s="191"/>
      <c r="GC339" s="191"/>
      <c r="GD339" s="191"/>
      <c r="GE339" s="191"/>
      <c r="GF339" s="191"/>
      <c r="GG339" s="191"/>
      <c r="GH339" s="191"/>
      <c r="GI339" s="191"/>
      <c r="GJ339" s="191"/>
      <c r="GK339" s="191"/>
      <c r="GL339" s="191"/>
      <c r="GM339" s="191"/>
      <c r="GN339" s="191"/>
      <c r="GO339" s="191"/>
      <c r="GP339" s="191"/>
      <c r="GQ339" s="191"/>
      <c r="GR339" s="191"/>
      <c r="GS339" s="191"/>
      <c r="GT339" s="191"/>
      <c r="GU339" s="191"/>
      <c r="GV339" s="191"/>
      <c r="GW339" s="191"/>
      <c r="GX339" s="191"/>
      <c r="GY339" s="191"/>
      <c r="GZ339" s="191"/>
      <c r="HA339" s="191"/>
      <c r="HB339" s="191"/>
      <c r="HC339" s="191"/>
      <c r="HD339" s="191"/>
      <c r="HE339" s="191"/>
      <c r="HF339" s="191"/>
      <c r="HG339" s="191"/>
      <c r="HH339" s="191"/>
      <c r="HI339" s="191"/>
      <c r="HJ339" s="191"/>
      <c r="HK339" s="191"/>
      <c r="HL339" s="191"/>
      <c r="HM339" s="191"/>
      <c r="HN339" s="191"/>
      <c r="HO339" s="191"/>
      <c r="HP339" s="191"/>
      <c r="HQ339" s="191"/>
      <c r="HR339" s="191"/>
      <c r="HS339" s="191"/>
      <c r="HT339" s="191"/>
      <c r="HU339" s="191"/>
      <c r="HV339" s="191"/>
      <c r="HW339" s="191"/>
      <c r="HX339" s="191"/>
      <c r="HY339" s="191"/>
      <c r="HZ339" s="191"/>
      <c r="IA339" s="191"/>
      <c r="IB339" s="191"/>
      <c r="IC339" s="191"/>
      <c r="ID339" s="191"/>
      <c r="IE339" s="191"/>
      <c r="IF339" s="191"/>
      <c r="IG339" s="191"/>
      <c r="IH339" s="191"/>
      <c r="II339" s="191"/>
      <c r="IJ339" s="191"/>
      <c r="IK339" s="191"/>
      <c r="IL339" s="191"/>
      <c r="IM339" s="191"/>
      <c r="IN339" s="191"/>
      <c r="IO339" s="191"/>
      <c r="IP339" s="191"/>
      <c r="IQ339" s="191"/>
      <c r="IR339" s="191"/>
      <c r="IS339" s="191"/>
      <c r="IT339" s="191"/>
      <c r="IU339" s="191"/>
      <c r="IV339" s="191"/>
    </row>
    <row r="340" spans="1:256" s="570" customFormat="1" ht="70.2" customHeight="1" x14ac:dyDescent="0.2">
      <c r="A340" s="707" t="s">
        <v>154</v>
      </c>
      <c r="B340" s="708"/>
      <c r="C340" s="708"/>
      <c r="D340" s="708"/>
      <c r="E340" s="708"/>
      <c r="F340" s="708"/>
      <c r="G340" s="708"/>
      <c r="H340" s="708"/>
      <c r="I340" s="709"/>
      <c r="J340" s="915" t="s">
        <v>155</v>
      </c>
      <c r="K340" s="572" t="s">
        <v>156</v>
      </c>
      <c r="L340" s="710"/>
      <c r="M340" s="710"/>
      <c r="N340" s="710"/>
      <c r="O340" s="710"/>
      <c r="P340" s="710"/>
      <c r="Q340" s="711"/>
      <c r="R340" s="187"/>
      <c r="S340" s="188"/>
      <c r="T340" s="190"/>
      <c r="U340" s="190"/>
      <c r="V340" s="190"/>
      <c r="W340" s="190"/>
      <c r="X340" s="190"/>
      <c r="Y340" s="190"/>
      <c r="Z340" s="190"/>
      <c r="AA340" s="190"/>
      <c r="AB340" s="190"/>
      <c r="AC340" s="190"/>
      <c r="AD340" s="190"/>
      <c r="AE340" s="190"/>
      <c r="AF340" s="190"/>
      <c r="AG340" s="190"/>
      <c r="AH340" s="190"/>
      <c r="AI340" s="190"/>
      <c r="AJ340" s="190"/>
      <c r="AK340" s="190"/>
      <c r="AL340" s="190"/>
      <c r="AM340" s="190"/>
      <c r="AN340" s="190"/>
      <c r="AO340" s="190"/>
      <c r="AP340" s="190"/>
      <c r="AQ340" s="190"/>
      <c r="AR340" s="190"/>
      <c r="AS340" s="190"/>
      <c r="AT340" s="190"/>
      <c r="AU340" s="190"/>
      <c r="AV340" s="190"/>
      <c r="AW340" s="190"/>
      <c r="AX340" s="190"/>
      <c r="AY340" s="190"/>
      <c r="AZ340" s="190"/>
      <c r="BA340" s="190"/>
      <c r="BB340" s="190"/>
      <c r="BC340" s="191"/>
      <c r="BD340" s="191"/>
      <c r="BE340" s="191"/>
      <c r="BF340" s="191"/>
      <c r="BG340" s="191"/>
      <c r="BH340" s="191"/>
      <c r="BI340" s="191"/>
      <c r="BJ340" s="191"/>
      <c r="BK340" s="191"/>
      <c r="BL340" s="191"/>
      <c r="BM340" s="191"/>
      <c r="BN340" s="191"/>
      <c r="BO340" s="191"/>
      <c r="BP340" s="191"/>
      <c r="BQ340" s="191"/>
      <c r="BR340" s="191"/>
      <c r="BS340" s="191"/>
      <c r="BT340" s="191"/>
      <c r="BU340" s="191"/>
      <c r="BV340" s="191"/>
      <c r="BW340" s="191"/>
      <c r="BX340" s="191"/>
      <c r="BY340" s="191"/>
      <c r="BZ340" s="191"/>
      <c r="CA340" s="191"/>
      <c r="CB340" s="191"/>
      <c r="CC340" s="191"/>
      <c r="CD340" s="191"/>
      <c r="CE340" s="191"/>
      <c r="CF340" s="191"/>
      <c r="CG340" s="191"/>
      <c r="CH340" s="191"/>
      <c r="CI340" s="191"/>
      <c r="CJ340" s="191"/>
      <c r="CK340" s="191"/>
      <c r="CL340" s="191"/>
      <c r="CM340" s="191"/>
      <c r="CN340" s="191"/>
      <c r="CO340" s="191"/>
      <c r="CP340" s="191"/>
      <c r="CQ340" s="191"/>
      <c r="CR340" s="191"/>
      <c r="CS340" s="191"/>
      <c r="CT340" s="191"/>
      <c r="CU340" s="191"/>
      <c r="CV340" s="191"/>
      <c r="CW340" s="191"/>
      <c r="CX340" s="191"/>
      <c r="CY340" s="191"/>
      <c r="CZ340" s="191"/>
      <c r="DA340" s="191"/>
      <c r="DB340" s="191"/>
      <c r="DC340" s="191"/>
      <c r="DD340" s="191"/>
      <c r="DE340" s="191"/>
      <c r="DF340" s="191"/>
      <c r="DG340" s="191"/>
      <c r="DH340" s="191"/>
      <c r="DI340" s="191"/>
      <c r="DJ340" s="191"/>
      <c r="DK340" s="191"/>
      <c r="DL340" s="191"/>
      <c r="DM340" s="191"/>
      <c r="DN340" s="191"/>
      <c r="DO340" s="191"/>
      <c r="DP340" s="191"/>
      <c r="DQ340" s="191"/>
      <c r="DR340" s="191"/>
      <c r="DS340" s="191"/>
      <c r="DT340" s="191"/>
      <c r="DU340" s="191"/>
      <c r="DV340" s="191"/>
      <c r="DW340" s="191"/>
      <c r="DX340" s="191"/>
      <c r="DY340" s="191"/>
      <c r="DZ340" s="191"/>
      <c r="EA340" s="191"/>
      <c r="EB340" s="191"/>
      <c r="EC340" s="191"/>
      <c r="ED340" s="191"/>
      <c r="EE340" s="191"/>
      <c r="EF340" s="191"/>
      <c r="EG340" s="191"/>
      <c r="EH340" s="191"/>
      <c r="EI340" s="191"/>
      <c r="EJ340" s="191"/>
      <c r="EK340" s="191"/>
      <c r="EL340" s="191"/>
      <c r="EM340" s="191"/>
      <c r="EN340" s="191"/>
      <c r="EO340" s="191"/>
      <c r="EP340" s="191"/>
      <c r="EQ340" s="191"/>
      <c r="ER340" s="191"/>
      <c r="ES340" s="191"/>
      <c r="ET340" s="191"/>
      <c r="EU340" s="191"/>
      <c r="EV340" s="191"/>
      <c r="EW340" s="191"/>
      <c r="EX340" s="191"/>
      <c r="EY340" s="191"/>
      <c r="EZ340" s="191"/>
      <c r="FA340" s="191"/>
      <c r="FB340" s="191"/>
      <c r="FC340" s="191"/>
      <c r="FD340" s="191"/>
      <c r="FE340" s="191"/>
      <c r="FF340" s="191"/>
      <c r="FG340" s="191"/>
      <c r="FH340" s="191"/>
      <c r="FI340" s="191"/>
      <c r="FJ340" s="191"/>
      <c r="FK340" s="191"/>
      <c r="FL340" s="191"/>
      <c r="FM340" s="191"/>
      <c r="FN340" s="191"/>
      <c r="FO340" s="191"/>
      <c r="FP340" s="191"/>
      <c r="FQ340" s="191"/>
      <c r="FR340" s="191"/>
      <c r="FS340" s="191"/>
      <c r="FT340" s="191"/>
      <c r="FU340" s="191"/>
      <c r="FV340" s="191"/>
      <c r="FW340" s="191"/>
      <c r="FX340" s="191"/>
      <c r="FY340" s="191"/>
      <c r="FZ340" s="191"/>
      <c r="GA340" s="191"/>
      <c r="GB340" s="191"/>
      <c r="GC340" s="191"/>
      <c r="GD340" s="191"/>
      <c r="GE340" s="191"/>
      <c r="GF340" s="191"/>
      <c r="GG340" s="191"/>
      <c r="GH340" s="191"/>
      <c r="GI340" s="191"/>
      <c r="GJ340" s="191"/>
      <c r="GK340" s="191"/>
      <c r="GL340" s="191"/>
      <c r="GM340" s="191"/>
      <c r="GN340" s="191"/>
      <c r="GO340" s="191"/>
      <c r="GP340" s="191"/>
      <c r="GQ340" s="191"/>
      <c r="GR340" s="191"/>
      <c r="GS340" s="191"/>
      <c r="GT340" s="191"/>
      <c r="GU340" s="191"/>
      <c r="GV340" s="191"/>
      <c r="GW340" s="191"/>
      <c r="GX340" s="191"/>
      <c r="GY340" s="191"/>
      <c r="GZ340" s="191"/>
      <c r="HA340" s="191"/>
      <c r="HB340" s="191"/>
      <c r="HC340" s="191"/>
      <c r="HD340" s="191"/>
      <c r="HE340" s="191"/>
      <c r="HF340" s="191"/>
      <c r="HG340" s="191"/>
      <c r="HH340" s="191"/>
      <c r="HI340" s="191"/>
      <c r="HJ340" s="191"/>
      <c r="HK340" s="191"/>
      <c r="HL340" s="191"/>
      <c r="HM340" s="191"/>
      <c r="HN340" s="191"/>
      <c r="HO340" s="191"/>
      <c r="HP340" s="191"/>
      <c r="HQ340" s="191"/>
      <c r="HR340" s="191"/>
      <c r="HS340" s="191"/>
      <c r="HT340" s="191"/>
      <c r="HU340" s="191"/>
      <c r="HV340" s="191"/>
      <c r="HW340" s="191"/>
      <c r="HX340" s="191"/>
      <c r="HY340" s="191"/>
      <c r="HZ340" s="191"/>
      <c r="IA340" s="191"/>
      <c r="IB340" s="191"/>
      <c r="IC340" s="191"/>
      <c r="ID340" s="191"/>
      <c r="IE340" s="191"/>
      <c r="IF340" s="191"/>
      <c r="IG340" s="191"/>
      <c r="IH340" s="191"/>
      <c r="II340" s="191"/>
      <c r="IJ340" s="191"/>
      <c r="IK340" s="191"/>
      <c r="IL340" s="191"/>
      <c r="IM340" s="191"/>
      <c r="IN340" s="191"/>
      <c r="IO340" s="191"/>
      <c r="IP340" s="191"/>
      <c r="IQ340" s="191"/>
      <c r="IR340" s="191"/>
      <c r="IS340" s="191"/>
      <c r="IT340" s="191"/>
      <c r="IU340" s="191"/>
      <c r="IV340" s="191"/>
    </row>
    <row r="341" spans="1:256" s="570" customFormat="1" ht="70.2" customHeight="1" x14ac:dyDescent="0.2">
      <c r="A341" s="712"/>
      <c r="B341" s="713"/>
      <c r="C341" s="713"/>
      <c r="D341" s="713"/>
      <c r="E341" s="713"/>
      <c r="F341" s="713"/>
      <c r="G341" s="713"/>
      <c r="H341" s="713"/>
      <c r="I341" s="714"/>
      <c r="J341" s="572" t="s">
        <v>157</v>
      </c>
      <c r="K341" s="710"/>
      <c r="L341" s="710"/>
      <c r="M341" s="710"/>
      <c r="N341" s="710"/>
      <c r="O341" s="710"/>
      <c r="P341" s="710"/>
      <c r="Q341" s="711"/>
      <c r="R341" s="187"/>
      <c r="S341" s="188"/>
      <c r="T341" s="190"/>
      <c r="U341" s="190"/>
      <c r="V341" s="190"/>
      <c r="W341" s="190"/>
      <c r="X341" s="190"/>
      <c r="Y341" s="190"/>
      <c r="Z341" s="190"/>
      <c r="AA341" s="190"/>
      <c r="AB341" s="190"/>
      <c r="AC341" s="190"/>
      <c r="AD341" s="190"/>
      <c r="AE341" s="190"/>
      <c r="AF341" s="190"/>
      <c r="AG341" s="190"/>
      <c r="AH341" s="190"/>
      <c r="AI341" s="190"/>
      <c r="AJ341" s="190"/>
      <c r="AK341" s="190"/>
      <c r="AL341" s="190"/>
      <c r="AM341" s="190"/>
      <c r="AN341" s="190"/>
      <c r="AO341" s="190"/>
      <c r="AP341" s="190"/>
      <c r="AQ341" s="190"/>
      <c r="AR341" s="190"/>
      <c r="AS341" s="190"/>
      <c r="AT341" s="190"/>
      <c r="AU341" s="190"/>
      <c r="AV341" s="190"/>
      <c r="AW341" s="190"/>
      <c r="AX341" s="190"/>
      <c r="AY341" s="190"/>
      <c r="AZ341" s="190"/>
      <c r="BA341" s="190"/>
      <c r="BB341" s="190"/>
      <c r="BC341" s="191"/>
      <c r="BD341" s="191"/>
      <c r="BE341" s="191"/>
      <c r="BF341" s="191"/>
      <c r="BG341" s="191"/>
      <c r="BH341" s="191"/>
      <c r="BI341" s="191"/>
      <c r="BJ341" s="191"/>
      <c r="BK341" s="191"/>
      <c r="BL341" s="191"/>
      <c r="BM341" s="191"/>
      <c r="BN341" s="191"/>
      <c r="BO341" s="191"/>
      <c r="BP341" s="191"/>
      <c r="BQ341" s="191"/>
      <c r="BR341" s="191"/>
      <c r="BS341" s="191"/>
      <c r="BT341" s="191"/>
      <c r="BU341" s="191"/>
      <c r="BV341" s="191"/>
      <c r="BW341" s="191"/>
      <c r="BX341" s="191"/>
      <c r="BY341" s="191"/>
      <c r="BZ341" s="191"/>
      <c r="CA341" s="191"/>
      <c r="CB341" s="191"/>
      <c r="CC341" s="191"/>
      <c r="CD341" s="191"/>
      <c r="CE341" s="191"/>
      <c r="CF341" s="191"/>
      <c r="CG341" s="191"/>
      <c r="CH341" s="191"/>
      <c r="CI341" s="191"/>
      <c r="CJ341" s="191"/>
      <c r="CK341" s="191"/>
      <c r="CL341" s="191"/>
      <c r="CM341" s="191"/>
      <c r="CN341" s="191"/>
      <c r="CO341" s="191"/>
      <c r="CP341" s="191"/>
      <c r="CQ341" s="191"/>
      <c r="CR341" s="191"/>
      <c r="CS341" s="191"/>
      <c r="CT341" s="191"/>
      <c r="CU341" s="191"/>
      <c r="CV341" s="191"/>
      <c r="CW341" s="191"/>
      <c r="CX341" s="191"/>
      <c r="CY341" s="191"/>
      <c r="CZ341" s="191"/>
      <c r="DA341" s="191"/>
      <c r="DB341" s="191"/>
      <c r="DC341" s="191"/>
      <c r="DD341" s="191"/>
      <c r="DE341" s="191"/>
      <c r="DF341" s="191"/>
      <c r="DG341" s="191"/>
      <c r="DH341" s="191"/>
      <c r="DI341" s="191"/>
      <c r="DJ341" s="191"/>
      <c r="DK341" s="191"/>
      <c r="DL341" s="191"/>
      <c r="DM341" s="191"/>
      <c r="DN341" s="191"/>
      <c r="DO341" s="191"/>
      <c r="DP341" s="191"/>
      <c r="DQ341" s="191"/>
      <c r="DR341" s="191"/>
      <c r="DS341" s="191"/>
      <c r="DT341" s="191"/>
      <c r="DU341" s="191"/>
      <c r="DV341" s="191"/>
      <c r="DW341" s="191"/>
      <c r="DX341" s="191"/>
      <c r="DY341" s="191"/>
      <c r="DZ341" s="191"/>
      <c r="EA341" s="191"/>
      <c r="EB341" s="191"/>
      <c r="EC341" s="191"/>
      <c r="ED341" s="191"/>
      <c r="EE341" s="191"/>
      <c r="EF341" s="191"/>
      <c r="EG341" s="191"/>
      <c r="EH341" s="191"/>
      <c r="EI341" s="191"/>
      <c r="EJ341" s="191"/>
      <c r="EK341" s="191"/>
      <c r="EL341" s="191"/>
      <c r="EM341" s="191"/>
      <c r="EN341" s="191"/>
      <c r="EO341" s="191"/>
      <c r="EP341" s="191"/>
      <c r="EQ341" s="191"/>
      <c r="ER341" s="191"/>
      <c r="ES341" s="191"/>
      <c r="ET341" s="191"/>
      <c r="EU341" s="191"/>
      <c r="EV341" s="191"/>
      <c r="EW341" s="191"/>
      <c r="EX341" s="191"/>
      <c r="EY341" s="191"/>
      <c r="EZ341" s="191"/>
      <c r="FA341" s="191"/>
      <c r="FB341" s="191"/>
      <c r="FC341" s="191"/>
      <c r="FD341" s="191"/>
      <c r="FE341" s="191"/>
      <c r="FF341" s="191"/>
      <c r="FG341" s="191"/>
      <c r="FH341" s="191"/>
      <c r="FI341" s="191"/>
      <c r="FJ341" s="191"/>
      <c r="FK341" s="191"/>
      <c r="FL341" s="191"/>
      <c r="FM341" s="191"/>
      <c r="FN341" s="191"/>
      <c r="FO341" s="191"/>
      <c r="FP341" s="191"/>
      <c r="FQ341" s="191"/>
      <c r="FR341" s="191"/>
      <c r="FS341" s="191"/>
      <c r="FT341" s="191"/>
      <c r="FU341" s="191"/>
      <c r="FV341" s="191"/>
      <c r="FW341" s="191"/>
      <c r="FX341" s="191"/>
      <c r="FY341" s="191"/>
      <c r="FZ341" s="191"/>
      <c r="GA341" s="191"/>
      <c r="GB341" s="191"/>
      <c r="GC341" s="191"/>
      <c r="GD341" s="191"/>
      <c r="GE341" s="191"/>
      <c r="GF341" s="191"/>
      <c r="GG341" s="191"/>
      <c r="GH341" s="191"/>
      <c r="GI341" s="191"/>
      <c r="GJ341" s="191"/>
      <c r="GK341" s="191"/>
      <c r="GL341" s="191"/>
      <c r="GM341" s="191"/>
      <c r="GN341" s="191"/>
      <c r="GO341" s="191"/>
      <c r="GP341" s="191"/>
      <c r="GQ341" s="191"/>
      <c r="GR341" s="191"/>
      <c r="GS341" s="191"/>
      <c r="GT341" s="191"/>
      <c r="GU341" s="191"/>
      <c r="GV341" s="191"/>
      <c r="GW341" s="191"/>
      <c r="GX341" s="191"/>
      <c r="GY341" s="191"/>
      <c r="GZ341" s="191"/>
      <c r="HA341" s="191"/>
      <c r="HB341" s="191"/>
      <c r="HC341" s="191"/>
      <c r="HD341" s="191"/>
      <c r="HE341" s="191"/>
      <c r="HF341" s="191"/>
      <c r="HG341" s="191"/>
      <c r="HH341" s="191"/>
      <c r="HI341" s="191"/>
      <c r="HJ341" s="191"/>
      <c r="HK341" s="191"/>
      <c r="HL341" s="191"/>
      <c r="HM341" s="191"/>
      <c r="HN341" s="191"/>
      <c r="HO341" s="191"/>
      <c r="HP341" s="191"/>
      <c r="HQ341" s="191"/>
      <c r="HR341" s="191"/>
      <c r="HS341" s="191"/>
      <c r="HT341" s="191"/>
      <c r="HU341" s="191"/>
      <c r="HV341" s="191"/>
      <c r="HW341" s="191"/>
      <c r="HX341" s="191"/>
      <c r="HY341" s="191"/>
      <c r="HZ341" s="191"/>
      <c r="IA341" s="191"/>
      <c r="IB341" s="191"/>
      <c r="IC341" s="191"/>
      <c r="ID341" s="191"/>
      <c r="IE341" s="191"/>
      <c r="IF341" s="191"/>
      <c r="IG341" s="191"/>
      <c r="IH341" s="191"/>
      <c r="II341" s="191"/>
      <c r="IJ341" s="191"/>
      <c r="IK341" s="191"/>
      <c r="IL341" s="191"/>
      <c r="IM341" s="191"/>
      <c r="IN341" s="191"/>
      <c r="IO341" s="191"/>
      <c r="IP341" s="191"/>
      <c r="IQ341" s="191"/>
      <c r="IR341" s="191"/>
      <c r="IS341" s="191"/>
      <c r="IT341" s="191"/>
      <c r="IU341" s="191"/>
      <c r="IV341" s="191"/>
    </row>
    <row r="342" spans="1:256" s="570" customFormat="1" ht="70.2" customHeight="1" x14ac:dyDescent="0.2">
      <c r="A342" s="715"/>
      <c r="B342" s="716"/>
      <c r="C342" s="716"/>
      <c r="D342" s="716"/>
      <c r="E342" s="716"/>
      <c r="F342" s="716"/>
      <c r="G342" s="716"/>
      <c r="H342" s="716"/>
      <c r="I342" s="717"/>
      <c r="J342" s="843" t="s">
        <v>158</v>
      </c>
      <c r="K342" s="878"/>
      <c r="L342" s="914" t="s">
        <v>151</v>
      </c>
      <c r="M342" s="572"/>
      <c r="N342" s="710"/>
      <c r="O342" s="710"/>
      <c r="P342" s="710"/>
      <c r="Q342" s="711"/>
      <c r="R342" s="187"/>
      <c r="S342" s="188"/>
      <c r="T342" s="190"/>
      <c r="U342" s="190"/>
      <c r="V342" s="190"/>
      <c r="W342" s="190"/>
      <c r="X342" s="190"/>
      <c r="Y342" s="190"/>
      <c r="Z342" s="190"/>
      <c r="AA342" s="190"/>
      <c r="AB342" s="190"/>
      <c r="AC342" s="190"/>
      <c r="AD342" s="190"/>
      <c r="AE342" s="190"/>
      <c r="AF342" s="190"/>
      <c r="AG342" s="190"/>
      <c r="AH342" s="190"/>
      <c r="AI342" s="190"/>
      <c r="AJ342" s="190"/>
      <c r="AK342" s="190"/>
      <c r="AL342" s="190"/>
      <c r="AM342" s="190"/>
      <c r="AN342" s="190"/>
      <c r="AO342" s="190"/>
      <c r="AP342" s="190"/>
      <c r="AQ342" s="190"/>
      <c r="AR342" s="190"/>
      <c r="AS342" s="190"/>
      <c r="AT342" s="190"/>
      <c r="AU342" s="190"/>
      <c r="AV342" s="190"/>
      <c r="AW342" s="190"/>
      <c r="AX342" s="190"/>
      <c r="AY342" s="190"/>
      <c r="AZ342" s="190"/>
      <c r="BA342" s="190"/>
      <c r="BB342" s="190"/>
      <c r="BC342" s="191"/>
      <c r="BD342" s="191"/>
      <c r="BE342" s="191"/>
      <c r="BF342" s="191"/>
      <c r="BG342" s="191"/>
      <c r="BH342" s="191"/>
      <c r="BI342" s="191"/>
      <c r="BJ342" s="191"/>
      <c r="BK342" s="191"/>
      <c r="BL342" s="191"/>
      <c r="BM342" s="191"/>
      <c r="BN342" s="191"/>
      <c r="BO342" s="191"/>
      <c r="BP342" s="191"/>
      <c r="BQ342" s="191"/>
      <c r="BR342" s="191"/>
      <c r="BS342" s="191"/>
      <c r="BT342" s="191"/>
      <c r="BU342" s="191"/>
      <c r="BV342" s="191"/>
      <c r="BW342" s="191"/>
      <c r="BX342" s="191"/>
      <c r="BY342" s="191"/>
      <c r="BZ342" s="191"/>
      <c r="CA342" s="191"/>
      <c r="CB342" s="191"/>
      <c r="CC342" s="191"/>
      <c r="CD342" s="191"/>
      <c r="CE342" s="191"/>
      <c r="CF342" s="191"/>
      <c r="CG342" s="191"/>
      <c r="CH342" s="191"/>
      <c r="CI342" s="191"/>
      <c r="CJ342" s="191"/>
      <c r="CK342" s="191"/>
      <c r="CL342" s="191"/>
      <c r="CM342" s="191"/>
      <c r="CN342" s="191"/>
      <c r="CO342" s="191"/>
      <c r="CP342" s="191"/>
      <c r="CQ342" s="191"/>
      <c r="CR342" s="191"/>
      <c r="CS342" s="191"/>
      <c r="CT342" s="191"/>
      <c r="CU342" s="191"/>
      <c r="CV342" s="191"/>
      <c r="CW342" s="191"/>
      <c r="CX342" s="191"/>
      <c r="CY342" s="191"/>
      <c r="CZ342" s="191"/>
      <c r="DA342" s="191"/>
      <c r="DB342" s="191"/>
      <c r="DC342" s="191"/>
      <c r="DD342" s="191"/>
      <c r="DE342" s="191"/>
      <c r="DF342" s="191"/>
      <c r="DG342" s="191"/>
      <c r="DH342" s="191"/>
      <c r="DI342" s="191"/>
      <c r="DJ342" s="191"/>
      <c r="DK342" s="191"/>
      <c r="DL342" s="191"/>
      <c r="DM342" s="191"/>
      <c r="DN342" s="191"/>
      <c r="DO342" s="191"/>
      <c r="DP342" s="191"/>
      <c r="DQ342" s="191"/>
      <c r="DR342" s="191"/>
      <c r="DS342" s="191"/>
      <c r="DT342" s="191"/>
      <c r="DU342" s="191"/>
      <c r="DV342" s="191"/>
      <c r="DW342" s="191"/>
      <c r="DX342" s="191"/>
      <c r="DY342" s="191"/>
      <c r="DZ342" s="191"/>
      <c r="EA342" s="191"/>
      <c r="EB342" s="191"/>
      <c r="EC342" s="191"/>
      <c r="ED342" s="191"/>
      <c r="EE342" s="191"/>
      <c r="EF342" s="191"/>
      <c r="EG342" s="191"/>
      <c r="EH342" s="191"/>
      <c r="EI342" s="191"/>
      <c r="EJ342" s="191"/>
      <c r="EK342" s="191"/>
      <c r="EL342" s="191"/>
      <c r="EM342" s="191"/>
      <c r="EN342" s="191"/>
      <c r="EO342" s="191"/>
      <c r="EP342" s="191"/>
      <c r="EQ342" s="191"/>
      <c r="ER342" s="191"/>
      <c r="ES342" s="191"/>
      <c r="ET342" s="191"/>
      <c r="EU342" s="191"/>
      <c r="EV342" s="191"/>
      <c r="EW342" s="191"/>
      <c r="EX342" s="191"/>
      <c r="EY342" s="191"/>
      <c r="EZ342" s="191"/>
      <c r="FA342" s="191"/>
      <c r="FB342" s="191"/>
      <c r="FC342" s="191"/>
      <c r="FD342" s="191"/>
      <c r="FE342" s="191"/>
      <c r="FF342" s="191"/>
      <c r="FG342" s="191"/>
      <c r="FH342" s="191"/>
      <c r="FI342" s="191"/>
      <c r="FJ342" s="191"/>
      <c r="FK342" s="191"/>
      <c r="FL342" s="191"/>
      <c r="FM342" s="191"/>
      <c r="FN342" s="191"/>
      <c r="FO342" s="191"/>
      <c r="FP342" s="191"/>
      <c r="FQ342" s="191"/>
      <c r="FR342" s="191"/>
      <c r="FS342" s="191"/>
      <c r="FT342" s="191"/>
      <c r="FU342" s="191"/>
      <c r="FV342" s="191"/>
      <c r="FW342" s="191"/>
      <c r="FX342" s="191"/>
      <c r="FY342" s="191"/>
      <c r="FZ342" s="191"/>
      <c r="GA342" s="191"/>
      <c r="GB342" s="191"/>
      <c r="GC342" s="191"/>
      <c r="GD342" s="191"/>
      <c r="GE342" s="191"/>
      <c r="GF342" s="191"/>
      <c r="GG342" s="191"/>
      <c r="GH342" s="191"/>
      <c r="GI342" s="191"/>
      <c r="GJ342" s="191"/>
      <c r="GK342" s="191"/>
      <c r="GL342" s="191"/>
      <c r="GM342" s="191"/>
      <c r="GN342" s="191"/>
      <c r="GO342" s="191"/>
      <c r="GP342" s="191"/>
      <c r="GQ342" s="191"/>
      <c r="GR342" s="191"/>
      <c r="GS342" s="191"/>
      <c r="GT342" s="191"/>
      <c r="GU342" s="191"/>
      <c r="GV342" s="191"/>
      <c r="GW342" s="191"/>
      <c r="GX342" s="191"/>
      <c r="GY342" s="191"/>
      <c r="GZ342" s="191"/>
      <c r="HA342" s="191"/>
      <c r="HB342" s="191"/>
      <c r="HC342" s="191"/>
      <c r="HD342" s="191"/>
      <c r="HE342" s="191"/>
      <c r="HF342" s="191"/>
      <c r="HG342" s="191"/>
      <c r="HH342" s="191"/>
      <c r="HI342" s="191"/>
      <c r="HJ342" s="191"/>
      <c r="HK342" s="191"/>
      <c r="HL342" s="191"/>
      <c r="HM342" s="191"/>
      <c r="HN342" s="191"/>
      <c r="HO342" s="191"/>
      <c r="HP342" s="191"/>
      <c r="HQ342" s="191"/>
      <c r="HR342" s="191"/>
      <c r="HS342" s="191"/>
      <c r="HT342" s="191"/>
      <c r="HU342" s="191"/>
      <c r="HV342" s="191"/>
      <c r="HW342" s="191"/>
      <c r="HX342" s="191"/>
      <c r="HY342" s="191"/>
      <c r="HZ342" s="191"/>
      <c r="IA342" s="191"/>
      <c r="IB342" s="191"/>
      <c r="IC342" s="191"/>
      <c r="ID342" s="191"/>
      <c r="IE342" s="191"/>
      <c r="IF342" s="191"/>
      <c r="IG342" s="191"/>
      <c r="IH342" s="191"/>
      <c r="II342" s="191"/>
      <c r="IJ342" s="191"/>
      <c r="IK342" s="191"/>
      <c r="IL342" s="191"/>
      <c r="IM342" s="191"/>
      <c r="IN342" s="191"/>
      <c r="IO342" s="191"/>
      <c r="IP342" s="191"/>
      <c r="IQ342" s="191"/>
      <c r="IR342" s="191"/>
      <c r="IS342" s="191"/>
      <c r="IT342" s="191"/>
      <c r="IU342" s="191"/>
      <c r="IV342" s="191"/>
    </row>
    <row r="343" spans="1:256" s="570" customFormat="1" ht="70.2" customHeight="1" x14ac:dyDescent="0.2">
      <c r="A343" s="928" t="s">
        <v>159</v>
      </c>
      <c r="B343" s="929"/>
      <c r="C343" s="929"/>
      <c r="D343" s="929"/>
      <c r="E343" s="929"/>
      <c r="F343" s="929"/>
      <c r="G343" s="929"/>
      <c r="H343" s="929"/>
      <c r="I343" s="930"/>
      <c r="J343" s="849"/>
      <c r="K343" s="849"/>
      <c r="L343" s="849"/>
      <c r="M343" s="849"/>
      <c r="N343" s="849"/>
      <c r="O343" s="849"/>
      <c r="P343" s="849"/>
      <c r="Q343" s="931"/>
      <c r="R343" s="187"/>
      <c r="S343" s="188"/>
      <c r="T343" s="190"/>
      <c r="U343" s="190"/>
      <c r="V343" s="190"/>
      <c r="W343" s="190"/>
      <c r="X343" s="190"/>
      <c r="Y343" s="190"/>
      <c r="Z343" s="190"/>
      <c r="AA343" s="190"/>
      <c r="AB343" s="190"/>
      <c r="AC343" s="190"/>
      <c r="AD343" s="190"/>
      <c r="AE343" s="190"/>
      <c r="AF343" s="190"/>
      <c r="AG343" s="190"/>
      <c r="AH343" s="190"/>
      <c r="AI343" s="190"/>
      <c r="AJ343" s="190"/>
      <c r="AK343" s="190"/>
      <c r="AL343" s="190"/>
      <c r="AM343" s="190"/>
      <c r="AN343" s="190"/>
      <c r="AO343" s="190"/>
      <c r="AP343" s="190"/>
      <c r="AQ343" s="190"/>
      <c r="AR343" s="190"/>
      <c r="AS343" s="190"/>
      <c r="AT343" s="190"/>
      <c r="AU343" s="190"/>
      <c r="AV343" s="190"/>
      <c r="AW343" s="190"/>
      <c r="AX343" s="190"/>
      <c r="AY343" s="190"/>
      <c r="AZ343" s="190"/>
      <c r="BA343" s="190"/>
      <c r="BB343" s="190"/>
      <c r="BC343" s="191"/>
      <c r="BD343" s="191"/>
      <c r="BE343" s="191"/>
      <c r="BF343" s="191"/>
      <c r="BG343" s="191"/>
      <c r="BH343" s="191"/>
      <c r="BI343" s="191"/>
      <c r="BJ343" s="191"/>
      <c r="BK343" s="191"/>
      <c r="BL343" s="191"/>
      <c r="BM343" s="191"/>
      <c r="BN343" s="191"/>
      <c r="BO343" s="191"/>
      <c r="BP343" s="191"/>
      <c r="BQ343" s="191"/>
      <c r="BR343" s="191"/>
      <c r="BS343" s="191"/>
      <c r="BT343" s="191"/>
      <c r="BU343" s="191"/>
      <c r="BV343" s="191"/>
      <c r="BW343" s="191"/>
      <c r="BX343" s="191"/>
      <c r="BY343" s="191"/>
      <c r="BZ343" s="191"/>
      <c r="CA343" s="191"/>
      <c r="CB343" s="191"/>
      <c r="CC343" s="191"/>
      <c r="CD343" s="191"/>
      <c r="CE343" s="191"/>
      <c r="CF343" s="191"/>
      <c r="CG343" s="191"/>
      <c r="CH343" s="191"/>
      <c r="CI343" s="191"/>
      <c r="CJ343" s="191"/>
      <c r="CK343" s="191"/>
      <c r="CL343" s="191"/>
      <c r="CM343" s="191"/>
      <c r="CN343" s="191"/>
      <c r="CO343" s="191"/>
      <c r="CP343" s="191"/>
      <c r="CQ343" s="191"/>
      <c r="CR343" s="191"/>
      <c r="CS343" s="191"/>
      <c r="CT343" s="191"/>
      <c r="CU343" s="191"/>
      <c r="CV343" s="191"/>
      <c r="CW343" s="191"/>
      <c r="CX343" s="191"/>
      <c r="CY343" s="191"/>
      <c r="CZ343" s="191"/>
      <c r="DA343" s="191"/>
      <c r="DB343" s="191"/>
      <c r="DC343" s="191"/>
      <c r="DD343" s="191"/>
      <c r="DE343" s="191"/>
      <c r="DF343" s="191"/>
      <c r="DG343" s="191"/>
      <c r="DH343" s="191"/>
      <c r="DI343" s="191"/>
      <c r="DJ343" s="191"/>
      <c r="DK343" s="191"/>
      <c r="DL343" s="191"/>
      <c r="DM343" s="191"/>
      <c r="DN343" s="191"/>
      <c r="DO343" s="191"/>
      <c r="DP343" s="191"/>
      <c r="DQ343" s="191"/>
      <c r="DR343" s="191"/>
      <c r="DS343" s="191"/>
      <c r="DT343" s="191"/>
      <c r="DU343" s="191"/>
      <c r="DV343" s="191"/>
      <c r="DW343" s="191"/>
      <c r="DX343" s="191"/>
      <c r="DY343" s="191"/>
      <c r="DZ343" s="191"/>
      <c r="EA343" s="191"/>
      <c r="EB343" s="191"/>
      <c r="EC343" s="191"/>
      <c r="ED343" s="191"/>
      <c r="EE343" s="191"/>
      <c r="EF343" s="191"/>
      <c r="EG343" s="191"/>
      <c r="EH343" s="191"/>
      <c r="EI343" s="191"/>
      <c r="EJ343" s="191"/>
      <c r="EK343" s="191"/>
      <c r="EL343" s="191"/>
      <c r="EM343" s="191"/>
      <c r="EN343" s="191"/>
      <c r="EO343" s="191"/>
      <c r="EP343" s="191"/>
      <c r="EQ343" s="191"/>
      <c r="ER343" s="191"/>
      <c r="ES343" s="191"/>
      <c r="ET343" s="191"/>
      <c r="EU343" s="191"/>
      <c r="EV343" s="191"/>
      <c r="EW343" s="191"/>
      <c r="EX343" s="191"/>
      <c r="EY343" s="191"/>
      <c r="EZ343" s="191"/>
      <c r="FA343" s="191"/>
      <c r="FB343" s="191"/>
      <c r="FC343" s="191"/>
      <c r="FD343" s="191"/>
      <c r="FE343" s="191"/>
      <c r="FF343" s="191"/>
      <c r="FG343" s="191"/>
      <c r="FH343" s="191"/>
      <c r="FI343" s="191"/>
      <c r="FJ343" s="191"/>
      <c r="FK343" s="191"/>
      <c r="FL343" s="191"/>
      <c r="FM343" s="191"/>
      <c r="FN343" s="191"/>
      <c r="FO343" s="191"/>
      <c r="FP343" s="191"/>
      <c r="FQ343" s="191"/>
      <c r="FR343" s="191"/>
      <c r="FS343" s="191"/>
      <c r="FT343" s="191"/>
      <c r="FU343" s="191"/>
      <c r="FV343" s="191"/>
      <c r="FW343" s="191"/>
      <c r="FX343" s="191"/>
      <c r="FY343" s="191"/>
      <c r="FZ343" s="191"/>
      <c r="GA343" s="191"/>
      <c r="GB343" s="191"/>
      <c r="GC343" s="191"/>
      <c r="GD343" s="191"/>
      <c r="GE343" s="191"/>
      <c r="GF343" s="191"/>
      <c r="GG343" s="191"/>
      <c r="GH343" s="191"/>
      <c r="GI343" s="191"/>
      <c r="GJ343" s="191"/>
      <c r="GK343" s="191"/>
      <c r="GL343" s="191"/>
      <c r="GM343" s="191"/>
      <c r="GN343" s="191"/>
      <c r="GO343" s="191"/>
      <c r="GP343" s="191"/>
      <c r="GQ343" s="191"/>
      <c r="GR343" s="191"/>
      <c r="GS343" s="191"/>
      <c r="GT343" s="191"/>
      <c r="GU343" s="191"/>
      <c r="GV343" s="191"/>
      <c r="GW343" s="191"/>
      <c r="GX343" s="191"/>
      <c r="GY343" s="191"/>
      <c r="GZ343" s="191"/>
      <c r="HA343" s="191"/>
      <c r="HB343" s="191"/>
      <c r="HC343" s="191"/>
      <c r="HD343" s="191"/>
      <c r="HE343" s="191"/>
      <c r="HF343" s="191"/>
      <c r="HG343" s="191"/>
      <c r="HH343" s="191"/>
      <c r="HI343" s="191"/>
      <c r="HJ343" s="191"/>
      <c r="HK343" s="191"/>
      <c r="HL343" s="191"/>
      <c r="HM343" s="191"/>
      <c r="HN343" s="191"/>
      <c r="HO343" s="191"/>
      <c r="HP343" s="191"/>
      <c r="HQ343" s="191"/>
      <c r="HR343" s="191"/>
      <c r="HS343" s="191"/>
      <c r="HT343" s="191"/>
      <c r="HU343" s="191"/>
      <c r="HV343" s="191"/>
      <c r="HW343" s="191"/>
      <c r="HX343" s="191"/>
      <c r="HY343" s="191"/>
      <c r="HZ343" s="191"/>
      <c r="IA343" s="191"/>
      <c r="IB343" s="191"/>
      <c r="IC343" s="191"/>
      <c r="ID343" s="191"/>
      <c r="IE343" s="191"/>
      <c r="IF343" s="191"/>
      <c r="IG343" s="191"/>
      <c r="IH343" s="191"/>
      <c r="II343" s="191"/>
      <c r="IJ343" s="191"/>
      <c r="IK343" s="191"/>
      <c r="IL343" s="191"/>
      <c r="IM343" s="191"/>
      <c r="IN343" s="191"/>
      <c r="IO343" s="191"/>
      <c r="IP343" s="191"/>
      <c r="IQ343" s="191"/>
      <c r="IR343" s="191"/>
      <c r="IS343" s="191"/>
      <c r="IT343" s="191"/>
      <c r="IU343" s="191"/>
      <c r="IV343" s="191"/>
    </row>
    <row r="344" spans="1:256" s="570" customFormat="1" ht="70.2" customHeight="1" x14ac:dyDescent="0.2">
      <c r="A344" s="707" t="s">
        <v>160</v>
      </c>
      <c r="B344" s="708"/>
      <c r="C344" s="708"/>
      <c r="D344" s="708"/>
      <c r="E344" s="708"/>
      <c r="F344" s="708"/>
      <c r="G344" s="708"/>
      <c r="H344" s="708"/>
      <c r="I344" s="709"/>
      <c r="J344" s="946"/>
      <c r="K344" s="708"/>
      <c r="L344" s="708"/>
      <c r="M344" s="708"/>
      <c r="N344" s="708"/>
      <c r="O344" s="708"/>
      <c r="P344" s="708"/>
      <c r="Q344" s="947"/>
      <c r="R344" s="561"/>
      <c r="S344" s="595"/>
      <c r="T344" s="600"/>
      <c r="U344" s="600"/>
      <c r="V344" s="600"/>
      <c r="W344" s="600"/>
      <c r="X344" s="600"/>
      <c r="Y344" s="600"/>
      <c r="Z344" s="600"/>
      <c r="AA344" s="600"/>
      <c r="AB344" s="600"/>
      <c r="AC344" s="600"/>
      <c r="AD344" s="600"/>
      <c r="AE344" s="600"/>
      <c r="AF344" s="600"/>
      <c r="AG344" s="600"/>
      <c r="AH344" s="600"/>
      <c r="AI344" s="600"/>
      <c r="AJ344" s="600"/>
      <c r="AK344" s="600"/>
      <c r="AL344" s="600"/>
      <c r="AM344" s="600"/>
      <c r="AN344" s="600"/>
      <c r="AO344" s="600"/>
      <c r="AP344" s="600"/>
      <c r="AQ344" s="600"/>
      <c r="AR344" s="600"/>
      <c r="AS344" s="600"/>
      <c r="AT344" s="600"/>
      <c r="AU344" s="600"/>
      <c r="AV344" s="600"/>
      <c r="AW344" s="600"/>
      <c r="AX344" s="600"/>
      <c r="AY344" s="600"/>
      <c r="AZ344" s="600"/>
      <c r="BA344" s="600"/>
      <c r="BB344" s="600"/>
    </row>
    <row r="345" spans="1:256" s="546" customFormat="1" ht="69.900000000000006" customHeight="1" x14ac:dyDescent="0.2">
      <c r="A345" s="925" t="s">
        <v>351</v>
      </c>
      <c r="B345" s="926"/>
      <c r="C345" s="926"/>
      <c r="D345" s="926"/>
      <c r="E345" s="926"/>
      <c r="F345" s="926"/>
      <c r="G345" s="926"/>
      <c r="H345" s="926"/>
      <c r="I345" s="926"/>
      <c r="J345" s="926"/>
      <c r="K345" s="926"/>
      <c r="L345" s="926"/>
      <c r="M345" s="926"/>
      <c r="N345" s="926"/>
      <c r="O345" s="926"/>
      <c r="P345" s="926"/>
      <c r="Q345" s="927"/>
      <c r="R345" s="561"/>
      <c r="S345" s="199"/>
    </row>
    <row r="346" spans="1:256" s="546" customFormat="1" ht="69.900000000000006" customHeight="1" x14ac:dyDescent="0.2">
      <c r="A346" s="650" t="s">
        <v>352</v>
      </c>
      <c r="B346" s="651"/>
      <c r="C346" s="651"/>
      <c r="D346" s="651"/>
      <c r="E346" s="651"/>
      <c r="F346" s="651"/>
      <c r="G346" s="651"/>
      <c r="H346" s="651"/>
      <c r="I346" s="652"/>
      <c r="J346" s="948"/>
      <c r="K346" s="700"/>
      <c r="L346" s="700"/>
      <c r="M346" s="700"/>
      <c r="N346" s="700"/>
      <c r="O346" s="700"/>
      <c r="P346" s="700"/>
      <c r="Q346" s="949"/>
      <c r="R346" s="561"/>
      <c r="S346" s="199"/>
    </row>
    <row r="347" spans="1:256" s="570" customFormat="1" ht="69.900000000000006" customHeight="1" thickBot="1" x14ac:dyDescent="0.25">
      <c r="A347" s="657" t="s">
        <v>353</v>
      </c>
      <c r="B347" s="658"/>
      <c r="C347" s="658"/>
      <c r="D347" s="658"/>
      <c r="E347" s="658"/>
      <c r="F347" s="658"/>
      <c r="G347" s="658"/>
      <c r="H347" s="658"/>
      <c r="I347" s="659"/>
      <c r="J347" s="920"/>
      <c r="K347" s="918"/>
      <c r="L347" s="918"/>
      <c r="M347" s="918"/>
      <c r="N347" s="918"/>
      <c r="O347" s="918"/>
      <c r="P347" s="918"/>
      <c r="Q347" s="921"/>
      <c r="R347" s="561"/>
      <c r="S347" s="663"/>
      <c r="T347" s="664"/>
      <c r="U347" s="664"/>
      <c r="V347" s="664"/>
      <c r="W347" s="664"/>
      <c r="X347" s="664"/>
      <c r="Y347" s="664"/>
      <c r="Z347" s="664"/>
      <c r="AA347" s="664"/>
      <c r="AB347" s="664"/>
      <c r="AC347" s="664"/>
      <c r="AD347" s="664"/>
      <c r="AE347" s="664"/>
      <c r="AF347" s="664"/>
      <c r="AG347" s="664"/>
      <c r="AH347" s="664"/>
      <c r="AI347" s="664"/>
      <c r="AJ347" s="664"/>
      <c r="AK347" s="664"/>
      <c r="AL347" s="664"/>
      <c r="AM347" s="664"/>
      <c r="AN347" s="664"/>
      <c r="AO347" s="664"/>
      <c r="AP347" s="664"/>
      <c r="AQ347" s="664"/>
      <c r="AR347" s="664"/>
      <c r="AS347" s="664"/>
      <c r="AT347" s="664"/>
      <c r="AU347" s="664"/>
      <c r="AV347" s="664"/>
      <c r="AW347" s="664"/>
      <c r="AX347" s="664"/>
      <c r="AY347" s="664"/>
      <c r="AZ347" s="664"/>
      <c r="BA347" s="664"/>
      <c r="BB347" s="664"/>
    </row>
    <row r="348" spans="1:256" s="546" customFormat="1" ht="201.6" customHeight="1" thickTop="1" thickBot="1" x14ac:dyDescent="0.25">
      <c r="A348" s="588" t="s">
        <v>354</v>
      </c>
      <c r="B348" s="950"/>
      <c r="C348" s="950"/>
      <c r="D348" s="950"/>
      <c r="E348" s="950"/>
      <c r="F348" s="950"/>
      <c r="G348" s="950"/>
      <c r="H348" s="950"/>
      <c r="I348" s="950"/>
      <c r="J348" s="950"/>
      <c r="K348" s="950"/>
      <c r="L348" s="950"/>
      <c r="M348" s="950"/>
      <c r="N348" s="951"/>
      <c r="O348" s="952" t="s">
        <v>20</v>
      </c>
      <c r="P348" s="952" t="s">
        <v>21</v>
      </c>
      <c r="Q348" s="953" t="s">
        <v>22</v>
      </c>
      <c r="S348" s="954"/>
      <c r="T348" s="596"/>
      <c r="U348" s="596"/>
      <c r="V348" s="596"/>
      <c r="W348" s="596"/>
      <c r="X348" s="596"/>
      <c r="Y348" s="596"/>
      <c r="Z348" s="596"/>
      <c r="AA348" s="596"/>
      <c r="AB348" s="596"/>
      <c r="AC348" s="596"/>
      <c r="AD348" s="596"/>
      <c r="AE348" s="596"/>
      <c r="AF348" s="596"/>
      <c r="AG348" s="596"/>
      <c r="AH348" s="596"/>
      <c r="AI348" s="596"/>
      <c r="AJ348" s="596"/>
      <c r="AK348" s="596"/>
      <c r="AL348" s="596"/>
      <c r="AM348" s="596"/>
      <c r="AN348" s="596"/>
      <c r="AO348" s="596"/>
      <c r="AP348" s="596"/>
      <c r="AQ348" s="596"/>
      <c r="AR348" s="596"/>
      <c r="AS348" s="596"/>
      <c r="AT348" s="596"/>
      <c r="AU348" s="596"/>
      <c r="AV348" s="596"/>
      <c r="AW348" s="596"/>
      <c r="AX348" s="596"/>
      <c r="AY348" s="596"/>
      <c r="AZ348" s="596"/>
      <c r="BA348" s="596"/>
      <c r="BB348" s="596"/>
    </row>
    <row r="349" spans="1:256" s="546" customFormat="1" ht="139.94999999999999" customHeight="1" thickTop="1" thickBot="1" x14ac:dyDescent="0.25">
      <c r="A349" s="955" t="s">
        <v>355</v>
      </c>
      <c r="B349" s="956"/>
      <c r="C349" s="956"/>
      <c r="D349" s="956"/>
      <c r="E349" s="956"/>
      <c r="F349" s="956"/>
      <c r="G349" s="956"/>
      <c r="H349" s="956"/>
      <c r="I349" s="956"/>
      <c r="J349" s="956"/>
      <c r="K349" s="956"/>
      <c r="L349" s="957"/>
      <c r="M349" s="956"/>
      <c r="N349" s="958" t="s">
        <v>27</v>
      </c>
      <c r="O349" s="952" t="s">
        <v>20</v>
      </c>
      <c r="P349" s="952" t="s">
        <v>21</v>
      </c>
      <c r="Q349" s="953" t="s">
        <v>22</v>
      </c>
      <c r="S349" s="954"/>
      <c r="T349" s="596"/>
      <c r="U349" s="596"/>
      <c r="V349" s="596"/>
      <c r="W349" s="596"/>
      <c r="X349" s="596"/>
      <c r="Y349" s="596"/>
      <c r="Z349" s="596"/>
      <c r="AA349" s="596"/>
      <c r="AB349" s="596"/>
      <c r="AC349" s="596"/>
      <c r="AD349" s="596"/>
      <c r="AE349" s="596"/>
      <c r="AF349" s="596"/>
      <c r="AG349" s="596"/>
      <c r="AH349" s="596"/>
      <c r="AI349" s="596"/>
      <c r="AJ349" s="596"/>
      <c r="AK349" s="596"/>
      <c r="AL349" s="596"/>
      <c r="AM349" s="596"/>
      <c r="AN349" s="596"/>
      <c r="AO349" s="596"/>
      <c r="AP349" s="596"/>
      <c r="AQ349" s="596"/>
      <c r="AR349" s="596"/>
      <c r="AS349" s="596"/>
      <c r="AT349" s="596"/>
      <c r="AU349" s="596"/>
      <c r="AV349" s="596"/>
      <c r="AW349" s="596"/>
      <c r="AX349" s="596"/>
      <c r="AY349" s="596"/>
      <c r="AZ349" s="596"/>
      <c r="BA349" s="596"/>
      <c r="BB349" s="596"/>
    </row>
    <row r="350" spans="1:256" s="546" customFormat="1" ht="69.900000000000006" customHeight="1" thickTop="1" x14ac:dyDescent="0.2">
      <c r="A350" s="790" t="s">
        <v>178</v>
      </c>
      <c r="B350" s="694"/>
      <c r="C350" s="694"/>
      <c r="D350" s="694"/>
      <c r="E350" s="694"/>
      <c r="F350" s="694"/>
      <c r="G350" s="694"/>
      <c r="H350" s="694"/>
      <c r="I350" s="694"/>
      <c r="J350" s="694"/>
      <c r="K350" s="694"/>
      <c r="L350" s="959"/>
      <c r="M350" s="694"/>
      <c r="N350" s="694"/>
      <c r="O350" s="694"/>
      <c r="P350" s="694"/>
      <c r="Q350" s="791"/>
      <c r="S350" s="960"/>
    </row>
    <row r="351" spans="1:256" s="546" customFormat="1" ht="69.900000000000006" customHeight="1" x14ac:dyDescent="0.2">
      <c r="A351" s="696" t="s">
        <v>356</v>
      </c>
      <c r="B351" s="697"/>
      <c r="C351" s="697"/>
      <c r="D351" s="697"/>
      <c r="E351" s="697"/>
      <c r="F351" s="697"/>
      <c r="G351" s="697"/>
      <c r="H351" s="697"/>
      <c r="I351" s="697"/>
      <c r="J351" s="697"/>
      <c r="K351" s="697"/>
      <c r="L351" s="697"/>
      <c r="M351" s="697"/>
      <c r="N351" s="697"/>
      <c r="O351" s="697"/>
      <c r="P351" s="697"/>
      <c r="Q351" s="698"/>
      <c r="R351" s="561"/>
      <c r="S351" s="199"/>
    </row>
    <row r="352" spans="1:256" s="570" customFormat="1" ht="70.2" customHeight="1" x14ac:dyDescent="0.2">
      <c r="A352" s="699" t="s">
        <v>147</v>
      </c>
      <c r="B352" s="700"/>
      <c r="C352" s="700"/>
      <c r="D352" s="700"/>
      <c r="E352" s="700"/>
      <c r="F352" s="700"/>
      <c r="G352" s="700"/>
      <c r="H352" s="700"/>
      <c r="I352" s="701"/>
      <c r="J352" s="841"/>
      <c r="K352" s="841"/>
      <c r="L352" s="841"/>
      <c r="M352" s="841"/>
      <c r="N352" s="841"/>
      <c r="O352" s="841"/>
      <c r="P352" s="841"/>
      <c r="Q352" s="913"/>
      <c r="R352" s="561"/>
      <c r="S352" s="595"/>
      <c r="T352" s="600"/>
      <c r="U352" s="600"/>
      <c r="V352" s="600"/>
      <c r="W352" s="600"/>
      <c r="X352" s="600"/>
      <c r="Y352" s="600"/>
      <c r="Z352" s="600"/>
      <c r="AA352" s="600"/>
      <c r="AB352" s="600"/>
      <c r="AC352" s="600"/>
      <c r="AD352" s="600"/>
      <c r="AE352" s="600"/>
      <c r="AF352" s="600"/>
      <c r="AG352" s="600"/>
      <c r="AH352" s="600"/>
      <c r="AI352" s="600"/>
      <c r="AJ352" s="600"/>
      <c r="AK352" s="600"/>
      <c r="AL352" s="600"/>
      <c r="AM352" s="600"/>
      <c r="AN352" s="600"/>
      <c r="AO352" s="600"/>
      <c r="AP352" s="600"/>
      <c r="AQ352" s="600"/>
      <c r="AR352" s="600"/>
      <c r="AS352" s="600"/>
      <c r="AT352" s="600"/>
      <c r="AU352" s="600"/>
      <c r="AV352" s="600"/>
      <c r="AW352" s="600"/>
      <c r="AX352" s="600"/>
      <c r="AY352" s="600"/>
      <c r="AZ352" s="600"/>
      <c r="BA352" s="600"/>
      <c r="BB352" s="600"/>
    </row>
    <row r="353" spans="1:256" s="570" customFormat="1" ht="70.2" customHeight="1" x14ac:dyDescent="0.2">
      <c r="A353" s="707" t="s">
        <v>169</v>
      </c>
      <c r="B353" s="708"/>
      <c r="C353" s="708"/>
      <c r="D353" s="708"/>
      <c r="E353" s="708"/>
      <c r="F353" s="708"/>
      <c r="G353" s="708"/>
      <c r="H353" s="708"/>
      <c r="I353" s="709"/>
      <c r="J353" s="915" t="s">
        <v>155</v>
      </c>
      <c r="K353" s="572" t="s">
        <v>156</v>
      </c>
      <c r="L353" s="710"/>
      <c r="M353" s="710"/>
      <c r="N353" s="710"/>
      <c r="O353" s="710"/>
      <c r="P353" s="710"/>
      <c r="Q353" s="711"/>
      <c r="R353" s="187"/>
      <c r="S353" s="188"/>
      <c r="T353" s="190"/>
      <c r="U353" s="190"/>
      <c r="V353" s="190"/>
      <c r="W353" s="190"/>
      <c r="X353" s="190"/>
      <c r="Y353" s="190"/>
      <c r="Z353" s="190"/>
      <c r="AA353" s="190"/>
      <c r="AB353" s="190"/>
      <c r="AC353" s="190"/>
      <c r="AD353" s="190"/>
      <c r="AE353" s="190"/>
      <c r="AF353" s="190"/>
      <c r="AG353" s="190"/>
      <c r="AH353" s="190"/>
      <c r="AI353" s="190"/>
      <c r="AJ353" s="190"/>
      <c r="AK353" s="190"/>
      <c r="AL353" s="190"/>
      <c r="AM353" s="190"/>
      <c r="AN353" s="190"/>
      <c r="AO353" s="190"/>
      <c r="AP353" s="190"/>
      <c r="AQ353" s="190"/>
      <c r="AR353" s="190"/>
      <c r="AS353" s="190"/>
      <c r="AT353" s="190"/>
      <c r="AU353" s="190"/>
      <c r="AV353" s="190"/>
      <c r="AW353" s="190"/>
      <c r="AX353" s="190"/>
      <c r="AY353" s="190"/>
      <c r="AZ353" s="190"/>
      <c r="BA353" s="190"/>
      <c r="BB353" s="190"/>
      <c r="BC353" s="191"/>
      <c r="BD353" s="191"/>
      <c r="BE353" s="191"/>
      <c r="BF353" s="191"/>
      <c r="BG353" s="191"/>
      <c r="BH353" s="191"/>
      <c r="BI353" s="191"/>
      <c r="BJ353" s="191"/>
      <c r="BK353" s="191"/>
      <c r="BL353" s="191"/>
      <c r="BM353" s="191"/>
      <c r="BN353" s="191"/>
      <c r="BO353" s="191"/>
      <c r="BP353" s="191"/>
      <c r="BQ353" s="191"/>
      <c r="BR353" s="191"/>
      <c r="BS353" s="191"/>
      <c r="BT353" s="191"/>
      <c r="BU353" s="191"/>
      <c r="BV353" s="191"/>
      <c r="BW353" s="191"/>
      <c r="BX353" s="191"/>
      <c r="BY353" s="191"/>
      <c r="BZ353" s="191"/>
      <c r="CA353" s="191"/>
      <c r="CB353" s="191"/>
      <c r="CC353" s="191"/>
      <c r="CD353" s="191"/>
      <c r="CE353" s="191"/>
      <c r="CF353" s="191"/>
      <c r="CG353" s="191"/>
      <c r="CH353" s="191"/>
      <c r="CI353" s="191"/>
      <c r="CJ353" s="191"/>
      <c r="CK353" s="191"/>
      <c r="CL353" s="191"/>
      <c r="CM353" s="191"/>
      <c r="CN353" s="191"/>
      <c r="CO353" s="191"/>
      <c r="CP353" s="191"/>
      <c r="CQ353" s="191"/>
      <c r="CR353" s="191"/>
      <c r="CS353" s="191"/>
      <c r="CT353" s="191"/>
      <c r="CU353" s="191"/>
      <c r="CV353" s="191"/>
      <c r="CW353" s="191"/>
      <c r="CX353" s="191"/>
      <c r="CY353" s="191"/>
      <c r="CZ353" s="191"/>
      <c r="DA353" s="191"/>
      <c r="DB353" s="191"/>
      <c r="DC353" s="191"/>
      <c r="DD353" s="191"/>
      <c r="DE353" s="191"/>
      <c r="DF353" s="191"/>
      <c r="DG353" s="191"/>
      <c r="DH353" s="191"/>
      <c r="DI353" s="191"/>
      <c r="DJ353" s="191"/>
      <c r="DK353" s="191"/>
      <c r="DL353" s="191"/>
      <c r="DM353" s="191"/>
      <c r="DN353" s="191"/>
      <c r="DO353" s="191"/>
      <c r="DP353" s="191"/>
      <c r="DQ353" s="191"/>
      <c r="DR353" s="191"/>
      <c r="DS353" s="191"/>
      <c r="DT353" s="191"/>
      <c r="DU353" s="191"/>
      <c r="DV353" s="191"/>
      <c r="DW353" s="191"/>
      <c r="DX353" s="191"/>
      <c r="DY353" s="191"/>
      <c r="DZ353" s="191"/>
      <c r="EA353" s="191"/>
      <c r="EB353" s="191"/>
      <c r="EC353" s="191"/>
      <c r="ED353" s="191"/>
      <c r="EE353" s="191"/>
      <c r="EF353" s="191"/>
      <c r="EG353" s="191"/>
      <c r="EH353" s="191"/>
      <c r="EI353" s="191"/>
      <c r="EJ353" s="191"/>
      <c r="EK353" s="191"/>
      <c r="EL353" s="191"/>
      <c r="EM353" s="191"/>
      <c r="EN353" s="191"/>
      <c r="EO353" s="191"/>
      <c r="EP353" s="191"/>
      <c r="EQ353" s="191"/>
      <c r="ER353" s="191"/>
      <c r="ES353" s="191"/>
      <c r="ET353" s="191"/>
      <c r="EU353" s="191"/>
      <c r="EV353" s="191"/>
      <c r="EW353" s="191"/>
      <c r="EX353" s="191"/>
      <c r="EY353" s="191"/>
      <c r="EZ353" s="191"/>
      <c r="FA353" s="191"/>
      <c r="FB353" s="191"/>
      <c r="FC353" s="191"/>
      <c r="FD353" s="191"/>
      <c r="FE353" s="191"/>
      <c r="FF353" s="191"/>
      <c r="FG353" s="191"/>
      <c r="FH353" s="191"/>
      <c r="FI353" s="191"/>
      <c r="FJ353" s="191"/>
      <c r="FK353" s="191"/>
      <c r="FL353" s="191"/>
      <c r="FM353" s="191"/>
      <c r="FN353" s="191"/>
      <c r="FO353" s="191"/>
      <c r="FP353" s="191"/>
      <c r="FQ353" s="191"/>
      <c r="FR353" s="191"/>
      <c r="FS353" s="191"/>
      <c r="FT353" s="191"/>
      <c r="FU353" s="191"/>
      <c r="FV353" s="191"/>
      <c r="FW353" s="191"/>
      <c r="FX353" s="191"/>
      <c r="FY353" s="191"/>
      <c r="FZ353" s="191"/>
      <c r="GA353" s="191"/>
      <c r="GB353" s="191"/>
      <c r="GC353" s="191"/>
      <c r="GD353" s="191"/>
      <c r="GE353" s="191"/>
      <c r="GF353" s="191"/>
      <c r="GG353" s="191"/>
      <c r="GH353" s="191"/>
      <c r="GI353" s="191"/>
      <c r="GJ353" s="191"/>
      <c r="GK353" s="191"/>
      <c r="GL353" s="191"/>
      <c r="GM353" s="191"/>
      <c r="GN353" s="191"/>
      <c r="GO353" s="191"/>
      <c r="GP353" s="191"/>
      <c r="GQ353" s="191"/>
      <c r="GR353" s="191"/>
      <c r="GS353" s="191"/>
      <c r="GT353" s="191"/>
      <c r="GU353" s="191"/>
      <c r="GV353" s="191"/>
      <c r="GW353" s="191"/>
      <c r="GX353" s="191"/>
      <c r="GY353" s="191"/>
      <c r="GZ353" s="191"/>
      <c r="HA353" s="191"/>
      <c r="HB353" s="191"/>
      <c r="HC353" s="191"/>
      <c r="HD353" s="191"/>
      <c r="HE353" s="191"/>
      <c r="HF353" s="191"/>
      <c r="HG353" s="191"/>
      <c r="HH353" s="191"/>
      <c r="HI353" s="191"/>
      <c r="HJ353" s="191"/>
      <c r="HK353" s="191"/>
      <c r="HL353" s="191"/>
      <c r="HM353" s="191"/>
      <c r="HN353" s="191"/>
      <c r="HO353" s="191"/>
      <c r="HP353" s="191"/>
      <c r="HQ353" s="191"/>
      <c r="HR353" s="191"/>
      <c r="HS353" s="191"/>
      <c r="HT353" s="191"/>
      <c r="HU353" s="191"/>
      <c r="HV353" s="191"/>
      <c r="HW353" s="191"/>
      <c r="HX353" s="191"/>
      <c r="HY353" s="191"/>
      <c r="HZ353" s="191"/>
      <c r="IA353" s="191"/>
      <c r="IB353" s="191"/>
      <c r="IC353" s="191"/>
      <c r="ID353" s="191"/>
      <c r="IE353" s="191"/>
      <c r="IF353" s="191"/>
      <c r="IG353" s="191"/>
      <c r="IH353" s="191"/>
      <c r="II353" s="191"/>
      <c r="IJ353" s="191"/>
      <c r="IK353" s="191"/>
      <c r="IL353" s="191"/>
      <c r="IM353" s="191"/>
      <c r="IN353" s="191"/>
      <c r="IO353" s="191"/>
      <c r="IP353" s="191"/>
      <c r="IQ353" s="191"/>
      <c r="IR353" s="191"/>
      <c r="IS353" s="191"/>
      <c r="IT353" s="191"/>
      <c r="IU353" s="191"/>
      <c r="IV353" s="191"/>
    </row>
    <row r="354" spans="1:256" s="570" customFormat="1" ht="70.2" customHeight="1" x14ac:dyDescent="0.2">
      <c r="A354" s="712"/>
      <c r="B354" s="713"/>
      <c r="C354" s="713"/>
      <c r="D354" s="713"/>
      <c r="E354" s="713"/>
      <c r="F354" s="713"/>
      <c r="G354" s="713"/>
      <c r="H354" s="713"/>
      <c r="I354" s="714"/>
      <c r="J354" s="572" t="s">
        <v>157</v>
      </c>
      <c r="K354" s="710"/>
      <c r="L354" s="710"/>
      <c r="M354" s="710"/>
      <c r="N354" s="710"/>
      <c r="O354" s="710"/>
      <c r="P354" s="710"/>
      <c r="Q354" s="711"/>
      <c r="R354" s="187"/>
      <c r="S354" s="188"/>
      <c r="T354" s="190"/>
      <c r="U354" s="190"/>
      <c r="V354" s="190"/>
      <c r="W354" s="190"/>
      <c r="X354" s="190"/>
      <c r="Y354" s="190"/>
      <c r="Z354" s="190"/>
      <c r="AA354" s="190"/>
      <c r="AB354" s="190"/>
      <c r="AC354" s="190"/>
      <c r="AD354" s="190"/>
      <c r="AE354" s="190"/>
      <c r="AF354" s="190"/>
      <c r="AG354" s="190"/>
      <c r="AH354" s="190"/>
      <c r="AI354" s="190"/>
      <c r="AJ354" s="190"/>
      <c r="AK354" s="190"/>
      <c r="AL354" s="190"/>
      <c r="AM354" s="190"/>
      <c r="AN354" s="190"/>
      <c r="AO354" s="190"/>
      <c r="AP354" s="190"/>
      <c r="AQ354" s="190"/>
      <c r="AR354" s="190"/>
      <c r="AS354" s="190"/>
      <c r="AT354" s="190"/>
      <c r="AU354" s="190"/>
      <c r="AV354" s="190"/>
      <c r="AW354" s="190"/>
      <c r="AX354" s="190"/>
      <c r="AY354" s="190"/>
      <c r="AZ354" s="190"/>
      <c r="BA354" s="190"/>
      <c r="BB354" s="190"/>
      <c r="BC354" s="191"/>
      <c r="BD354" s="191"/>
      <c r="BE354" s="191"/>
      <c r="BF354" s="191"/>
      <c r="BG354" s="191"/>
      <c r="BH354" s="191"/>
      <c r="BI354" s="191"/>
      <c r="BJ354" s="191"/>
      <c r="BK354" s="191"/>
      <c r="BL354" s="191"/>
      <c r="BM354" s="191"/>
      <c r="BN354" s="191"/>
      <c r="BO354" s="191"/>
      <c r="BP354" s="191"/>
      <c r="BQ354" s="191"/>
      <c r="BR354" s="191"/>
      <c r="BS354" s="191"/>
      <c r="BT354" s="191"/>
      <c r="BU354" s="191"/>
      <c r="BV354" s="191"/>
      <c r="BW354" s="191"/>
      <c r="BX354" s="191"/>
      <c r="BY354" s="191"/>
      <c r="BZ354" s="191"/>
      <c r="CA354" s="191"/>
      <c r="CB354" s="191"/>
      <c r="CC354" s="191"/>
      <c r="CD354" s="191"/>
      <c r="CE354" s="191"/>
      <c r="CF354" s="191"/>
      <c r="CG354" s="191"/>
      <c r="CH354" s="191"/>
      <c r="CI354" s="191"/>
      <c r="CJ354" s="191"/>
      <c r="CK354" s="191"/>
      <c r="CL354" s="191"/>
      <c r="CM354" s="191"/>
      <c r="CN354" s="191"/>
      <c r="CO354" s="191"/>
      <c r="CP354" s="191"/>
      <c r="CQ354" s="191"/>
      <c r="CR354" s="191"/>
      <c r="CS354" s="191"/>
      <c r="CT354" s="191"/>
      <c r="CU354" s="191"/>
      <c r="CV354" s="191"/>
      <c r="CW354" s="191"/>
      <c r="CX354" s="191"/>
      <c r="CY354" s="191"/>
      <c r="CZ354" s="191"/>
      <c r="DA354" s="191"/>
      <c r="DB354" s="191"/>
      <c r="DC354" s="191"/>
      <c r="DD354" s="191"/>
      <c r="DE354" s="191"/>
      <c r="DF354" s="191"/>
      <c r="DG354" s="191"/>
      <c r="DH354" s="191"/>
      <c r="DI354" s="191"/>
      <c r="DJ354" s="191"/>
      <c r="DK354" s="191"/>
      <c r="DL354" s="191"/>
      <c r="DM354" s="191"/>
      <c r="DN354" s="191"/>
      <c r="DO354" s="191"/>
      <c r="DP354" s="191"/>
      <c r="DQ354" s="191"/>
      <c r="DR354" s="191"/>
      <c r="DS354" s="191"/>
      <c r="DT354" s="191"/>
      <c r="DU354" s="191"/>
      <c r="DV354" s="191"/>
      <c r="DW354" s="191"/>
      <c r="DX354" s="191"/>
      <c r="DY354" s="191"/>
      <c r="DZ354" s="191"/>
      <c r="EA354" s="191"/>
      <c r="EB354" s="191"/>
      <c r="EC354" s="191"/>
      <c r="ED354" s="191"/>
      <c r="EE354" s="191"/>
      <c r="EF354" s="191"/>
      <c r="EG354" s="191"/>
      <c r="EH354" s="191"/>
      <c r="EI354" s="191"/>
      <c r="EJ354" s="191"/>
      <c r="EK354" s="191"/>
      <c r="EL354" s="191"/>
      <c r="EM354" s="191"/>
      <c r="EN354" s="191"/>
      <c r="EO354" s="191"/>
      <c r="EP354" s="191"/>
      <c r="EQ354" s="191"/>
      <c r="ER354" s="191"/>
      <c r="ES354" s="191"/>
      <c r="ET354" s="191"/>
      <c r="EU354" s="191"/>
      <c r="EV354" s="191"/>
      <c r="EW354" s="191"/>
      <c r="EX354" s="191"/>
      <c r="EY354" s="191"/>
      <c r="EZ354" s="191"/>
      <c r="FA354" s="191"/>
      <c r="FB354" s="191"/>
      <c r="FC354" s="191"/>
      <c r="FD354" s="191"/>
      <c r="FE354" s="191"/>
      <c r="FF354" s="191"/>
      <c r="FG354" s="191"/>
      <c r="FH354" s="191"/>
      <c r="FI354" s="191"/>
      <c r="FJ354" s="191"/>
      <c r="FK354" s="191"/>
      <c r="FL354" s="191"/>
      <c r="FM354" s="191"/>
      <c r="FN354" s="191"/>
      <c r="FO354" s="191"/>
      <c r="FP354" s="191"/>
      <c r="FQ354" s="191"/>
      <c r="FR354" s="191"/>
      <c r="FS354" s="191"/>
      <c r="FT354" s="191"/>
      <c r="FU354" s="191"/>
      <c r="FV354" s="191"/>
      <c r="FW354" s="191"/>
      <c r="FX354" s="191"/>
      <c r="FY354" s="191"/>
      <c r="FZ354" s="191"/>
      <c r="GA354" s="191"/>
      <c r="GB354" s="191"/>
      <c r="GC354" s="191"/>
      <c r="GD354" s="191"/>
      <c r="GE354" s="191"/>
      <c r="GF354" s="191"/>
      <c r="GG354" s="191"/>
      <c r="GH354" s="191"/>
      <c r="GI354" s="191"/>
      <c r="GJ354" s="191"/>
      <c r="GK354" s="191"/>
      <c r="GL354" s="191"/>
      <c r="GM354" s="191"/>
      <c r="GN354" s="191"/>
      <c r="GO354" s="191"/>
      <c r="GP354" s="191"/>
      <c r="GQ354" s="191"/>
      <c r="GR354" s="191"/>
      <c r="GS354" s="191"/>
      <c r="GT354" s="191"/>
      <c r="GU354" s="191"/>
      <c r="GV354" s="191"/>
      <c r="GW354" s="191"/>
      <c r="GX354" s="191"/>
      <c r="GY354" s="191"/>
      <c r="GZ354" s="191"/>
      <c r="HA354" s="191"/>
      <c r="HB354" s="191"/>
      <c r="HC354" s="191"/>
      <c r="HD354" s="191"/>
      <c r="HE354" s="191"/>
      <c r="HF354" s="191"/>
      <c r="HG354" s="191"/>
      <c r="HH354" s="191"/>
      <c r="HI354" s="191"/>
      <c r="HJ354" s="191"/>
      <c r="HK354" s="191"/>
      <c r="HL354" s="191"/>
      <c r="HM354" s="191"/>
      <c r="HN354" s="191"/>
      <c r="HO354" s="191"/>
      <c r="HP354" s="191"/>
      <c r="HQ354" s="191"/>
      <c r="HR354" s="191"/>
      <c r="HS354" s="191"/>
      <c r="HT354" s="191"/>
      <c r="HU354" s="191"/>
      <c r="HV354" s="191"/>
      <c r="HW354" s="191"/>
      <c r="HX354" s="191"/>
      <c r="HY354" s="191"/>
      <c r="HZ354" s="191"/>
      <c r="IA354" s="191"/>
      <c r="IB354" s="191"/>
      <c r="IC354" s="191"/>
      <c r="ID354" s="191"/>
      <c r="IE354" s="191"/>
      <c r="IF354" s="191"/>
      <c r="IG354" s="191"/>
      <c r="IH354" s="191"/>
      <c r="II354" s="191"/>
      <c r="IJ354" s="191"/>
      <c r="IK354" s="191"/>
      <c r="IL354" s="191"/>
      <c r="IM354" s="191"/>
      <c r="IN354" s="191"/>
      <c r="IO354" s="191"/>
      <c r="IP354" s="191"/>
      <c r="IQ354" s="191"/>
      <c r="IR354" s="191"/>
      <c r="IS354" s="191"/>
      <c r="IT354" s="191"/>
      <c r="IU354" s="191"/>
      <c r="IV354" s="191"/>
    </row>
    <row r="355" spans="1:256" s="570" customFormat="1" ht="70.2" customHeight="1" x14ac:dyDescent="0.2">
      <c r="A355" s="712"/>
      <c r="B355" s="713"/>
      <c r="C355" s="713"/>
      <c r="D355" s="713"/>
      <c r="E355" s="713"/>
      <c r="F355" s="713"/>
      <c r="G355" s="713"/>
      <c r="H355" s="713"/>
      <c r="I355" s="714"/>
      <c r="J355" s="680" t="s">
        <v>158</v>
      </c>
      <c r="K355" s="670"/>
      <c r="L355" s="961" t="s">
        <v>151</v>
      </c>
      <c r="M355" s="605"/>
      <c r="N355" s="677"/>
      <c r="O355" s="677"/>
      <c r="P355" s="677"/>
      <c r="Q355" s="678"/>
      <c r="R355" s="187"/>
      <c r="S355" s="188"/>
      <c r="T355" s="190"/>
      <c r="U355" s="190"/>
      <c r="V355" s="190"/>
      <c r="W355" s="190"/>
      <c r="X355" s="190"/>
      <c r="Y355" s="190"/>
      <c r="Z355" s="190"/>
      <c r="AA355" s="190"/>
      <c r="AB355" s="190"/>
      <c r="AC355" s="190"/>
      <c r="AD355" s="190"/>
      <c r="AE355" s="190"/>
      <c r="AF355" s="190"/>
      <c r="AG355" s="190"/>
      <c r="AH355" s="190"/>
      <c r="AI355" s="190"/>
      <c r="AJ355" s="190"/>
      <c r="AK355" s="190"/>
      <c r="AL355" s="190"/>
      <c r="AM355" s="190"/>
      <c r="AN355" s="190"/>
      <c r="AO355" s="190"/>
      <c r="AP355" s="190"/>
      <c r="AQ355" s="190"/>
      <c r="AR355" s="190"/>
      <c r="AS355" s="190"/>
      <c r="AT355" s="190"/>
      <c r="AU355" s="190"/>
      <c r="AV355" s="190"/>
      <c r="AW355" s="190"/>
      <c r="AX355" s="190"/>
      <c r="AY355" s="190"/>
      <c r="AZ355" s="190"/>
      <c r="BA355" s="190"/>
      <c r="BB355" s="190"/>
      <c r="BC355" s="191"/>
      <c r="BD355" s="191"/>
      <c r="BE355" s="191"/>
      <c r="BF355" s="191"/>
      <c r="BG355" s="191"/>
      <c r="BH355" s="191"/>
      <c r="BI355" s="191"/>
      <c r="BJ355" s="191"/>
      <c r="BK355" s="191"/>
      <c r="BL355" s="191"/>
      <c r="BM355" s="191"/>
      <c r="BN355" s="191"/>
      <c r="BO355" s="191"/>
      <c r="BP355" s="191"/>
      <c r="BQ355" s="191"/>
      <c r="BR355" s="191"/>
      <c r="BS355" s="191"/>
      <c r="BT355" s="191"/>
      <c r="BU355" s="191"/>
      <c r="BV355" s="191"/>
      <c r="BW355" s="191"/>
      <c r="BX355" s="191"/>
      <c r="BY355" s="191"/>
      <c r="BZ355" s="191"/>
      <c r="CA355" s="191"/>
      <c r="CB355" s="191"/>
      <c r="CC355" s="191"/>
      <c r="CD355" s="191"/>
      <c r="CE355" s="191"/>
      <c r="CF355" s="191"/>
      <c r="CG355" s="191"/>
      <c r="CH355" s="191"/>
      <c r="CI355" s="191"/>
      <c r="CJ355" s="191"/>
      <c r="CK355" s="191"/>
      <c r="CL355" s="191"/>
      <c r="CM355" s="191"/>
      <c r="CN355" s="191"/>
      <c r="CO355" s="191"/>
      <c r="CP355" s="191"/>
      <c r="CQ355" s="191"/>
      <c r="CR355" s="191"/>
      <c r="CS355" s="191"/>
      <c r="CT355" s="191"/>
      <c r="CU355" s="191"/>
      <c r="CV355" s="191"/>
      <c r="CW355" s="191"/>
      <c r="CX355" s="191"/>
      <c r="CY355" s="191"/>
      <c r="CZ355" s="191"/>
      <c r="DA355" s="191"/>
      <c r="DB355" s="191"/>
      <c r="DC355" s="191"/>
      <c r="DD355" s="191"/>
      <c r="DE355" s="191"/>
      <c r="DF355" s="191"/>
      <c r="DG355" s="191"/>
      <c r="DH355" s="191"/>
      <c r="DI355" s="191"/>
      <c r="DJ355" s="191"/>
      <c r="DK355" s="191"/>
      <c r="DL355" s="191"/>
      <c r="DM355" s="191"/>
      <c r="DN355" s="191"/>
      <c r="DO355" s="191"/>
      <c r="DP355" s="191"/>
      <c r="DQ355" s="191"/>
      <c r="DR355" s="191"/>
      <c r="DS355" s="191"/>
      <c r="DT355" s="191"/>
      <c r="DU355" s="191"/>
      <c r="DV355" s="191"/>
      <c r="DW355" s="191"/>
      <c r="DX355" s="191"/>
      <c r="DY355" s="191"/>
      <c r="DZ355" s="191"/>
      <c r="EA355" s="191"/>
      <c r="EB355" s="191"/>
      <c r="EC355" s="191"/>
      <c r="ED355" s="191"/>
      <c r="EE355" s="191"/>
      <c r="EF355" s="191"/>
      <c r="EG355" s="191"/>
      <c r="EH355" s="191"/>
      <c r="EI355" s="191"/>
      <c r="EJ355" s="191"/>
      <c r="EK355" s="191"/>
      <c r="EL355" s="191"/>
      <c r="EM355" s="191"/>
      <c r="EN355" s="191"/>
      <c r="EO355" s="191"/>
      <c r="EP355" s="191"/>
      <c r="EQ355" s="191"/>
      <c r="ER355" s="191"/>
      <c r="ES355" s="191"/>
      <c r="ET355" s="191"/>
      <c r="EU355" s="191"/>
      <c r="EV355" s="191"/>
      <c r="EW355" s="191"/>
      <c r="EX355" s="191"/>
      <c r="EY355" s="191"/>
      <c r="EZ355" s="191"/>
      <c r="FA355" s="191"/>
      <c r="FB355" s="191"/>
      <c r="FC355" s="191"/>
      <c r="FD355" s="191"/>
      <c r="FE355" s="191"/>
      <c r="FF355" s="191"/>
      <c r="FG355" s="191"/>
      <c r="FH355" s="191"/>
      <c r="FI355" s="191"/>
      <c r="FJ355" s="191"/>
      <c r="FK355" s="191"/>
      <c r="FL355" s="191"/>
      <c r="FM355" s="191"/>
      <c r="FN355" s="191"/>
      <c r="FO355" s="191"/>
      <c r="FP355" s="191"/>
      <c r="FQ355" s="191"/>
      <c r="FR355" s="191"/>
      <c r="FS355" s="191"/>
      <c r="FT355" s="191"/>
      <c r="FU355" s="191"/>
      <c r="FV355" s="191"/>
      <c r="FW355" s="191"/>
      <c r="FX355" s="191"/>
      <c r="FY355" s="191"/>
      <c r="FZ355" s="191"/>
      <c r="GA355" s="191"/>
      <c r="GB355" s="191"/>
      <c r="GC355" s="191"/>
      <c r="GD355" s="191"/>
      <c r="GE355" s="191"/>
      <c r="GF355" s="191"/>
      <c r="GG355" s="191"/>
      <c r="GH355" s="191"/>
      <c r="GI355" s="191"/>
      <c r="GJ355" s="191"/>
      <c r="GK355" s="191"/>
      <c r="GL355" s="191"/>
      <c r="GM355" s="191"/>
      <c r="GN355" s="191"/>
      <c r="GO355" s="191"/>
      <c r="GP355" s="191"/>
      <c r="GQ355" s="191"/>
      <c r="GR355" s="191"/>
      <c r="GS355" s="191"/>
      <c r="GT355" s="191"/>
      <c r="GU355" s="191"/>
      <c r="GV355" s="191"/>
      <c r="GW355" s="191"/>
      <c r="GX355" s="191"/>
      <c r="GY355" s="191"/>
      <c r="GZ355" s="191"/>
      <c r="HA355" s="191"/>
      <c r="HB355" s="191"/>
      <c r="HC355" s="191"/>
      <c r="HD355" s="191"/>
      <c r="HE355" s="191"/>
      <c r="HF355" s="191"/>
      <c r="HG355" s="191"/>
      <c r="HH355" s="191"/>
      <c r="HI355" s="191"/>
      <c r="HJ355" s="191"/>
      <c r="HK355" s="191"/>
      <c r="HL355" s="191"/>
      <c r="HM355" s="191"/>
      <c r="HN355" s="191"/>
      <c r="HO355" s="191"/>
      <c r="HP355" s="191"/>
      <c r="HQ355" s="191"/>
      <c r="HR355" s="191"/>
      <c r="HS355" s="191"/>
      <c r="HT355" s="191"/>
      <c r="HU355" s="191"/>
      <c r="HV355" s="191"/>
      <c r="HW355" s="191"/>
      <c r="HX355" s="191"/>
      <c r="HY355" s="191"/>
      <c r="HZ355" s="191"/>
      <c r="IA355" s="191"/>
      <c r="IB355" s="191"/>
      <c r="IC355" s="191"/>
      <c r="ID355" s="191"/>
      <c r="IE355" s="191"/>
      <c r="IF355" s="191"/>
      <c r="IG355" s="191"/>
      <c r="IH355" s="191"/>
      <c r="II355" s="191"/>
      <c r="IJ355" s="191"/>
      <c r="IK355" s="191"/>
      <c r="IL355" s="191"/>
      <c r="IM355" s="191"/>
      <c r="IN355" s="191"/>
      <c r="IO355" s="191"/>
      <c r="IP355" s="191"/>
      <c r="IQ355" s="191"/>
      <c r="IR355" s="191"/>
      <c r="IS355" s="191"/>
      <c r="IT355" s="191"/>
      <c r="IU355" s="191"/>
      <c r="IV355" s="191"/>
    </row>
    <row r="356" spans="1:256" s="546" customFormat="1" ht="69.900000000000006" customHeight="1" x14ac:dyDescent="0.2">
      <c r="A356" s="925" t="s">
        <v>357</v>
      </c>
      <c r="B356" s="926"/>
      <c r="C356" s="926"/>
      <c r="D356" s="926"/>
      <c r="E356" s="926"/>
      <c r="F356" s="926"/>
      <c r="G356" s="926"/>
      <c r="H356" s="926"/>
      <c r="I356" s="926"/>
      <c r="J356" s="926"/>
      <c r="K356" s="926"/>
      <c r="L356" s="926"/>
      <c r="M356" s="926"/>
      <c r="N356" s="926"/>
      <c r="O356" s="926"/>
      <c r="P356" s="926"/>
      <c r="Q356" s="927"/>
      <c r="R356" s="561"/>
      <c r="S356" s="199"/>
    </row>
    <row r="357" spans="1:256" s="570" customFormat="1" ht="69" customHeight="1" x14ac:dyDescent="0.2">
      <c r="A357" s="962" t="s">
        <v>358</v>
      </c>
      <c r="B357" s="963"/>
      <c r="C357" s="963"/>
      <c r="D357" s="963"/>
      <c r="E357" s="963"/>
      <c r="F357" s="963"/>
      <c r="G357" s="963"/>
      <c r="H357" s="963"/>
      <c r="I357" s="963"/>
      <c r="J357" s="963"/>
      <c r="K357" s="963"/>
      <c r="L357" s="963"/>
      <c r="M357" s="963"/>
      <c r="N357" s="963"/>
      <c r="O357" s="963"/>
      <c r="P357" s="963"/>
      <c r="Q357" s="964"/>
      <c r="R357" s="561"/>
      <c r="S357" s="595"/>
      <c r="T357" s="600"/>
      <c r="U357" s="600"/>
      <c r="V357" s="600"/>
      <c r="W357" s="600"/>
      <c r="X357" s="600"/>
      <c r="Y357" s="600"/>
      <c r="Z357" s="600"/>
      <c r="AA357" s="600"/>
      <c r="AB357" s="600"/>
      <c r="AC357" s="600"/>
      <c r="AD357" s="600"/>
      <c r="AE357" s="600"/>
      <c r="AF357" s="600"/>
      <c r="AG357" s="600"/>
      <c r="AH357" s="600"/>
      <c r="AI357" s="600"/>
      <c r="AJ357" s="600"/>
      <c r="AK357" s="600"/>
      <c r="AL357" s="600"/>
      <c r="AM357" s="600"/>
      <c r="AN357" s="600"/>
      <c r="AO357" s="600"/>
      <c r="AP357" s="600"/>
      <c r="AQ357" s="600"/>
      <c r="AR357" s="600"/>
      <c r="AS357" s="600"/>
      <c r="AT357" s="600"/>
      <c r="AU357" s="600"/>
      <c r="AV357" s="600"/>
      <c r="AW357" s="600"/>
      <c r="AX357" s="600"/>
      <c r="AY357" s="600"/>
      <c r="AZ357" s="600"/>
      <c r="BA357" s="600"/>
      <c r="BB357" s="600"/>
    </row>
    <row r="358" spans="1:256" s="546" customFormat="1" ht="69.900000000000006" customHeight="1" x14ac:dyDescent="0.2">
      <c r="A358" s="70" t="s">
        <v>28</v>
      </c>
      <c r="B358" s="72"/>
      <c r="C358" s="72"/>
      <c r="D358" s="72"/>
      <c r="E358" s="72"/>
      <c r="F358" s="72"/>
      <c r="G358" s="72"/>
      <c r="H358" s="72"/>
      <c r="I358" s="72"/>
      <c r="J358" s="72"/>
      <c r="K358" s="72"/>
      <c r="L358" s="72"/>
      <c r="M358" s="72"/>
      <c r="N358" s="72"/>
      <c r="O358" s="72"/>
      <c r="P358" s="72"/>
      <c r="Q358" s="202"/>
      <c r="R358" s="561"/>
      <c r="S358" s="199"/>
    </row>
    <row r="359" spans="1:256" s="570" customFormat="1" ht="75" customHeight="1" x14ac:dyDescent="0.2">
      <c r="A359" s="575"/>
      <c r="B359" s="576"/>
      <c r="C359" s="576"/>
      <c r="D359" s="576"/>
      <c r="E359" s="576"/>
      <c r="F359" s="576"/>
      <c r="G359" s="576"/>
      <c r="H359" s="576"/>
      <c r="I359" s="576"/>
      <c r="J359" s="576"/>
      <c r="K359" s="576"/>
      <c r="L359" s="577"/>
      <c r="M359" s="576"/>
      <c r="N359" s="576"/>
      <c r="O359" s="576"/>
      <c r="P359" s="576"/>
      <c r="Q359" s="578"/>
      <c r="R359" s="561"/>
      <c r="S359" s="579"/>
    </row>
    <row r="360" spans="1:256" s="570" customFormat="1" ht="75" customHeight="1" thickBot="1" x14ac:dyDescent="0.25">
      <c r="A360" s="580"/>
      <c r="B360" s="581"/>
      <c r="C360" s="581"/>
      <c r="D360" s="581"/>
      <c r="E360" s="581"/>
      <c r="F360" s="581"/>
      <c r="G360" s="581"/>
      <c r="H360" s="581"/>
      <c r="I360" s="581"/>
      <c r="J360" s="581"/>
      <c r="K360" s="581"/>
      <c r="L360" s="582"/>
      <c r="M360" s="581"/>
      <c r="N360" s="581"/>
      <c r="O360" s="581"/>
      <c r="P360" s="581"/>
      <c r="Q360" s="583"/>
      <c r="R360" s="561"/>
      <c r="S360" s="579"/>
    </row>
    <row r="361" spans="1:256" s="546" customFormat="1" ht="69.900000000000006" customHeight="1" thickBot="1" x14ac:dyDescent="0.25">
      <c r="A361" s="724" t="s">
        <v>359</v>
      </c>
      <c r="B361" s="726"/>
      <c r="C361" s="726"/>
      <c r="D361" s="726"/>
      <c r="E361" s="726"/>
      <c r="F361" s="726"/>
      <c r="G361" s="726"/>
      <c r="H361" s="726"/>
      <c r="I361" s="726"/>
      <c r="J361" s="726"/>
      <c r="K361" s="726"/>
      <c r="L361" s="726"/>
      <c r="M361" s="726"/>
      <c r="N361" s="726"/>
      <c r="O361" s="726"/>
      <c r="P361" s="726"/>
      <c r="Q361" s="819"/>
      <c r="S361" s="596"/>
      <c r="T361" s="596"/>
      <c r="U361" s="596"/>
      <c r="V361" s="596"/>
      <c r="W361" s="596"/>
      <c r="X361" s="596"/>
      <c r="Y361" s="596"/>
      <c r="Z361" s="596"/>
      <c r="AA361" s="596"/>
      <c r="AB361" s="596"/>
      <c r="AC361" s="596"/>
      <c r="AD361" s="596"/>
      <c r="AE361" s="596"/>
      <c r="AF361" s="596"/>
      <c r="AG361" s="596"/>
      <c r="AH361" s="596"/>
      <c r="AI361" s="596"/>
      <c r="AJ361" s="596"/>
      <c r="AK361" s="596"/>
      <c r="AL361" s="596"/>
      <c r="AM361" s="596"/>
      <c r="AN361" s="596"/>
      <c r="AO361" s="596"/>
      <c r="AP361" s="596"/>
      <c r="AQ361" s="596"/>
      <c r="AR361" s="596"/>
      <c r="AS361" s="596"/>
      <c r="AT361" s="596"/>
      <c r="AU361" s="596"/>
      <c r="AV361" s="596"/>
      <c r="AW361" s="596"/>
      <c r="AX361" s="596"/>
      <c r="AY361" s="596"/>
      <c r="AZ361" s="596"/>
      <c r="BA361" s="596"/>
      <c r="BB361" s="596"/>
    </row>
    <row r="362" spans="1:256" s="570" customFormat="1" ht="140.1" customHeight="1" thickTop="1" thickBot="1" x14ac:dyDescent="0.25">
      <c r="A362" s="669" t="s">
        <v>360</v>
      </c>
      <c r="B362" s="196"/>
      <c r="C362" s="196"/>
      <c r="D362" s="196"/>
      <c r="E362" s="196"/>
      <c r="F362" s="196"/>
      <c r="G362" s="196"/>
      <c r="H362" s="196"/>
      <c r="I362" s="196"/>
      <c r="J362" s="196"/>
      <c r="K362" s="196"/>
      <c r="L362" s="196"/>
      <c r="M362" s="196"/>
      <c r="N362" s="670"/>
      <c r="O362" s="876" t="s">
        <v>20</v>
      </c>
      <c r="P362" s="876" t="s">
        <v>21</v>
      </c>
      <c r="Q362" s="877" t="s">
        <v>22</v>
      </c>
      <c r="R362" s="561"/>
      <c r="S362" s="569"/>
      <c r="T362" s="600"/>
      <c r="U362" s="600"/>
      <c r="V362" s="600"/>
      <c r="W362" s="600"/>
      <c r="X362" s="600"/>
      <c r="Y362" s="600"/>
      <c r="Z362" s="600"/>
      <c r="AA362" s="600"/>
      <c r="AB362" s="600"/>
      <c r="AC362" s="600"/>
      <c r="AD362" s="600"/>
      <c r="AE362" s="600"/>
      <c r="AF362" s="600"/>
      <c r="AG362" s="600"/>
      <c r="AH362" s="600"/>
      <c r="AI362" s="600"/>
      <c r="AJ362" s="600"/>
      <c r="AK362" s="600"/>
      <c r="AL362" s="600"/>
      <c r="AM362" s="600"/>
      <c r="AN362" s="600"/>
      <c r="AO362" s="600"/>
      <c r="AP362" s="600"/>
      <c r="AQ362" s="600"/>
      <c r="AR362" s="600"/>
      <c r="AS362" s="600"/>
      <c r="AT362" s="600"/>
      <c r="AU362" s="600"/>
      <c r="AV362" s="600"/>
      <c r="AW362" s="600"/>
      <c r="AX362" s="600"/>
      <c r="AY362" s="600"/>
      <c r="AZ362" s="600"/>
      <c r="BA362" s="600"/>
      <c r="BB362" s="600"/>
    </row>
    <row r="363" spans="1:256" s="18" customFormat="1" ht="132" customHeight="1" thickTop="1" thickBot="1" x14ac:dyDescent="0.25">
      <c r="A363" s="421" t="s">
        <v>163</v>
      </c>
      <c r="B363" s="422"/>
      <c r="C363" s="422"/>
      <c r="D363" s="422"/>
      <c r="E363" s="422"/>
      <c r="F363" s="422"/>
      <c r="G363" s="422"/>
      <c r="H363" s="422"/>
      <c r="I363" s="422"/>
      <c r="J363" s="422"/>
      <c r="K363" s="422"/>
      <c r="L363" s="422"/>
      <c r="M363" s="422"/>
      <c r="N363" s="423"/>
      <c r="O363" s="952" t="s">
        <v>20</v>
      </c>
      <c r="P363" s="952" t="s">
        <v>21</v>
      </c>
      <c r="Q363" s="953" t="s">
        <v>22</v>
      </c>
      <c r="R363" s="462"/>
      <c r="S363" s="954"/>
      <c r="T363" s="98"/>
      <c r="U363" s="98"/>
      <c r="V363" s="98"/>
      <c r="W363" s="98"/>
      <c r="X363" s="98"/>
      <c r="Y363" s="98"/>
      <c r="Z363" s="98"/>
      <c r="AA363" s="98"/>
      <c r="AB363" s="98"/>
      <c r="AC363" s="98"/>
      <c r="AD363" s="98"/>
      <c r="AE363" s="98"/>
      <c r="AF363" s="98"/>
      <c r="AG363" s="98"/>
      <c r="AH363" s="98"/>
      <c r="AI363" s="98"/>
      <c r="AJ363" s="98"/>
      <c r="AK363" s="98"/>
      <c r="AL363" s="98"/>
      <c r="AM363" s="98"/>
      <c r="AN363" s="98"/>
      <c r="AO363" s="98"/>
      <c r="AP363" s="98"/>
      <c r="AQ363" s="98"/>
      <c r="AR363" s="98"/>
      <c r="AS363" s="98"/>
      <c r="AT363" s="98"/>
      <c r="AU363" s="98"/>
      <c r="AV363" s="98"/>
      <c r="AW363" s="98"/>
      <c r="AX363" s="98"/>
      <c r="AY363" s="98"/>
      <c r="AZ363" s="98"/>
      <c r="BA363" s="98"/>
      <c r="BB363" s="98"/>
      <c r="BC363" s="98"/>
    </row>
    <row r="364" spans="1:256" s="18" customFormat="1" ht="69.599999999999994" customHeight="1" thickTop="1" x14ac:dyDescent="0.2">
      <c r="A364" s="387" t="s">
        <v>141</v>
      </c>
      <c r="B364" s="388"/>
      <c r="C364" s="388"/>
      <c r="D364" s="388"/>
      <c r="E364" s="388"/>
      <c r="F364" s="388"/>
      <c r="G364" s="388"/>
      <c r="H364" s="388"/>
      <c r="I364" s="388"/>
      <c r="J364" s="388"/>
      <c r="K364" s="388"/>
      <c r="L364" s="388"/>
      <c r="M364" s="388"/>
      <c r="N364" s="388"/>
      <c r="O364" s="388"/>
      <c r="P364" s="388"/>
      <c r="Q364" s="389"/>
      <c r="R364" s="965"/>
      <c r="S364" s="966"/>
    </row>
    <row r="365" spans="1:256" s="18" customFormat="1" ht="69.599999999999994" customHeight="1" x14ac:dyDescent="0.2">
      <c r="A365" s="967" t="s">
        <v>164</v>
      </c>
      <c r="B365" s="968"/>
      <c r="C365" s="968"/>
      <c r="D365" s="968"/>
      <c r="E365" s="968"/>
      <c r="F365" s="968"/>
      <c r="G365" s="968"/>
      <c r="H365" s="968"/>
      <c r="I365" s="968"/>
      <c r="J365" s="968"/>
      <c r="K365" s="968"/>
      <c r="L365" s="968"/>
      <c r="M365" s="968"/>
      <c r="N365" s="968"/>
      <c r="O365" s="968"/>
      <c r="P365" s="968"/>
      <c r="Q365" s="969"/>
      <c r="R365" s="965"/>
      <c r="S365" s="966"/>
    </row>
    <row r="366" spans="1:256" s="18" customFormat="1" ht="69.900000000000006" customHeight="1" x14ac:dyDescent="0.2">
      <c r="A366" s="219" t="s">
        <v>165</v>
      </c>
      <c r="B366" s="220"/>
      <c r="C366" s="220"/>
      <c r="D366" s="220"/>
      <c r="E366" s="220"/>
      <c r="F366" s="220"/>
      <c r="G366" s="220"/>
      <c r="H366" s="220"/>
      <c r="I366" s="220"/>
      <c r="J366" s="221"/>
      <c r="K366" s="970"/>
      <c r="L366" s="970"/>
      <c r="M366" s="970"/>
      <c r="N366" s="970"/>
      <c r="O366" s="970"/>
      <c r="P366" s="970"/>
      <c r="Q366" s="971"/>
      <c r="R366" s="972"/>
      <c r="S366" s="966"/>
      <c r="T366" s="98"/>
      <c r="U366" s="98"/>
      <c r="V366" s="98"/>
      <c r="W366" s="98"/>
      <c r="X366" s="98"/>
      <c r="Y366" s="98"/>
      <c r="Z366" s="98"/>
      <c r="AA366" s="98"/>
      <c r="AB366" s="98"/>
      <c r="AC366" s="98"/>
      <c r="AD366" s="98"/>
      <c r="AE366" s="98"/>
      <c r="AF366" s="98"/>
      <c r="AG366" s="98"/>
      <c r="AH366" s="98"/>
      <c r="AI366" s="98"/>
      <c r="AJ366" s="98"/>
      <c r="AK366" s="98"/>
      <c r="AL366" s="98"/>
      <c r="AM366" s="98"/>
      <c r="AN366" s="98"/>
      <c r="AO366" s="98"/>
      <c r="AP366" s="98"/>
      <c r="AQ366" s="98"/>
      <c r="AR366" s="98"/>
      <c r="AS366" s="98"/>
      <c r="AT366" s="98"/>
      <c r="AU366" s="98"/>
      <c r="AV366" s="98"/>
      <c r="AW366" s="98"/>
      <c r="AX366" s="98"/>
      <c r="AY366" s="98"/>
      <c r="AZ366" s="98"/>
      <c r="BA366" s="98"/>
      <c r="BB366" s="98"/>
      <c r="BC366" s="98"/>
    </row>
    <row r="367" spans="1:256" s="201" customFormat="1" ht="69.900000000000006" customHeight="1" x14ac:dyDescent="0.2">
      <c r="A367" s="227" t="s">
        <v>166</v>
      </c>
      <c r="B367" s="228"/>
      <c r="C367" s="228"/>
      <c r="D367" s="228"/>
      <c r="E367" s="228"/>
      <c r="F367" s="228"/>
      <c r="G367" s="228"/>
      <c r="H367" s="228"/>
      <c r="I367" s="228"/>
      <c r="J367" s="229"/>
      <c r="K367" s="973" t="s">
        <v>167</v>
      </c>
      <c r="L367" s="974"/>
      <c r="M367" s="975" t="s">
        <v>168</v>
      </c>
      <c r="N367" s="615"/>
      <c r="O367" s="615"/>
      <c r="P367" s="615"/>
      <c r="Q367" s="976"/>
      <c r="R367" s="977"/>
      <c r="S367" s="978"/>
      <c r="T367" s="818"/>
      <c r="U367" s="818"/>
      <c r="V367" s="818"/>
      <c r="W367" s="818"/>
      <c r="X367" s="818"/>
      <c r="Y367" s="818"/>
      <c r="Z367" s="818"/>
      <c r="AA367" s="818"/>
      <c r="AB367" s="818"/>
      <c r="AC367" s="818"/>
      <c r="AD367" s="818"/>
      <c r="AE367" s="818"/>
      <c r="AF367" s="818"/>
      <c r="AG367" s="818"/>
      <c r="AH367" s="818"/>
      <c r="AI367" s="818"/>
      <c r="AJ367" s="818"/>
      <c r="AK367" s="818"/>
      <c r="AL367" s="818"/>
      <c r="AM367" s="818"/>
      <c r="AN367" s="818"/>
      <c r="AO367" s="818"/>
      <c r="AP367" s="818"/>
      <c r="AQ367" s="818"/>
      <c r="AR367" s="818"/>
      <c r="AS367" s="818"/>
      <c r="AT367" s="818"/>
      <c r="AU367" s="818"/>
      <c r="AV367" s="818"/>
      <c r="AW367" s="818"/>
      <c r="AX367" s="818"/>
      <c r="AY367" s="818"/>
      <c r="AZ367" s="818"/>
      <c r="BA367" s="818"/>
      <c r="BB367" s="818"/>
      <c r="BC367" s="818"/>
    </row>
    <row r="368" spans="1:256" s="201" customFormat="1" ht="69.900000000000006" customHeight="1" x14ac:dyDescent="0.2">
      <c r="A368" s="236"/>
      <c r="B368" s="237"/>
      <c r="C368" s="237"/>
      <c r="D368" s="237"/>
      <c r="E368" s="237"/>
      <c r="F368" s="237"/>
      <c r="G368" s="237"/>
      <c r="H368" s="237"/>
      <c r="I368" s="237"/>
      <c r="J368" s="238"/>
      <c r="K368" s="979"/>
      <c r="L368" s="980"/>
      <c r="M368" s="981" t="s">
        <v>169</v>
      </c>
      <c r="N368" s="982"/>
      <c r="O368" s="982"/>
      <c r="P368" s="982"/>
      <c r="Q368" s="983"/>
      <c r="R368" s="977"/>
      <c r="S368" s="978"/>
      <c r="T368" s="818"/>
      <c r="U368" s="818"/>
      <c r="V368" s="818"/>
      <c r="W368" s="818"/>
      <c r="X368" s="818"/>
      <c r="Y368" s="818"/>
      <c r="Z368" s="818"/>
      <c r="AA368" s="818"/>
      <c r="AB368" s="818"/>
      <c r="AC368" s="818"/>
      <c r="AD368" s="818"/>
      <c r="AE368" s="818"/>
      <c r="AF368" s="818"/>
      <c r="AG368" s="818"/>
      <c r="AH368" s="818"/>
      <c r="AI368" s="818"/>
      <c r="AJ368" s="818"/>
      <c r="AK368" s="818"/>
      <c r="AL368" s="818"/>
      <c r="AM368" s="818"/>
      <c r="AN368" s="818"/>
      <c r="AO368" s="818"/>
      <c r="AP368" s="818"/>
      <c r="AQ368" s="818"/>
      <c r="AR368" s="818"/>
      <c r="AS368" s="818"/>
      <c r="AT368" s="818"/>
      <c r="AU368" s="818"/>
      <c r="AV368" s="818"/>
      <c r="AW368" s="818"/>
      <c r="AX368" s="818"/>
      <c r="AY368" s="818"/>
      <c r="AZ368" s="818"/>
      <c r="BA368" s="818"/>
      <c r="BB368" s="818"/>
      <c r="BC368" s="818"/>
    </row>
    <row r="369" spans="1:256" s="201" customFormat="1" ht="69.900000000000006" customHeight="1" x14ac:dyDescent="0.2">
      <c r="A369" s="227" t="s">
        <v>170</v>
      </c>
      <c r="B369" s="228"/>
      <c r="C369" s="228"/>
      <c r="D369" s="228"/>
      <c r="E369" s="228"/>
      <c r="F369" s="228"/>
      <c r="G369" s="228"/>
      <c r="H369" s="228"/>
      <c r="I369" s="228"/>
      <c r="J369" s="229"/>
      <c r="K369" s="973" t="s">
        <v>167</v>
      </c>
      <c r="L369" s="974"/>
      <c r="M369" s="975" t="s">
        <v>168</v>
      </c>
      <c r="N369" s="615"/>
      <c r="O369" s="615"/>
      <c r="P369" s="615"/>
      <c r="Q369" s="976"/>
      <c r="R369" s="977"/>
      <c r="S369" s="978"/>
      <c r="T369" s="818"/>
      <c r="U369" s="818"/>
      <c r="V369" s="818"/>
      <c r="W369" s="818"/>
      <c r="X369" s="818"/>
      <c r="Y369" s="818"/>
      <c r="Z369" s="818"/>
      <c r="AA369" s="818"/>
      <c r="AB369" s="818"/>
      <c r="AC369" s="818"/>
      <c r="AD369" s="818"/>
      <c r="AE369" s="818"/>
      <c r="AF369" s="818"/>
      <c r="AG369" s="818"/>
      <c r="AH369" s="818"/>
      <c r="AI369" s="818"/>
      <c r="AJ369" s="818"/>
      <c r="AK369" s="818"/>
      <c r="AL369" s="818"/>
      <c r="AM369" s="818"/>
      <c r="AN369" s="818"/>
      <c r="AO369" s="818"/>
      <c r="AP369" s="818"/>
      <c r="AQ369" s="818"/>
      <c r="AR369" s="818"/>
      <c r="AS369" s="818"/>
      <c r="AT369" s="818"/>
      <c r="AU369" s="818"/>
      <c r="AV369" s="818"/>
      <c r="AW369" s="818"/>
      <c r="AX369" s="818"/>
      <c r="AY369" s="818"/>
      <c r="AZ369" s="818"/>
      <c r="BA369" s="818"/>
      <c r="BB369" s="818"/>
      <c r="BC369" s="818"/>
    </row>
    <row r="370" spans="1:256" s="201" customFormat="1" ht="69.900000000000006" customHeight="1" x14ac:dyDescent="0.2">
      <c r="A370" s="236"/>
      <c r="B370" s="237"/>
      <c r="C370" s="237"/>
      <c r="D370" s="237"/>
      <c r="E370" s="237"/>
      <c r="F370" s="237"/>
      <c r="G370" s="237"/>
      <c r="H370" s="237"/>
      <c r="I370" s="237"/>
      <c r="J370" s="238"/>
      <c r="K370" s="979"/>
      <c r="L370" s="980"/>
      <c r="M370" s="981" t="s">
        <v>169</v>
      </c>
      <c r="N370" s="982"/>
      <c r="O370" s="982"/>
      <c r="P370" s="982"/>
      <c r="Q370" s="983"/>
      <c r="R370" s="977"/>
      <c r="S370" s="978"/>
      <c r="T370" s="818"/>
      <c r="U370" s="818"/>
      <c r="V370" s="818"/>
      <c r="W370" s="818"/>
      <c r="X370" s="818"/>
      <c r="Y370" s="818"/>
      <c r="Z370" s="818"/>
      <c r="AA370" s="818"/>
      <c r="AB370" s="818"/>
      <c r="AC370" s="818"/>
      <c r="AD370" s="818"/>
      <c r="AE370" s="818"/>
      <c r="AF370" s="818"/>
      <c r="AG370" s="818"/>
      <c r="AH370" s="818"/>
      <c r="AI370" s="818"/>
      <c r="AJ370" s="818"/>
      <c r="AK370" s="818"/>
      <c r="AL370" s="818"/>
      <c r="AM370" s="818"/>
      <c r="AN370" s="818"/>
      <c r="AO370" s="818"/>
      <c r="AP370" s="818"/>
      <c r="AQ370" s="818"/>
      <c r="AR370" s="818"/>
      <c r="AS370" s="818"/>
      <c r="AT370" s="818"/>
      <c r="AU370" s="818"/>
      <c r="AV370" s="818"/>
      <c r="AW370" s="818"/>
      <c r="AX370" s="818"/>
      <c r="AY370" s="818"/>
      <c r="AZ370" s="818"/>
      <c r="BA370" s="818"/>
      <c r="BB370" s="818"/>
      <c r="BC370" s="818"/>
    </row>
    <row r="371" spans="1:256" s="18" customFormat="1" ht="120" customHeight="1" x14ac:dyDescent="0.2">
      <c r="A371" s="399" t="s">
        <v>171</v>
      </c>
      <c r="B371" s="400"/>
      <c r="C371" s="400"/>
      <c r="D371" s="400"/>
      <c r="E371" s="400"/>
      <c r="F371" s="400"/>
      <c r="G371" s="400"/>
      <c r="H371" s="400"/>
      <c r="I371" s="400"/>
      <c r="J371" s="401"/>
      <c r="K371" s="984"/>
      <c r="L371" s="985"/>
      <c r="M371" s="985"/>
      <c r="N371" s="985"/>
      <c r="O371" s="985"/>
      <c r="P371" s="985"/>
      <c r="Q371" s="986"/>
      <c r="R371" s="972"/>
      <c r="S371" s="966"/>
      <c r="T371" s="98"/>
      <c r="U371" s="98"/>
      <c r="V371" s="98"/>
      <c r="W371" s="98"/>
      <c r="X371" s="98"/>
      <c r="Y371" s="98"/>
      <c r="Z371" s="98"/>
      <c r="AA371" s="98"/>
      <c r="AB371" s="98"/>
      <c r="AC371" s="98"/>
      <c r="AD371" s="98"/>
      <c r="AE371" s="98"/>
      <c r="AF371" s="98"/>
      <c r="AG371" s="98"/>
      <c r="AH371" s="98"/>
      <c r="AI371" s="98"/>
      <c r="AJ371" s="98"/>
      <c r="AK371" s="98"/>
      <c r="AL371" s="98"/>
      <c r="AM371" s="98"/>
      <c r="AN371" s="98"/>
      <c r="AO371" s="98"/>
      <c r="AP371" s="98"/>
      <c r="AQ371" s="98"/>
      <c r="AR371" s="98"/>
      <c r="AS371" s="98"/>
      <c r="AT371" s="98"/>
      <c r="AU371" s="98"/>
      <c r="AV371" s="98"/>
      <c r="AW371" s="98"/>
      <c r="AX371" s="98"/>
      <c r="AY371" s="98"/>
      <c r="AZ371" s="98"/>
      <c r="BA371" s="98"/>
      <c r="BB371" s="98"/>
      <c r="BC371" s="98"/>
    </row>
    <row r="372" spans="1:256" s="18" customFormat="1" ht="69.599999999999994" customHeight="1" x14ac:dyDescent="0.2">
      <c r="A372" s="390" t="s">
        <v>172</v>
      </c>
      <c r="B372" s="391"/>
      <c r="C372" s="391"/>
      <c r="D372" s="391"/>
      <c r="E372" s="391"/>
      <c r="F372" s="391"/>
      <c r="G372" s="391"/>
      <c r="H372" s="391"/>
      <c r="I372" s="391"/>
      <c r="J372" s="391"/>
      <c r="K372" s="391"/>
      <c r="L372" s="391"/>
      <c r="M372" s="391"/>
      <c r="N372" s="391"/>
      <c r="O372" s="391"/>
      <c r="P372" s="391"/>
      <c r="Q372" s="392"/>
      <c r="R372" s="965"/>
      <c r="S372" s="966"/>
    </row>
    <row r="373" spans="1:256" s="18" customFormat="1" ht="69.599999999999994" customHeight="1" x14ac:dyDescent="0.2">
      <c r="A373" s="987" t="s">
        <v>361</v>
      </c>
      <c r="B373" s="455"/>
      <c r="C373" s="455"/>
      <c r="D373" s="455"/>
      <c r="E373" s="455"/>
      <c r="F373" s="455"/>
      <c r="G373" s="455"/>
      <c r="H373" s="455"/>
      <c r="I373" s="455"/>
      <c r="J373" s="455"/>
      <c r="K373" s="455"/>
      <c r="L373" s="455"/>
      <c r="M373" s="455"/>
      <c r="N373" s="455"/>
      <c r="O373" s="455"/>
      <c r="P373" s="455"/>
      <c r="Q373" s="456"/>
      <c r="R373" s="965"/>
      <c r="S373" s="966"/>
    </row>
    <row r="374" spans="1:256" s="18" customFormat="1" ht="69.599999999999994" customHeight="1" x14ac:dyDescent="0.2">
      <c r="A374" s="390" t="s">
        <v>174</v>
      </c>
      <c r="B374" s="391"/>
      <c r="C374" s="391"/>
      <c r="D374" s="391"/>
      <c r="E374" s="391"/>
      <c r="F374" s="391"/>
      <c r="G374" s="391"/>
      <c r="H374" s="391"/>
      <c r="I374" s="391"/>
      <c r="J374" s="391"/>
      <c r="K374" s="391"/>
      <c r="L374" s="391"/>
      <c r="M374" s="391"/>
      <c r="N374" s="391"/>
      <c r="O374" s="391"/>
      <c r="P374" s="391"/>
      <c r="Q374" s="392"/>
      <c r="R374" s="965"/>
      <c r="S374" s="966"/>
    </row>
    <row r="375" spans="1:256" s="18" customFormat="1" ht="69.900000000000006" customHeight="1" x14ac:dyDescent="0.2">
      <c r="A375" s="987" t="s">
        <v>362</v>
      </c>
      <c r="B375" s="455"/>
      <c r="C375" s="455"/>
      <c r="D375" s="455"/>
      <c r="E375" s="455"/>
      <c r="F375" s="455"/>
      <c r="G375" s="455"/>
      <c r="H375" s="455"/>
      <c r="I375" s="455"/>
      <c r="J375" s="455"/>
      <c r="K375" s="455"/>
      <c r="L375" s="455"/>
      <c r="M375" s="455"/>
      <c r="N375" s="455"/>
      <c r="O375" s="455"/>
      <c r="P375" s="455"/>
      <c r="Q375" s="456"/>
      <c r="R375" s="972"/>
      <c r="S375" s="966"/>
      <c r="T375" s="98"/>
      <c r="U375" s="98"/>
      <c r="V375" s="98"/>
      <c r="W375" s="98"/>
      <c r="X375" s="98"/>
      <c r="Y375" s="98"/>
      <c r="Z375" s="98"/>
      <c r="AA375" s="98"/>
      <c r="AB375" s="98"/>
      <c r="AC375" s="98"/>
      <c r="AD375" s="98"/>
      <c r="AE375" s="98"/>
      <c r="AF375" s="98"/>
      <c r="AG375" s="98"/>
      <c r="AH375" s="98"/>
      <c r="AI375" s="98"/>
      <c r="AJ375" s="98"/>
      <c r="AK375" s="98"/>
      <c r="AL375" s="98"/>
      <c r="AM375" s="98"/>
      <c r="AN375" s="98"/>
      <c r="AO375" s="98"/>
      <c r="AP375" s="98"/>
      <c r="AQ375" s="98"/>
      <c r="AR375" s="98"/>
      <c r="AS375" s="98"/>
      <c r="AT375" s="98"/>
      <c r="AU375" s="98"/>
      <c r="AV375" s="98"/>
      <c r="AW375" s="98"/>
      <c r="AX375" s="98"/>
      <c r="AY375" s="98"/>
      <c r="AZ375" s="98"/>
      <c r="BA375" s="98"/>
      <c r="BB375" s="98"/>
      <c r="BC375" s="98"/>
    </row>
    <row r="376" spans="1:256" s="18" customFormat="1" ht="69.900000000000006" customHeight="1" x14ac:dyDescent="0.2">
      <c r="A376" s="70" t="s">
        <v>28</v>
      </c>
      <c r="B376" s="72"/>
      <c r="C376" s="72"/>
      <c r="D376" s="72"/>
      <c r="E376" s="72"/>
      <c r="F376" s="72"/>
      <c r="G376" s="72"/>
      <c r="H376" s="72"/>
      <c r="I376" s="72"/>
      <c r="J376" s="72"/>
      <c r="K376" s="72"/>
      <c r="L376" s="72"/>
      <c r="M376" s="72"/>
      <c r="N376" s="72"/>
      <c r="O376" s="72"/>
      <c r="P376" s="72"/>
      <c r="Q376" s="202"/>
      <c r="R376" s="965"/>
      <c r="S376" s="966"/>
    </row>
    <row r="377" spans="1:256" s="18" customFormat="1" ht="75" customHeight="1" x14ac:dyDescent="0.2">
      <c r="A377" s="988"/>
      <c r="B377" s="989"/>
      <c r="C377" s="989"/>
      <c r="D377" s="989"/>
      <c r="E377" s="989"/>
      <c r="F377" s="989"/>
      <c r="G377" s="989"/>
      <c r="H377" s="989"/>
      <c r="I377" s="989"/>
      <c r="J377" s="989"/>
      <c r="K377" s="989"/>
      <c r="L377" s="990"/>
      <c r="M377" s="989"/>
      <c r="N377" s="989"/>
      <c r="O377" s="989"/>
      <c r="P377" s="989"/>
      <c r="Q377" s="991"/>
      <c r="R377" s="972"/>
      <c r="S377" s="966"/>
    </row>
    <row r="378" spans="1:256" s="18" customFormat="1" ht="75" customHeight="1" thickBot="1" x14ac:dyDescent="0.25">
      <c r="A378" s="992"/>
      <c r="B378" s="993"/>
      <c r="C378" s="993"/>
      <c r="D378" s="993"/>
      <c r="E378" s="993"/>
      <c r="F378" s="993"/>
      <c r="G378" s="993"/>
      <c r="H378" s="993"/>
      <c r="I378" s="993"/>
      <c r="J378" s="993"/>
      <c r="K378" s="993"/>
      <c r="L378" s="994"/>
      <c r="M378" s="993"/>
      <c r="N378" s="993"/>
      <c r="O378" s="993"/>
      <c r="P378" s="993"/>
      <c r="Q378" s="995"/>
      <c r="R378" s="972"/>
      <c r="S378" s="966"/>
    </row>
    <row r="379" spans="1:256" s="546" customFormat="1" ht="69.900000000000006" customHeight="1" thickBot="1" x14ac:dyDescent="0.25">
      <c r="A379" s="996" t="s">
        <v>363</v>
      </c>
      <c r="B379" s="586"/>
      <c r="C379" s="586"/>
      <c r="D379" s="586"/>
      <c r="E379" s="586"/>
      <c r="F379" s="586"/>
      <c r="G379" s="586"/>
      <c r="H379" s="586"/>
      <c r="I379" s="586"/>
      <c r="J379" s="586"/>
      <c r="K379" s="586"/>
      <c r="L379" s="586"/>
      <c r="M379" s="586"/>
      <c r="N379" s="586"/>
      <c r="O379" s="586"/>
      <c r="P379" s="586"/>
      <c r="Q379" s="997"/>
      <c r="R379" s="561"/>
      <c r="S379" s="555"/>
      <c r="T379" s="596"/>
      <c r="U379" s="596"/>
      <c r="V379" s="596"/>
      <c r="W379" s="596"/>
      <c r="X379" s="596"/>
      <c r="Y379" s="596"/>
      <c r="Z379" s="596"/>
      <c r="AA379" s="596"/>
      <c r="AB379" s="596"/>
      <c r="AC379" s="596"/>
      <c r="AD379" s="596"/>
      <c r="AE379" s="596"/>
      <c r="AF379" s="596"/>
      <c r="AG379" s="596"/>
      <c r="AH379" s="596"/>
      <c r="AI379" s="596"/>
      <c r="AJ379" s="596"/>
      <c r="AK379" s="596"/>
      <c r="AL379" s="596"/>
      <c r="AM379" s="596"/>
      <c r="AN379" s="596"/>
      <c r="AO379" s="596"/>
      <c r="AP379" s="596"/>
      <c r="AQ379" s="596"/>
      <c r="AR379" s="596"/>
      <c r="AS379" s="596"/>
      <c r="AT379" s="596"/>
      <c r="AU379" s="596"/>
      <c r="AV379" s="596"/>
      <c r="AW379" s="596"/>
      <c r="AX379" s="596"/>
      <c r="AY379" s="596"/>
      <c r="AZ379" s="596"/>
      <c r="BA379" s="596"/>
      <c r="BB379" s="596"/>
    </row>
    <row r="380" spans="1:256" s="570" customFormat="1" ht="140.1" customHeight="1" thickTop="1" thickBot="1" x14ac:dyDescent="0.25">
      <c r="A380" s="998" t="s">
        <v>364</v>
      </c>
      <c r="B380" s="196"/>
      <c r="C380" s="196"/>
      <c r="D380" s="196"/>
      <c r="E380" s="196"/>
      <c r="F380" s="196"/>
      <c r="G380" s="196"/>
      <c r="H380" s="196"/>
      <c r="I380" s="196"/>
      <c r="J380" s="196"/>
      <c r="K380" s="196"/>
      <c r="L380" s="196"/>
      <c r="M380" s="196"/>
      <c r="N380" s="807"/>
      <c r="O380" s="876" t="s">
        <v>20</v>
      </c>
      <c r="P380" s="876" t="s">
        <v>21</v>
      </c>
      <c r="Q380" s="877" t="s">
        <v>22</v>
      </c>
      <c r="R380" s="561"/>
      <c r="S380" s="569"/>
      <c r="T380" s="600"/>
      <c r="U380" s="600"/>
      <c r="V380" s="596"/>
      <c r="W380" s="596"/>
      <c r="X380" s="596"/>
      <c r="Y380" s="596"/>
      <c r="Z380" s="596"/>
      <c r="AA380" s="596"/>
      <c r="AB380" s="596"/>
      <c r="AC380" s="596"/>
      <c r="AD380" s="596"/>
      <c r="AE380" s="596"/>
      <c r="AF380" s="596"/>
      <c r="AG380" s="596"/>
      <c r="AH380" s="596"/>
      <c r="AI380" s="596"/>
      <c r="AJ380" s="596"/>
      <c r="AK380" s="596"/>
      <c r="AL380" s="600"/>
      <c r="AM380" s="600"/>
      <c r="AN380" s="600"/>
      <c r="AO380" s="600"/>
      <c r="AP380" s="600"/>
      <c r="AQ380" s="600"/>
      <c r="AR380" s="600"/>
      <c r="AS380" s="600"/>
      <c r="AT380" s="600"/>
      <c r="AU380" s="600"/>
      <c r="AV380" s="600"/>
      <c r="AW380" s="600"/>
      <c r="AX380" s="600"/>
      <c r="AY380" s="600"/>
      <c r="AZ380" s="600"/>
      <c r="BA380" s="600"/>
      <c r="BB380" s="600"/>
    </row>
    <row r="381" spans="1:256" s="546" customFormat="1" ht="69.900000000000006" customHeight="1" thickTop="1" x14ac:dyDescent="0.2">
      <c r="A381" s="692" t="s">
        <v>178</v>
      </c>
      <c r="B381" s="694"/>
      <c r="C381" s="694"/>
      <c r="D381" s="694"/>
      <c r="E381" s="694"/>
      <c r="F381" s="694"/>
      <c r="G381" s="694"/>
      <c r="H381" s="694"/>
      <c r="I381" s="694"/>
      <c r="J381" s="694"/>
      <c r="K381" s="694"/>
      <c r="L381" s="694"/>
      <c r="M381" s="694"/>
      <c r="N381" s="694"/>
      <c r="O381" s="694"/>
      <c r="P381" s="694"/>
      <c r="Q381" s="791"/>
      <c r="R381" s="561"/>
      <c r="S381" s="199"/>
    </row>
    <row r="382" spans="1:256" s="546" customFormat="1" ht="69.900000000000006" customHeight="1" x14ac:dyDescent="0.2">
      <c r="A382" s="696" t="s">
        <v>179</v>
      </c>
      <c r="B382" s="697"/>
      <c r="C382" s="697"/>
      <c r="D382" s="697"/>
      <c r="E382" s="697"/>
      <c r="F382" s="697"/>
      <c r="G382" s="697"/>
      <c r="H382" s="697"/>
      <c r="I382" s="697"/>
      <c r="J382" s="697"/>
      <c r="K382" s="697"/>
      <c r="L382" s="697"/>
      <c r="M382" s="697"/>
      <c r="N382" s="697"/>
      <c r="O382" s="697"/>
      <c r="P382" s="697"/>
      <c r="Q382" s="698"/>
      <c r="R382" s="187"/>
      <c r="S382" s="199"/>
      <c r="T382" s="201"/>
      <c r="U382" s="201"/>
      <c r="V382" s="201"/>
      <c r="W382" s="201"/>
      <c r="X382" s="201"/>
      <c r="Y382" s="201"/>
      <c r="Z382" s="201"/>
      <c r="AA382" s="201"/>
      <c r="AB382" s="201"/>
      <c r="AC382" s="201"/>
      <c r="AD382" s="201"/>
      <c r="AE382" s="201"/>
      <c r="AF382" s="201"/>
      <c r="AG382" s="201"/>
      <c r="AH382" s="201"/>
      <c r="AI382" s="201"/>
      <c r="AJ382" s="201"/>
      <c r="AK382" s="201"/>
      <c r="AL382" s="201"/>
      <c r="AM382" s="201"/>
      <c r="AN382" s="201"/>
      <c r="AO382" s="201"/>
      <c r="AP382" s="201"/>
      <c r="AQ382" s="201"/>
      <c r="AR382" s="201"/>
      <c r="AS382" s="201"/>
      <c r="AT382" s="201"/>
      <c r="AU382" s="201"/>
      <c r="AV382" s="201"/>
      <c r="AW382" s="201"/>
      <c r="AX382" s="201"/>
      <c r="AY382" s="201"/>
      <c r="AZ382" s="201"/>
      <c r="BA382" s="201"/>
      <c r="BB382" s="201"/>
      <c r="BC382" s="201"/>
      <c r="BD382" s="201"/>
      <c r="BE382" s="201"/>
      <c r="BF382" s="201"/>
      <c r="BG382" s="201"/>
      <c r="BH382" s="201"/>
      <c r="BI382" s="201"/>
      <c r="BJ382" s="201"/>
      <c r="BK382" s="201"/>
      <c r="BL382" s="201"/>
      <c r="BM382" s="201"/>
      <c r="BN382" s="201"/>
      <c r="BO382" s="201"/>
      <c r="BP382" s="201"/>
      <c r="BQ382" s="201"/>
      <c r="BR382" s="201"/>
      <c r="BS382" s="201"/>
      <c r="BT382" s="201"/>
      <c r="BU382" s="201"/>
      <c r="BV382" s="201"/>
      <c r="BW382" s="201"/>
      <c r="BX382" s="201"/>
      <c r="BY382" s="201"/>
      <c r="BZ382" s="201"/>
      <c r="CA382" s="201"/>
      <c r="CB382" s="201"/>
      <c r="CC382" s="201"/>
      <c r="CD382" s="201"/>
      <c r="CE382" s="201"/>
      <c r="CF382" s="201"/>
      <c r="CG382" s="201"/>
      <c r="CH382" s="201"/>
      <c r="CI382" s="201"/>
      <c r="CJ382" s="201"/>
      <c r="CK382" s="201"/>
      <c r="CL382" s="201"/>
      <c r="CM382" s="201"/>
      <c r="CN382" s="201"/>
      <c r="CO382" s="201"/>
      <c r="CP382" s="201"/>
      <c r="CQ382" s="201"/>
      <c r="CR382" s="201"/>
      <c r="CS382" s="201"/>
      <c r="CT382" s="201"/>
      <c r="CU382" s="201"/>
      <c r="CV382" s="201"/>
      <c r="CW382" s="201"/>
      <c r="CX382" s="201"/>
      <c r="CY382" s="201"/>
      <c r="CZ382" s="201"/>
      <c r="DA382" s="201"/>
      <c r="DB382" s="201"/>
      <c r="DC382" s="201"/>
      <c r="DD382" s="201"/>
      <c r="DE382" s="201"/>
      <c r="DF382" s="201"/>
      <c r="DG382" s="201"/>
      <c r="DH382" s="201"/>
      <c r="DI382" s="201"/>
      <c r="DJ382" s="201"/>
      <c r="DK382" s="201"/>
      <c r="DL382" s="201"/>
      <c r="DM382" s="201"/>
      <c r="DN382" s="201"/>
      <c r="DO382" s="201"/>
      <c r="DP382" s="201"/>
      <c r="DQ382" s="201"/>
      <c r="DR382" s="201"/>
      <c r="DS382" s="201"/>
      <c r="DT382" s="201"/>
      <c r="DU382" s="201"/>
      <c r="DV382" s="201"/>
      <c r="DW382" s="201"/>
      <c r="DX382" s="201"/>
      <c r="DY382" s="201"/>
      <c r="DZ382" s="201"/>
      <c r="EA382" s="201"/>
      <c r="EB382" s="201"/>
      <c r="EC382" s="201"/>
      <c r="ED382" s="201"/>
      <c r="EE382" s="201"/>
      <c r="EF382" s="201"/>
      <c r="EG382" s="201"/>
      <c r="EH382" s="201"/>
      <c r="EI382" s="201"/>
      <c r="EJ382" s="201"/>
      <c r="EK382" s="201"/>
      <c r="EL382" s="201"/>
      <c r="EM382" s="201"/>
      <c r="EN382" s="201"/>
      <c r="EO382" s="201"/>
      <c r="EP382" s="201"/>
      <c r="EQ382" s="201"/>
      <c r="ER382" s="201"/>
      <c r="ES382" s="201"/>
      <c r="ET382" s="201"/>
      <c r="EU382" s="201"/>
      <c r="EV382" s="201"/>
      <c r="EW382" s="201"/>
      <c r="EX382" s="201"/>
      <c r="EY382" s="201"/>
      <c r="EZ382" s="201"/>
      <c r="FA382" s="201"/>
      <c r="FB382" s="201"/>
      <c r="FC382" s="201"/>
      <c r="FD382" s="201"/>
      <c r="FE382" s="201"/>
      <c r="FF382" s="201"/>
      <c r="FG382" s="201"/>
      <c r="FH382" s="201"/>
      <c r="FI382" s="201"/>
      <c r="FJ382" s="201"/>
      <c r="FK382" s="201"/>
      <c r="FL382" s="201"/>
      <c r="FM382" s="201"/>
      <c r="FN382" s="201"/>
      <c r="FO382" s="201"/>
      <c r="FP382" s="201"/>
      <c r="FQ382" s="201"/>
      <c r="FR382" s="201"/>
      <c r="FS382" s="201"/>
      <c r="FT382" s="201"/>
      <c r="FU382" s="201"/>
      <c r="FV382" s="201"/>
      <c r="FW382" s="201"/>
      <c r="FX382" s="201"/>
      <c r="FY382" s="201"/>
      <c r="FZ382" s="201"/>
      <c r="GA382" s="201"/>
      <c r="GB382" s="201"/>
      <c r="GC382" s="201"/>
      <c r="GD382" s="201"/>
      <c r="GE382" s="201"/>
      <c r="GF382" s="201"/>
      <c r="GG382" s="201"/>
      <c r="GH382" s="201"/>
      <c r="GI382" s="201"/>
      <c r="GJ382" s="201"/>
      <c r="GK382" s="201"/>
      <c r="GL382" s="201"/>
      <c r="GM382" s="201"/>
      <c r="GN382" s="201"/>
      <c r="GO382" s="201"/>
      <c r="GP382" s="201"/>
      <c r="GQ382" s="201"/>
      <c r="GR382" s="201"/>
      <c r="GS382" s="201"/>
      <c r="GT382" s="201"/>
      <c r="GU382" s="201"/>
      <c r="GV382" s="201"/>
      <c r="GW382" s="201"/>
      <c r="GX382" s="201"/>
      <c r="GY382" s="201"/>
      <c r="GZ382" s="201"/>
      <c r="HA382" s="201"/>
      <c r="HB382" s="201"/>
      <c r="HC382" s="201"/>
      <c r="HD382" s="201"/>
      <c r="HE382" s="201"/>
      <c r="HF382" s="201"/>
      <c r="HG382" s="201"/>
      <c r="HH382" s="201"/>
      <c r="HI382" s="201"/>
      <c r="HJ382" s="201"/>
      <c r="HK382" s="201"/>
      <c r="HL382" s="201"/>
      <c r="HM382" s="201"/>
      <c r="HN382" s="201"/>
      <c r="HO382" s="201"/>
      <c r="HP382" s="201"/>
      <c r="HQ382" s="201"/>
      <c r="HR382" s="201"/>
      <c r="HS382" s="201"/>
      <c r="HT382" s="201"/>
      <c r="HU382" s="201"/>
      <c r="HV382" s="201"/>
      <c r="HW382" s="201"/>
      <c r="HX382" s="201"/>
      <c r="HY382" s="201"/>
      <c r="HZ382" s="201"/>
      <c r="IA382" s="201"/>
      <c r="IB382" s="201"/>
      <c r="IC382" s="201"/>
      <c r="ID382" s="201"/>
      <c r="IE382" s="201"/>
      <c r="IF382" s="201"/>
      <c r="IG382" s="201"/>
      <c r="IH382" s="201"/>
      <c r="II382" s="201"/>
      <c r="IJ382" s="201"/>
      <c r="IK382" s="201"/>
      <c r="IL382" s="201"/>
      <c r="IM382" s="201"/>
      <c r="IN382" s="201"/>
      <c r="IO382" s="201"/>
      <c r="IP382" s="201"/>
      <c r="IQ382" s="201"/>
      <c r="IR382" s="201"/>
      <c r="IS382" s="201"/>
      <c r="IT382" s="201"/>
      <c r="IU382" s="201"/>
      <c r="IV382" s="201"/>
    </row>
    <row r="383" spans="1:256" s="570" customFormat="1" ht="69.599999999999994" customHeight="1" x14ac:dyDescent="0.2">
      <c r="A383" s="823" t="s">
        <v>365</v>
      </c>
      <c r="B383" s="458"/>
      <c r="C383" s="458"/>
      <c r="D383" s="458"/>
      <c r="E383" s="458"/>
      <c r="F383" s="458"/>
      <c r="G383" s="458"/>
      <c r="H383" s="458"/>
      <c r="I383" s="458"/>
      <c r="J383" s="458"/>
      <c r="K383" s="458"/>
      <c r="L383" s="458"/>
      <c r="M383" s="458"/>
      <c r="N383" s="458"/>
      <c r="O383" s="458"/>
      <c r="P383" s="458"/>
      <c r="Q383" s="459"/>
      <c r="R383" s="561"/>
      <c r="S383" s="595"/>
      <c r="T383" s="600"/>
      <c r="U383" s="600"/>
      <c r="V383" s="600"/>
      <c r="W383" s="600"/>
      <c r="X383" s="600"/>
      <c r="Y383" s="600"/>
      <c r="Z383" s="600"/>
      <c r="AA383" s="600"/>
      <c r="AB383" s="600"/>
      <c r="AC383" s="600"/>
      <c r="AD383" s="600"/>
      <c r="AE383" s="600"/>
      <c r="AF383" s="600"/>
      <c r="AG383" s="600"/>
      <c r="AH383" s="600"/>
      <c r="AI383" s="600"/>
      <c r="AJ383" s="600"/>
      <c r="AK383" s="600"/>
      <c r="AL383" s="600"/>
      <c r="AM383" s="600"/>
      <c r="AN383" s="600"/>
      <c r="AO383" s="600"/>
      <c r="AP383" s="600"/>
      <c r="AQ383" s="600"/>
      <c r="AR383" s="600"/>
      <c r="AS383" s="600"/>
      <c r="AT383" s="600"/>
      <c r="AU383" s="600"/>
      <c r="AV383" s="600"/>
      <c r="AW383" s="600"/>
      <c r="AX383" s="600"/>
      <c r="AY383" s="600"/>
      <c r="AZ383" s="600"/>
      <c r="BA383" s="600"/>
      <c r="BB383" s="600"/>
    </row>
    <row r="384" spans="1:256" s="570" customFormat="1" ht="69.599999999999994" customHeight="1" x14ac:dyDescent="0.2">
      <c r="A384" s="779" t="s">
        <v>100</v>
      </c>
      <c r="B384" s="780"/>
      <c r="C384" s="780"/>
      <c r="D384" s="780"/>
      <c r="E384" s="780"/>
      <c r="F384" s="780"/>
      <c r="G384" s="780"/>
      <c r="H384" s="780"/>
      <c r="I384" s="780"/>
      <c r="J384" s="780"/>
      <c r="K384" s="780"/>
      <c r="L384" s="780"/>
      <c r="M384" s="780"/>
      <c r="N384" s="780"/>
      <c r="O384" s="780"/>
      <c r="P384" s="780"/>
      <c r="Q384" s="781"/>
      <c r="R384" s="561"/>
      <c r="S384" s="595"/>
      <c r="T384" s="600"/>
      <c r="U384" s="600"/>
      <c r="V384" s="600"/>
      <c r="W384" s="600"/>
      <c r="X384" s="600"/>
      <c r="Y384" s="600"/>
      <c r="Z384" s="600"/>
      <c r="AA384" s="600"/>
      <c r="AB384" s="600"/>
      <c r="AC384" s="600"/>
      <c r="AD384" s="600"/>
      <c r="AE384" s="600"/>
      <c r="AF384" s="600"/>
      <c r="AG384" s="600"/>
      <c r="AH384" s="600"/>
      <c r="AI384" s="600"/>
      <c r="AJ384" s="600"/>
      <c r="AK384" s="600"/>
      <c r="AL384" s="600"/>
      <c r="AM384" s="600"/>
      <c r="AN384" s="600"/>
      <c r="AO384" s="600"/>
      <c r="AP384" s="600"/>
      <c r="AQ384" s="600"/>
      <c r="AR384" s="600"/>
      <c r="AS384" s="600"/>
      <c r="AT384" s="600"/>
      <c r="AU384" s="600"/>
      <c r="AV384" s="600"/>
      <c r="AW384" s="600"/>
      <c r="AX384" s="600"/>
      <c r="AY384" s="600"/>
      <c r="AZ384" s="600"/>
      <c r="BA384" s="600"/>
      <c r="BB384" s="600"/>
    </row>
    <row r="385" spans="1:54" s="201" customFormat="1" ht="69.900000000000006" customHeight="1" x14ac:dyDescent="0.2">
      <c r="A385" s="925" t="s">
        <v>181</v>
      </c>
      <c r="B385" s="926"/>
      <c r="C385" s="926"/>
      <c r="D385" s="926"/>
      <c r="E385" s="926"/>
      <c r="F385" s="926"/>
      <c r="G385" s="926"/>
      <c r="H385" s="926"/>
      <c r="I385" s="926"/>
      <c r="J385" s="926"/>
      <c r="K385" s="926"/>
      <c r="L385" s="926"/>
      <c r="M385" s="926"/>
      <c r="N385" s="926"/>
      <c r="O385" s="926"/>
      <c r="P385" s="926"/>
      <c r="Q385" s="927"/>
      <c r="R385" s="187"/>
      <c r="S385" s="199"/>
    </row>
    <row r="386" spans="1:54" s="570" customFormat="1" ht="69.599999999999994" customHeight="1" x14ac:dyDescent="0.2">
      <c r="A386" s="776" t="s">
        <v>182</v>
      </c>
      <c r="B386" s="777"/>
      <c r="C386" s="777"/>
      <c r="D386" s="777"/>
      <c r="E386" s="777"/>
      <c r="F386" s="777"/>
      <c r="G386" s="777"/>
      <c r="H386" s="777"/>
      <c r="I386" s="777"/>
      <c r="J386" s="777"/>
      <c r="K386" s="777"/>
      <c r="L386" s="777"/>
      <c r="M386" s="777"/>
      <c r="N386" s="777"/>
      <c r="O386" s="777"/>
      <c r="P386" s="777"/>
      <c r="Q386" s="778"/>
      <c r="R386" s="561"/>
      <c r="S386" s="595"/>
      <c r="T386" s="600"/>
      <c r="U386" s="600"/>
      <c r="V386" s="600"/>
      <c r="W386" s="600"/>
      <c r="X386" s="600"/>
      <c r="Y386" s="600"/>
      <c r="Z386" s="600"/>
      <c r="AA386" s="600"/>
      <c r="AB386" s="600"/>
      <c r="AC386" s="600"/>
      <c r="AD386" s="600"/>
      <c r="AE386" s="600"/>
      <c r="AF386" s="600"/>
      <c r="AG386" s="600"/>
      <c r="AH386" s="600"/>
      <c r="AI386" s="600"/>
      <c r="AJ386" s="600"/>
      <c r="AK386" s="600"/>
      <c r="AL386" s="600"/>
      <c r="AM386" s="600"/>
      <c r="AN386" s="600"/>
      <c r="AO386" s="600"/>
      <c r="AP386" s="600"/>
      <c r="AQ386" s="600"/>
      <c r="AR386" s="600"/>
      <c r="AS386" s="600"/>
      <c r="AT386" s="600"/>
      <c r="AU386" s="600"/>
      <c r="AV386" s="600"/>
      <c r="AW386" s="600"/>
      <c r="AX386" s="600"/>
      <c r="AY386" s="600"/>
      <c r="AZ386" s="600"/>
      <c r="BA386" s="600"/>
      <c r="BB386" s="600"/>
    </row>
    <row r="387" spans="1:54" s="570" customFormat="1" ht="69.599999999999994" customHeight="1" x14ac:dyDescent="0.2">
      <c r="A387" s="882" t="s">
        <v>100</v>
      </c>
      <c r="B387" s="883"/>
      <c r="C387" s="883"/>
      <c r="D387" s="883"/>
      <c r="E387" s="883"/>
      <c r="F387" s="883"/>
      <c r="G387" s="883"/>
      <c r="H387" s="883"/>
      <c r="I387" s="883"/>
      <c r="J387" s="883"/>
      <c r="K387" s="883"/>
      <c r="L387" s="883"/>
      <c r="M387" s="883"/>
      <c r="N387" s="883"/>
      <c r="O387" s="883"/>
      <c r="P387" s="883"/>
      <c r="Q387" s="884"/>
      <c r="R387" s="561"/>
      <c r="S387" s="595"/>
      <c r="T387" s="600"/>
      <c r="U387" s="600"/>
      <c r="V387" s="600"/>
      <c r="W387" s="600"/>
      <c r="X387" s="600"/>
      <c r="Y387" s="600"/>
      <c r="Z387" s="600"/>
      <c r="AA387" s="600"/>
      <c r="AB387" s="600"/>
      <c r="AC387" s="600"/>
      <c r="AD387" s="600"/>
      <c r="AE387" s="600"/>
      <c r="AF387" s="600"/>
      <c r="AG387" s="600"/>
      <c r="AH387" s="600"/>
      <c r="AI387" s="600"/>
      <c r="AJ387" s="600"/>
      <c r="AK387" s="600"/>
      <c r="AL387" s="600"/>
      <c r="AM387" s="600"/>
      <c r="AN387" s="600"/>
      <c r="AO387" s="600"/>
      <c r="AP387" s="600"/>
      <c r="AQ387" s="600"/>
      <c r="AR387" s="600"/>
      <c r="AS387" s="600"/>
      <c r="AT387" s="600"/>
      <c r="AU387" s="600"/>
      <c r="AV387" s="600"/>
      <c r="AW387" s="600"/>
      <c r="AX387" s="600"/>
      <c r="AY387" s="600"/>
      <c r="AZ387" s="600"/>
      <c r="BA387" s="600"/>
      <c r="BB387" s="600"/>
    </row>
    <row r="388" spans="1:54" s="546" customFormat="1" ht="69.900000000000006" customHeight="1" x14ac:dyDescent="0.2">
      <c r="A388" s="70" t="s">
        <v>28</v>
      </c>
      <c r="B388" s="72"/>
      <c r="C388" s="72"/>
      <c r="D388" s="72"/>
      <c r="E388" s="72"/>
      <c r="F388" s="72"/>
      <c r="G388" s="72"/>
      <c r="H388" s="72"/>
      <c r="I388" s="72"/>
      <c r="J388" s="72"/>
      <c r="K388" s="72"/>
      <c r="L388" s="72"/>
      <c r="M388" s="72"/>
      <c r="N388" s="72"/>
      <c r="O388" s="72"/>
      <c r="P388" s="72"/>
      <c r="Q388" s="202"/>
      <c r="R388" s="561"/>
      <c r="S388" s="199"/>
    </row>
    <row r="389" spans="1:54" s="570" customFormat="1" ht="75" customHeight="1" x14ac:dyDescent="0.2">
      <c r="A389" s="575"/>
      <c r="B389" s="576"/>
      <c r="C389" s="576"/>
      <c r="D389" s="576"/>
      <c r="E389" s="576"/>
      <c r="F389" s="576"/>
      <c r="G389" s="576"/>
      <c r="H389" s="576"/>
      <c r="I389" s="576"/>
      <c r="J389" s="576"/>
      <c r="K389" s="576"/>
      <c r="L389" s="577"/>
      <c r="M389" s="576"/>
      <c r="N389" s="576"/>
      <c r="O389" s="576"/>
      <c r="P389" s="576"/>
      <c r="Q389" s="578"/>
      <c r="R389" s="561"/>
      <c r="S389" s="579"/>
    </row>
    <row r="390" spans="1:54" s="570" customFormat="1" ht="75" customHeight="1" thickBot="1" x14ac:dyDescent="0.25">
      <c r="A390" s="580"/>
      <c r="B390" s="581"/>
      <c r="C390" s="581"/>
      <c r="D390" s="581"/>
      <c r="E390" s="581"/>
      <c r="F390" s="581"/>
      <c r="G390" s="581"/>
      <c r="H390" s="581"/>
      <c r="I390" s="581"/>
      <c r="J390" s="581"/>
      <c r="K390" s="581"/>
      <c r="L390" s="582"/>
      <c r="M390" s="581"/>
      <c r="N390" s="581"/>
      <c r="O390" s="581"/>
      <c r="P390" s="581"/>
      <c r="Q390" s="583"/>
      <c r="R390" s="561"/>
      <c r="S390" s="723"/>
    </row>
    <row r="391" spans="1:54" s="546" customFormat="1" ht="69.900000000000006" customHeight="1" thickBot="1" x14ac:dyDescent="0.25">
      <c r="A391" s="724" t="s">
        <v>366</v>
      </c>
      <c r="B391" s="726"/>
      <c r="C391" s="726"/>
      <c r="D391" s="726"/>
      <c r="E391" s="726"/>
      <c r="F391" s="726"/>
      <c r="G391" s="726"/>
      <c r="H391" s="726"/>
      <c r="I391" s="726"/>
      <c r="J391" s="726"/>
      <c r="K391" s="726"/>
      <c r="L391" s="726"/>
      <c r="M391" s="726"/>
      <c r="N391" s="726"/>
      <c r="O391" s="726"/>
      <c r="P391" s="726"/>
      <c r="Q391" s="819"/>
      <c r="R391" s="561"/>
      <c r="S391" s="728" t="s">
        <v>367</v>
      </c>
      <c r="T391" s="596"/>
      <c r="U391" s="596"/>
      <c r="V391" s="600"/>
      <c r="W391" s="600"/>
      <c r="X391" s="600"/>
      <c r="Y391" s="600"/>
      <c r="Z391" s="600"/>
      <c r="AA391" s="600"/>
      <c r="AB391" s="600"/>
      <c r="AC391" s="600"/>
      <c r="AD391" s="600"/>
      <c r="AE391" s="600"/>
      <c r="AF391" s="600"/>
      <c r="AG391" s="600"/>
      <c r="AH391" s="600"/>
      <c r="AI391" s="600"/>
      <c r="AJ391" s="600"/>
      <c r="AK391" s="600"/>
      <c r="AL391" s="596"/>
      <c r="AM391" s="596"/>
      <c r="AN391" s="596"/>
      <c r="AO391" s="596"/>
      <c r="AP391" s="596"/>
      <c r="AQ391" s="596"/>
      <c r="AR391" s="596"/>
      <c r="AS391" s="596"/>
      <c r="AT391" s="596"/>
      <c r="AU391" s="596"/>
      <c r="AV391" s="596"/>
      <c r="AW391" s="596"/>
      <c r="AX391" s="596"/>
      <c r="AY391" s="596"/>
      <c r="AZ391" s="596"/>
      <c r="BA391" s="596"/>
      <c r="BB391" s="596"/>
    </row>
    <row r="392" spans="1:54" s="570" customFormat="1" ht="228" customHeight="1" thickTop="1" thickBot="1" x14ac:dyDescent="0.25">
      <c r="A392" s="460" t="s">
        <v>184</v>
      </c>
      <c r="B392" s="379"/>
      <c r="C392" s="379"/>
      <c r="D392" s="379"/>
      <c r="E392" s="379"/>
      <c r="F392" s="379"/>
      <c r="G392" s="379"/>
      <c r="H392" s="379"/>
      <c r="I392" s="379"/>
      <c r="J392" s="379"/>
      <c r="K392" s="379"/>
      <c r="L392" s="379"/>
      <c r="M392" s="379"/>
      <c r="N392" s="380"/>
      <c r="O392" s="999" t="s">
        <v>20</v>
      </c>
      <c r="P392" s="999" t="s">
        <v>21</v>
      </c>
      <c r="Q392" s="1000" t="s">
        <v>22</v>
      </c>
      <c r="R392" s="561"/>
      <c r="S392" s="569"/>
      <c r="T392" s="600"/>
      <c r="U392" s="600"/>
      <c r="V392" s="596"/>
      <c r="W392" s="596"/>
      <c r="X392" s="596"/>
      <c r="Y392" s="596"/>
      <c r="Z392" s="596"/>
      <c r="AA392" s="596"/>
      <c r="AB392" s="596"/>
      <c r="AC392" s="596"/>
      <c r="AD392" s="596"/>
      <c r="AE392" s="596"/>
      <c r="AF392" s="596"/>
      <c r="AG392" s="596"/>
      <c r="AH392" s="596"/>
      <c r="AI392" s="596"/>
      <c r="AJ392" s="596"/>
      <c r="AK392" s="596"/>
      <c r="AL392" s="600"/>
      <c r="AM392" s="600"/>
      <c r="AN392" s="600"/>
      <c r="AO392" s="600"/>
      <c r="AP392" s="600"/>
      <c r="AQ392" s="600"/>
      <c r="AR392" s="600"/>
      <c r="AS392" s="600"/>
      <c r="AT392" s="600"/>
      <c r="AU392" s="600"/>
      <c r="AV392" s="600"/>
      <c r="AW392" s="600"/>
      <c r="AX392" s="600"/>
      <c r="AY392" s="600"/>
      <c r="AZ392" s="600"/>
      <c r="BA392" s="600"/>
      <c r="BB392" s="600"/>
    </row>
    <row r="393" spans="1:54" s="546" customFormat="1" ht="69.900000000000006" customHeight="1" thickTop="1" x14ac:dyDescent="0.2">
      <c r="A393" s="70" t="s">
        <v>28</v>
      </c>
      <c r="B393" s="72"/>
      <c r="C393" s="72"/>
      <c r="D393" s="72"/>
      <c r="E393" s="72"/>
      <c r="F393" s="72"/>
      <c r="G393" s="72"/>
      <c r="H393" s="72"/>
      <c r="I393" s="72"/>
      <c r="J393" s="72"/>
      <c r="K393" s="72"/>
      <c r="L393" s="72"/>
      <c r="M393" s="72"/>
      <c r="N393" s="72"/>
      <c r="O393" s="72"/>
      <c r="P393" s="72"/>
      <c r="Q393" s="202"/>
      <c r="R393" s="561"/>
      <c r="S393" s="199"/>
    </row>
    <row r="394" spans="1:54" s="570" customFormat="1" ht="75" customHeight="1" x14ac:dyDescent="0.2">
      <c r="A394" s="575"/>
      <c r="B394" s="576"/>
      <c r="C394" s="576"/>
      <c r="D394" s="576"/>
      <c r="E394" s="576"/>
      <c r="F394" s="576"/>
      <c r="G394" s="576"/>
      <c r="H394" s="576"/>
      <c r="I394" s="576"/>
      <c r="J394" s="576"/>
      <c r="K394" s="576"/>
      <c r="L394" s="577"/>
      <c r="M394" s="576"/>
      <c r="N394" s="576"/>
      <c r="O394" s="576"/>
      <c r="P394" s="576"/>
      <c r="Q394" s="578"/>
      <c r="R394" s="561"/>
      <c r="S394" s="579"/>
    </row>
    <row r="395" spans="1:54" s="570" customFormat="1" ht="75" customHeight="1" thickBot="1" x14ac:dyDescent="0.25">
      <c r="A395" s="580"/>
      <c r="B395" s="581"/>
      <c r="C395" s="581"/>
      <c r="D395" s="581"/>
      <c r="E395" s="581"/>
      <c r="F395" s="581"/>
      <c r="G395" s="581"/>
      <c r="H395" s="581"/>
      <c r="I395" s="581"/>
      <c r="J395" s="581"/>
      <c r="K395" s="581"/>
      <c r="L395" s="582"/>
      <c r="M395" s="581"/>
      <c r="N395" s="581"/>
      <c r="O395" s="581"/>
      <c r="P395" s="581"/>
      <c r="Q395" s="583"/>
      <c r="R395" s="561"/>
      <c r="S395" s="579"/>
    </row>
    <row r="396" spans="1:54" s="546" customFormat="1" ht="69.900000000000006" customHeight="1" thickBot="1" x14ac:dyDescent="0.25">
      <c r="A396" s="773" t="s">
        <v>368</v>
      </c>
      <c r="B396" s="774"/>
      <c r="C396" s="774"/>
      <c r="D396" s="774"/>
      <c r="E396" s="774"/>
      <c r="F396" s="774"/>
      <c r="G396" s="774"/>
      <c r="H396" s="774"/>
      <c r="I396" s="774"/>
      <c r="J396" s="774"/>
      <c r="K396" s="774"/>
      <c r="L396" s="774"/>
      <c r="M396" s="774"/>
      <c r="N396" s="774"/>
      <c r="O396" s="774"/>
      <c r="P396" s="774"/>
      <c r="Q396" s="775"/>
      <c r="R396" s="561"/>
      <c r="S396" s="595"/>
      <c r="T396" s="596"/>
      <c r="U396" s="596"/>
      <c r="V396" s="600"/>
      <c r="W396" s="600"/>
      <c r="X396" s="600"/>
      <c r="Y396" s="600"/>
      <c r="Z396" s="600"/>
      <c r="AA396" s="600"/>
      <c r="AB396" s="600"/>
      <c r="AC396" s="600"/>
      <c r="AD396" s="600"/>
      <c r="AE396" s="600"/>
      <c r="AF396" s="600"/>
      <c r="AG396" s="600"/>
      <c r="AH396" s="600"/>
      <c r="AI396" s="600"/>
      <c r="AJ396" s="600"/>
      <c r="AK396" s="600"/>
      <c r="AL396" s="596"/>
      <c r="AM396" s="596"/>
      <c r="AN396" s="596"/>
      <c r="AO396" s="596"/>
      <c r="AP396" s="596"/>
      <c r="AQ396" s="596"/>
      <c r="AR396" s="596"/>
      <c r="AS396" s="596"/>
      <c r="AT396" s="596"/>
      <c r="AU396" s="596"/>
      <c r="AV396" s="596"/>
      <c r="AW396" s="596"/>
      <c r="AX396" s="596"/>
      <c r="AY396" s="596"/>
      <c r="AZ396" s="596"/>
      <c r="BA396" s="596"/>
      <c r="BB396" s="596"/>
    </row>
    <row r="397" spans="1:54" s="546" customFormat="1" ht="69.900000000000006" customHeight="1" thickBot="1" x14ac:dyDescent="0.25">
      <c r="A397" s="584" t="s">
        <v>369</v>
      </c>
      <c r="B397" s="593"/>
      <c r="C397" s="593"/>
      <c r="D397" s="593"/>
      <c r="E397" s="593"/>
      <c r="F397" s="593"/>
      <c r="G397" s="593"/>
      <c r="H397" s="593"/>
      <c r="I397" s="593"/>
      <c r="J397" s="593"/>
      <c r="K397" s="593"/>
      <c r="L397" s="586"/>
      <c r="M397" s="593"/>
      <c r="N397" s="593"/>
      <c r="O397" s="593"/>
      <c r="P397" s="593"/>
      <c r="Q397" s="594"/>
      <c r="R397" s="561"/>
      <c r="S397" s="595"/>
      <c r="T397" s="596"/>
      <c r="U397" s="596"/>
      <c r="V397" s="596"/>
      <c r="W397" s="596"/>
      <c r="X397" s="596"/>
      <c r="Y397" s="596"/>
      <c r="Z397" s="596"/>
      <c r="AA397" s="596"/>
      <c r="AB397" s="596"/>
      <c r="AC397" s="596"/>
      <c r="AD397" s="596"/>
      <c r="AE397" s="596"/>
      <c r="AF397" s="596"/>
      <c r="AG397" s="596"/>
      <c r="AH397" s="596"/>
      <c r="AI397" s="596"/>
      <c r="AJ397" s="596"/>
      <c r="AK397" s="596"/>
      <c r="AL397" s="596"/>
      <c r="AM397" s="596"/>
      <c r="AN397" s="596"/>
      <c r="AO397" s="596"/>
      <c r="AP397" s="596"/>
      <c r="AQ397" s="596"/>
      <c r="AR397" s="596"/>
      <c r="AS397" s="596"/>
      <c r="AT397" s="596"/>
      <c r="AU397" s="596"/>
      <c r="AV397" s="596"/>
      <c r="AW397" s="596"/>
      <c r="AX397" s="596"/>
      <c r="AY397" s="596"/>
      <c r="AZ397" s="596"/>
      <c r="BA397" s="596"/>
      <c r="BB397" s="596"/>
    </row>
    <row r="398" spans="1:54" s="570" customFormat="1" ht="204" customHeight="1" thickTop="1" thickBot="1" x14ac:dyDescent="0.25">
      <c r="A398" s="788" t="s">
        <v>370</v>
      </c>
      <c r="B398" s="690"/>
      <c r="C398" s="690"/>
      <c r="D398" s="690"/>
      <c r="E398" s="690"/>
      <c r="F398" s="690"/>
      <c r="G398" s="690"/>
      <c r="H398" s="690"/>
      <c r="I398" s="690"/>
      <c r="J398" s="690"/>
      <c r="K398" s="690"/>
      <c r="L398" s="690"/>
      <c r="M398" s="789"/>
      <c r="N398" s="1001" t="s">
        <v>27</v>
      </c>
      <c r="O398" s="753" t="s">
        <v>20</v>
      </c>
      <c r="P398" s="753" t="s">
        <v>21</v>
      </c>
      <c r="Q398" s="754" t="s">
        <v>22</v>
      </c>
      <c r="R398" s="561"/>
      <c r="S398" s="569"/>
      <c r="T398" s="600"/>
      <c r="U398" s="600"/>
      <c r="V398" s="600"/>
      <c r="W398" s="600"/>
      <c r="X398" s="600"/>
      <c r="Y398" s="600"/>
      <c r="Z398" s="600"/>
      <c r="AA398" s="600"/>
      <c r="AB398" s="600"/>
      <c r="AC398" s="600"/>
      <c r="AD398" s="600"/>
      <c r="AE398" s="600"/>
      <c r="AF398" s="600"/>
      <c r="AG398" s="600"/>
      <c r="AH398" s="600"/>
      <c r="AI398" s="600"/>
      <c r="AJ398" s="600"/>
      <c r="AK398" s="600"/>
      <c r="AL398" s="600"/>
      <c r="AM398" s="600"/>
      <c r="AN398" s="600"/>
      <c r="AO398" s="600"/>
      <c r="AP398" s="600"/>
      <c r="AQ398" s="600"/>
      <c r="AR398" s="600"/>
      <c r="AS398" s="600"/>
      <c r="AT398" s="600"/>
      <c r="AU398" s="600"/>
      <c r="AV398" s="600"/>
      <c r="AW398" s="600"/>
      <c r="AX398" s="600"/>
      <c r="AY398" s="600"/>
      <c r="AZ398" s="600"/>
      <c r="BA398" s="600"/>
      <c r="BB398" s="600"/>
    </row>
    <row r="399" spans="1:54" s="1004" customFormat="1" ht="69.900000000000006" customHeight="1" thickTop="1" x14ac:dyDescent="0.2">
      <c r="A399" s="790" t="s">
        <v>178</v>
      </c>
      <c r="B399" s="694"/>
      <c r="C399" s="694"/>
      <c r="D399" s="694"/>
      <c r="E399" s="694"/>
      <c r="F399" s="694"/>
      <c r="G399" s="694"/>
      <c r="H399" s="694"/>
      <c r="I399" s="694"/>
      <c r="J399" s="694"/>
      <c r="K399" s="694"/>
      <c r="L399" s="694"/>
      <c r="M399" s="694"/>
      <c r="N399" s="694"/>
      <c r="O399" s="694"/>
      <c r="P399" s="694"/>
      <c r="Q399" s="791"/>
      <c r="R399" s="1002"/>
      <c r="S399" s="1003"/>
    </row>
    <row r="400" spans="1:54" s="1004" customFormat="1" ht="69.900000000000006" customHeight="1" x14ac:dyDescent="0.2">
      <c r="A400" s="792" t="s">
        <v>189</v>
      </c>
      <c r="B400" s="793"/>
      <c r="C400" s="793"/>
      <c r="D400" s="793"/>
      <c r="E400" s="793"/>
      <c r="F400" s="793"/>
      <c r="G400" s="793"/>
      <c r="H400" s="793"/>
      <c r="I400" s="793"/>
      <c r="J400" s="793"/>
      <c r="K400" s="793"/>
      <c r="L400" s="793"/>
      <c r="M400" s="793"/>
      <c r="N400" s="793"/>
      <c r="O400" s="793"/>
      <c r="P400" s="793"/>
      <c r="Q400" s="794"/>
      <c r="R400" s="1002"/>
      <c r="S400" s="1003"/>
    </row>
    <row r="401" spans="1:56" s="1007" customFormat="1" ht="69.599999999999994" customHeight="1" x14ac:dyDescent="0.2">
      <c r="A401" s="823" t="s">
        <v>190</v>
      </c>
      <c r="B401" s="458"/>
      <c r="C401" s="458"/>
      <c r="D401" s="458"/>
      <c r="E401" s="458"/>
      <c r="F401" s="458"/>
      <c r="G401" s="458"/>
      <c r="H401" s="458"/>
      <c r="I401" s="458"/>
      <c r="J401" s="458"/>
      <c r="K401" s="458"/>
      <c r="L401" s="458"/>
      <c r="M401" s="458"/>
      <c r="N401" s="458"/>
      <c r="O401" s="458"/>
      <c r="P401" s="458"/>
      <c r="Q401" s="459"/>
      <c r="R401" s="1002"/>
      <c r="S401" s="1005"/>
      <c r="T401" s="1006"/>
      <c r="U401" s="1006"/>
      <c r="V401" s="1006"/>
      <c r="W401" s="1006"/>
      <c r="X401" s="1006"/>
      <c r="Y401" s="1006"/>
      <c r="Z401" s="1006"/>
      <c r="AA401" s="1006"/>
      <c r="AB401" s="1006"/>
      <c r="AC401" s="1006"/>
      <c r="AD401" s="1006"/>
      <c r="AE401" s="1006"/>
      <c r="AF401" s="1006"/>
      <c r="AG401" s="1006"/>
      <c r="AH401" s="1006"/>
      <c r="AI401" s="1006"/>
      <c r="AJ401" s="1006"/>
      <c r="AK401" s="1006"/>
      <c r="AL401" s="1006"/>
      <c r="AM401" s="1006"/>
      <c r="AN401" s="1006"/>
      <c r="AO401" s="1006"/>
      <c r="AP401" s="1006"/>
      <c r="AQ401" s="1006"/>
      <c r="AR401" s="1006"/>
      <c r="AS401" s="1006"/>
      <c r="AT401" s="1006"/>
      <c r="AU401" s="1006"/>
      <c r="AV401" s="1006"/>
      <c r="AW401" s="1006"/>
      <c r="AX401" s="1006"/>
      <c r="AY401" s="1006"/>
      <c r="AZ401" s="1006"/>
      <c r="BA401" s="1006"/>
      <c r="BB401" s="1006"/>
    </row>
    <row r="402" spans="1:56" s="1007" customFormat="1" ht="69.599999999999994" customHeight="1" x14ac:dyDescent="0.2">
      <c r="A402" s="335" t="s">
        <v>100</v>
      </c>
      <c r="B402" s="336"/>
      <c r="C402" s="336"/>
      <c r="D402" s="336"/>
      <c r="E402" s="336"/>
      <c r="F402" s="336"/>
      <c r="G402" s="336"/>
      <c r="H402" s="336"/>
      <c r="I402" s="336"/>
      <c r="J402" s="336"/>
      <c r="K402" s="336"/>
      <c r="L402" s="336"/>
      <c r="M402" s="336"/>
      <c r="N402" s="336"/>
      <c r="O402" s="336"/>
      <c r="P402" s="336"/>
      <c r="Q402" s="337"/>
      <c r="R402" s="1002"/>
      <c r="S402" s="1005"/>
      <c r="T402" s="1006"/>
      <c r="U402" s="1006"/>
      <c r="V402" s="1006"/>
      <c r="W402" s="1006"/>
      <c r="X402" s="1006"/>
      <c r="Y402" s="1006"/>
      <c r="Z402" s="1006"/>
      <c r="AA402" s="1006"/>
      <c r="AB402" s="1006"/>
      <c r="AC402" s="1006"/>
      <c r="AD402" s="1006"/>
      <c r="AE402" s="1006"/>
      <c r="AF402" s="1006"/>
      <c r="AG402" s="1006"/>
      <c r="AH402" s="1006"/>
      <c r="AI402" s="1006"/>
      <c r="AJ402" s="1006"/>
      <c r="AK402" s="1006"/>
      <c r="AL402" s="1006"/>
      <c r="AM402" s="1006"/>
      <c r="AN402" s="1006"/>
      <c r="AO402" s="1006"/>
      <c r="AP402" s="1006"/>
      <c r="AQ402" s="1006"/>
      <c r="AR402" s="1006"/>
      <c r="AS402" s="1006"/>
      <c r="AT402" s="1006"/>
      <c r="AU402" s="1006"/>
      <c r="AV402" s="1006"/>
      <c r="AW402" s="1006"/>
      <c r="AX402" s="1006"/>
      <c r="AY402" s="1006"/>
      <c r="AZ402" s="1006"/>
      <c r="BA402" s="1006"/>
      <c r="BB402" s="1006"/>
    </row>
    <row r="403" spans="1:56" s="1004" customFormat="1" ht="69.900000000000006" customHeight="1" x14ac:dyDescent="0.2">
      <c r="A403" s="1008" t="s">
        <v>191</v>
      </c>
      <c r="B403" s="1009"/>
      <c r="C403" s="1009"/>
      <c r="D403" s="1009"/>
      <c r="E403" s="1009"/>
      <c r="F403" s="1009"/>
      <c r="G403" s="1009"/>
      <c r="H403" s="1009"/>
      <c r="I403" s="1009"/>
      <c r="J403" s="1009"/>
      <c r="K403" s="1009"/>
      <c r="L403" s="1009"/>
      <c r="M403" s="1009"/>
      <c r="N403" s="1009"/>
      <c r="O403" s="1009"/>
      <c r="P403" s="1009"/>
      <c r="Q403" s="1010"/>
      <c r="R403" s="1002"/>
      <c r="S403" s="1003"/>
    </row>
    <row r="404" spans="1:56" s="1007" customFormat="1" ht="69.599999999999994" customHeight="1" x14ac:dyDescent="0.2">
      <c r="A404" s="823" t="s">
        <v>192</v>
      </c>
      <c r="B404" s="458"/>
      <c r="C404" s="458"/>
      <c r="D404" s="458"/>
      <c r="E404" s="458"/>
      <c r="F404" s="458"/>
      <c r="G404" s="458"/>
      <c r="H404" s="458"/>
      <c r="I404" s="458"/>
      <c r="J404" s="458"/>
      <c r="K404" s="458"/>
      <c r="L404" s="458"/>
      <c r="M404" s="458"/>
      <c r="N404" s="458"/>
      <c r="O404" s="458"/>
      <c r="P404" s="458"/>
      <c r="Q404" s="459"/>
      <c r="R404" s="1002"/>
      <c r="S404" s="1005"/>
      <c r="T404" s="1006"/>
      <c r="U404" s="1006"/>
      <c r="V404" s="1006"/>
      <c r="W404" s="1006"/>
      <c r="X404" s="1006"/>
      <c r="Y404" s="1006"/>
      <c r="Z404" s="1006"/>
      <c r="AA404" s="1006"/>
      <c r="AB404" s="1006"/>
      <c r="AC404" s="1006"/>
      <c r="AD404" s="1006"/>
      <c r="AE404" s="1006"/>
      <c r="AF404" s="1006"/>
      <c r="AG404" s="1006"/>
      <c r="AH404" s="1006"/>
      <c r="AI404" s="1006"/>
      <c r="AJ404" s="1006"/>
      <c r="AK404" s="1006"/>
      <c r="AL404" s="1006"/>
      <c r="AM404" s="1006"/>
      <c r="AN404" s="1006"/>
      <c r="AO404" s="1006"/>
      <c r="AP404" s="1006"/>
      <c r="AQ404" s="1006"/>
      <c r="AR404" s="1006"/>
      <c r="AS404" s="1006"/>
      <c r="AT404" s="1006"/>
      <c r="AU404" s="1006"/>
      <c r="AV404" s="1006"/>
      <c r="AW404" s="1006"/>
      <c r="AX404" s="1006"/>
      <c r="AY404" s="1006"/>
      <c r="AZ404" s="1006"/>
      <c r="BA404" s="1006"/>
      <c r="BB404" s="1006"/>
    </row>
    <row r="405" spans="1:56" s="1007" customFormat="1" ht="69.599999999999994" customHeight="1" x14ac:dyDescent="0.2">
      <c r="A405" s="335" t="s">
        <v>100</v>
      </c>
      <c r="B405" s="336"/>
      <c r="C405" s="336"/>
      <c r="D405" s="336"/>
      <c r="E405" s="336"/>
      <c r="F405" s="336"/>
      <c r="G405" s="336"/>
      <c r="H405" s="336"/>
      <c r="I405" s="336"/>
      <c r="J405" s="336"/>
      <c r="K405" s="336"/>
      <c r="L405" s="336"/>
      <c r="M405" s="336"/>
      <c r="N405" s="336"/>
      <c r="O405" s="336"/>
      <c r="P405" s="336"/>
      <c r="Q405" s="337"/>
      <c r="R405" s="1002"/>
      <c r="S405" s="1005"/>
      <c r="T405" s="1006"/>
      <c r="U405" s="1006"/>
      <c r="V405" s="1006"/>
      <c r="W405" s="1006"/>
      <c r="X405" s="1006"/>
      <c r="Y405" s="1006"/>
      <c r="Z405" s="1006"/>
      <c r="AA405" s="1006"/>
      <c r="AB405" s="1006"/>
      <c r="AC405" s="1006"/>
      <c r="AD405" s="1006"/>
      <c r="AE405" s="1006"/>
      <c r="AF405" s="1006"/>
      <c r="AG405" s="1006"/>
      <c r="AH405" s="1006"/>
      <c r="AI405" s="1006"/>
      <c r="AJ405" s="1006"/>
      <c r="AK405" s="1006"/>
      <c r="AL405" s="1006"/>
      <c r="AM405" s="1006"/>
      <c r="AN405" s="1006"/>
      <c r="AO405" s="1006"/>
      <c r="AP405" s="1006"/>
      <c r="AQ405" s="1006"/>
      <c r="AR405" s="1006"/>
      <c r="AS405" s="1006"/>
      <c r="AT405" s="1006"/>
      <c r="AU405" s="1006"/>
      <c r="AV405" s="1006"/>
      <c r="AW405" s="1006"/>
      <c r="AX405" s="1006"/>
      <c r="AY405" s="1006"/>
      <c r="AZ405" s="1006"/>
      <c r="BA405" s="1006"/>
      <c r="BB405" s="1006"/>
    </row>
    <row r="406" spans="1:56" s="546" customFormat="1" ht="69.900000000000006" customHeight="1" x14ac:dyDescent="0.2">
      <c r="A406" s="70" t="s">
        <v>28</v>
      </c>
      <c r="B406" s="72"/>
      <c r="C406" s="72"/>
      <c r="D406" s="72"/>
      <c r="E406" s="72"/>
      <c r="F406" s="72"/>
      <c r="G406" s="72"/>
      <c r="H406" s="72"/>
      <c r="I406" s="72"/>
      <c r="J406" s="72"/>
      <c r="K406" s="72"/>
      <c r="L406" s="72"/>
      <c r="M406" s="72"/>
      <c r="N406" s="72"/>
      <c r="O406" s="72"/>
      <c r="P406" s="72"/>
      <c r="Q406" s="202"/>
      <c r="R406" s="561"/>
      <c r="S406" s="199"/>
    </row>
    <row r="407" spans="1:56" s="570" customFormat="1" ht="75" customHeight="1" x14ac:dyDescent="0.2">
      <c r="A407" s="575"/>
      <c r="B407" s="576"/>
      <c r="C407" s="576"/>
      <c r="D407" s="576"/>
      <c r="E407" s="576"/>
      <c r="F407" s="576"/>
      <c r="G407" s="576"/>
      <c r="H407" s="576"/>
      <c r="I407" s="576"/>
      <c r="J407" s="576"/>
      <c r="K407" s="576"/>
      <c r="L407" s="577"/>
      <c r="M407" s="576"/>
      <c r="N407" s="576"/>
      <c r="O407" s="576"/>
      <c r="P407" s="576"/>
      <c r="Q407" s="578"/>
      <c r="R407" s="561"/>
      <c r="S407" s="579"/>
    </row>
    <row r="408" spans="1:56" s="570" customFormat="1" ht="75" customHeight="1" thickBot="1" x14ac:dyDescent="0.25">
      <c r="A408" s="580"/>
      <c r="B408" s="581"/>
      <c r="C408" s="581"/>
      <c r="D408" s="581"/>
      <c r="E408" s="581"/>
      <c r="F408" s="581"/>
      <c r="G408" s="581"/>
      <c r="H408" s="581"/>
      <c r="I408" s="581"/>
      <c r="J408" s="581"/>
      <c r="K408" s="581"/>
      <c r="L408" s="582"/>
      <c r="M408" s="581"/>
      <c r="N408" s="581"/>
      <c r="O408" s="581"/>
      <c r="P408" s="581"/>
      <c r="Q408" s="583"/>
      <c r="R408" s="561"/>
      <c r="S408" s="579"/>
    </row>
    <row r="409" spans="1:56" s="546" customFormat="1" ht="69.900000000000006" customHeight="1" thickBot="1" x14ac:dyDescent="0.25">
      <c r="A409" s="996" t="s">
        <v>371</v>
      </c>
      <c r="B409" s="586"/>
      <c r="C409" s="586"/>
      <c r="D409" s="586"/>
      <c r="E409" s="586"/>
      <c r="F409" s="586"/>
      <c r="G409" s="586"/>
      <c r="H409" s="586"/>
      <c r="I409" s="586"/>
      <c r="J409" s="586"/>
      <c r="K409" s="586"/>
      <c r="L409" s="586"/>
      <c r="M409" s="586"/>
      <c r="N409" s="586"/>
      <c r="O409" s="586"/>
      <c r="P409" s="586"/>
      <c r="Q409" s="997"/>
      <c r="R409" s="561"/>
      <c r="S409" s="595"/>
      <c r="T409" s="596"/>
      <c r="U409" s="596"/>
      <c r="V409" s="600"/>
      <c r="W409" s="600"/>
      <c r="X409" s="600"/>
      <c r="Y409" s="600"/>
      <c r="Z409" s="600"/>
      <c r="AA409" s="600"/>
      <c r="AB409" s="600"/>
      <c r="AC409" s="600"/>
      <c r="AD409" s="600"/>
      <c r="AE409" s="600"/>
      <c r="AF409" s="600"/>
      <c r="AG409" s="600"/>
      <c r="AH409" s="600"/>
      <c r="AI409" s="600"/>
      <c r="AJ409" s="600"/>
      <c r="AK409" s="600"/>
      <c r="AL409" s="596"/>
      <c r="AM409" s="596"/>
      <c r="AN409" s="596"/>
      <c r="AO409" s="596"/>
      <c r="AP409" s="596"/>
      <c r="AQ409" s="596"/>
      <c r="AR409" s="596"/>
      <c r="AS409" s="596"/>
      <c r="AT409" s="596"/>
      <c r="AU409" s="596"/>
      <c r="AV409" s="596"/>
      <c r="AW409" s="596"/>
      <c r="AX409" s="596"/>
      <c r="AY409" s="596"/>
      <c r="AZ409" s="596"/>
      <c r="BA409" s="596"/>
      <c r="BB409" s="596"/>
    </row>
    <row r="410" spans="1:56" s="570" customFormat="1" ht="234.75" customHeight="1" thickTop="1" thickBot="1" x14ac:dyDescent="0.25">
      <c r="A410" s="610" t="s">
        <v>372</v>
      </c>
      <c r="B410" s="843"/>
      <c r="C410" s="843"/>
      <c r="D410" s="843"/>
      <c r="E410" s="843"/>
      <c r="F410" s="843"/>
      <c r="G410" s="843"/>
      <c r="H410" s="843"/>
      <c r="I410" s="843"/>
      <c r="J410" s="843"/>
      <c r="K410" s="843"/>
      <c r="L410" s="568"/>
      <c r="M410" s="843"/>
      <c r="N410" s="878"/>
      <c r="O410" s="872" t="s">
        <v>20</v>
      </c>
      <c r="P410" s="1011"/>
      <c r="Q410" s="873" t="s">
        <v>22</v>
      </c>
      <c r="R410" s="561"/>
      <c r="S410" s="569"/>
      <c r="T410" s="600"/>
      <c r="U410" s="600"/>
      <c r="V410" s="596"/>
      <c r="W410" s="596"/>
      <c r="X410" s="596"/>
      <c r="Y410" s="596"/>
      <c r="Z410" s="596"/>
      <c r="AA410" s="596"/>
      <c r="AB410" s="596"/>
      <c r="AC410" s="596"/>
      <c r="AD410" s="596"/>
      <c r="AE410" s="596"/>
      <c r="AF410" s="596"/>
      <c r="AG410" s="596"/>
      <c r="AH410" s="596"/>
      <c r="AI410" s="596"/>
      <c r="AJ410" s="596"/>
      <c r="AK410" s="596"/>
      <c r="AL410" s="600"/>
      <c r="AM410" s="600"/>
      <c r="AN410" s="600"/>
      <c r="AO410" s="600"/>
      <c r="AP410" s="600"/>
      <c r="AQ410" s="600"/>
      <c r="AR410" s="600"/>
      <c r="AS410" s="600"/>
      <c r="AT410" s="600"/>
      <c r="AU410" s="600"/>
      <c r="AV410" s="600"/>
      <c r="AW410" s="600"/>
      <c r="AX410" s="600"/>
      <c r="AY410" s="600"/>
      <c r="AZ410" s="600"/>
      <c r="BA410" s="600"/>
      <c r="BB410" s="600"/>
    </row>
    <row r="411" spans="1:56" s="57" customFormat="1" ht="162.75" customHeight="1" thickTop="1" thickBot="1" x14ac:dyDescent="0.25">
      <c r="A411" s="119" t="s">
        <v>195</v>
      </c>
      <c r="B411" s="93"/>
      <c r="C411" s="93"/>
      <c r="D411" s="93"/>
      <c r="E411" s="93"/>
      <c r="F411" s="93"/>
      <c r="G411" s="93"/>
      <c r="H411" s="93"/>
      <c r="I411" s="93"/>
      <c r="J411" s="93"/>
      <c r="K411" s="93"/>
      <c r="L411" s="93"/>
      <c r="M411" s="93"/>
      <c r="N411" s="93"/>
      <c r="O411" s="274" t="s">
        <v>27</v>
      </c>
      <c r="P411" s="467" t="s">
        <v>24</v>
      </c>
      <c r="Q411" s="1012" t="s">
        <v>22</v>
      </c>
      <c r="R411" s="55"/>
      <c r="S411" s="569"/>
      <c r="T411" s="106"/>
      <c r="U411" s="106"/>
      <c r="V411" s="106"/>
      <c r="W411" s="98"/>
      <c r="X411" s="98"/>
      <c r="Y411" s="98"/>
      <c r="Z411" s="98"/>
      <c r="AA411" s="98"/>
      <c r="AB411" s="98"/>
      <c r="AC411" s="98"/>
      <c r="AD411" s="98"/>
      <c r="AE411" s="98"/>
      <c r="AF411" s="98"/>
      <c r="AG411" s="98"/>
      <c r="AH411" s="98"/>
      <c r="AI411" s="98"/>
      <c r="AJ411" s="98"/>
      <c r="AK411" s="98"/>
      <c r="AL411" s="98"/>
      <c r="AM411" s="106"/>
      <c r="AN411" s="106"/>
      <c r="AO411" s="106"/>
      <c r="AP411" s="106"/>
      <c r="AQ411" s="106"/>
      <c r="AR411" s="106"/>
      <c r="AS411" s="106"/>
      <c r="AT411" s="106"/>
      <c r="AU411" s="106"/>
      <c r="AV411" s="106"/>
      <c r="AW411" s="106"/>
      <c r="AX411" s="106"/>
      <c r="AY411" s="106"/>
      <c r="AZ411" s="106"/>
      <c r="BA411" s="106"/>
      <c r="BB411" s="106"/>
      <c r="BC411" s="106"/>
    </row>
    <row r="412" spans="1:56" s="57" customFormat="1" ht="132" customHeight="1" thickTop="1" thickBot="1" x14ac:dyDescent="0.25">
      <c r="A412" s="119" t="s">
        <v>373</v>
      </c>
      <c r="B412" s="93"/>
      <c r="C412" s="93"/>
      <c r="D412" s="93"/>
      <c r="E412" s="93"/>
      <c r="F412" s="93"/>
      <c r="G412" s="93"/>
      <c r="H412" s="93"/>
      <c r="I412" s="93"/>
      <c r="J412" s="93"/>
      <c r="K412" s="93"/>
      <c r="L412" s="93"/>
      <c r="M412" s="93"/>
      <c r="N412" s="466"/>
      <c r="O412" s="351" t="s">
        <v>24</v>
      </c>
      <c r="P412" s="351" t="s">
        <v>25</v>
      </c>
      <c r="Q412" s="62" t="s">
        <v>22</v>
      </c>
      <c r="R412" s="55"/>
      <c r="S412" s="56"/>
      <c r="T412" s="14"/>
      <c r="U412" s="106"/>
      <c r="V412" s="106"/>
      <c r="W412" s="106"/>
      <c r="X412" s="106"/>
      <c r="Y412" s="106"/>
      <c r="Z412" s="106"/>
      <c r="AA412" s="106"/>
      <c r="AB412" s="106"/>
      <c r="AC412" s="106"/>
      <c r="AD412" s="106"/>
      <c r="AE412" s="106"/>
      <c r="AF412" s="106"/>
      <c r="AG412" s="106"/>
      <c r="AH412" s="106"/>
      <c r="AI412" s="106"/>
      <c r="AJ412" s="106"/>
      <c r="AK412" s="106"/>
      <c r="AL412" s="106"/>
      <c r="AM412" s="106"/>
      <c r="AN412" s="106"/>
      <c r="AO412" s="106"/>
      <c r="AP412" s="106"/>
      <c r="AQ412" s="106"/>
      <c r="AR412" s="106"/>
      <c r="AS412" s="106"/>
      <c r="AT412" s="106"/>
      <c r="AU412" s="106"/>
      <c r="AV412" s="106"/>
      <c r="AW412" s="106"/>
      <c r="AX412" s="106"/>
      <c r="AY412" s="106"/>
      <c r="AZ412" s="106"/>
      <c r="BA412" s="106"/>
      <c r="BB412" s="106"/>
      <c r="BC412" s="106"/>
      <c r="BD412" s="106"/>
    </row>
    <row r="413" spans="1:56" s="57" customFormat="1" ht="132" customHeight="1" thickTop="1" thickBot="1" x14ac:dyDescent="0.25">
      <c r="A413" s="94" t="s">
        <v>197</v>
      </c>
      <c r="B413" s="96"/>
      <c r="C413" s="96"/>
      <c r="D413" s="96"/>
      <c r="E413" s="96"/>
      <c r="F413" s="96"/>
      <c r="G413" s="96"/>
      <c r="H413" s="96"/>
      <c r="I413" s="96"/>
      <c r="J413" s="96"/>
      <c r="K413" s="96"/>
      <c r="L413" s="96"/>
      <c r="M413" s="96"/>
      <c r="N413" s="468"/>
      <c r="O413" s="53" t="s">
        <v>20</v>
      </c>
      <c r="P413" s="53" t="s">
        <v>21</v>
      </c>
      <c r="Q413" s="54" t="s">
        <v>22</v>
      </c>
      <c r="R413" s="55"/>
      <c r="S413" s="56"/>
      <c r="T413" s="14"/>
      <c r="U413" s="106"/>
      <c r="V413" s="106"/>
      <c r="W413" s="106"/>
      <c r="X413" s="106"/>
      <c r="Y413" s="106"/>
      <c r="Z413" s="106"/>
      <c r="AA413" s="106"/>
      <c r="AB413" s="106"/>
      <c r="AC413" s="106"/>
      <c r="AD413" s="106"/>
      <c r="AE413" s="106"/>
      <c r="AF413" s="106"/>
      <c r="AG413" s="106"/>
      <c r="AH413" s="106"/>
      <c r="AI413" s="106"/>
      <c r="AJ413" s="106"/>
      <c r="AK413" s="106"/>
      <c r="AL413" s="106"/>
      <c r="AM413" s="106"/>
      <c r="AN413" s="106"/>
      <c r="AO413" s="106"/>
      <c r="AP413" s="106"/>
      <c r="AQ413" s="106"/>
      <c r="AR413" s="106"/>
      <c r="AS413" s="106"/>
      <c r="AT413" s="106"/>
      <c r="AU413" s="106"/>
      <c r="AV413" s="106"/>
      <c r="AW413" s="106"/>
      <c r="AX413" s="106"/>
      <c r="AY413" s="106"/>
      <c r="AZ413" s="106"/>
      <c r="BA413" s="106"/>
      <c r="BB413" s="106"/>
      <c r="BC413" s="106"/>
      <c r="BD413" s="106"/>
    </row>
    <row r="414" spans="1:56" s="546" customFormat="1" ht="69.900000000000006" customHeight="1" thickTop="1" x14ac:dyDescent="0.2">
      <c r="A414" s="70" t="s">
        <v>28</v>
      </c>
      <c r="B414" s="72"/>
      <c r="C414" s="72"/>
      <c r="D414" s="72"/>
      <c r="E414" s="72"/>
      <c r="F414" s="72"/>
      <c r="G414" s="72"/>
      <c r="H414" s="72"/>
      <c r="I414" s="72"/>
      <c r="J414" s="72"/>
      <c r="K414" s="72"/>
      <c r="L414" s="72"/>
      <c r="M414" s="72"/>
      <c r="N414" s="72"/>
      <c r="O414" s="72"/>
      <c r="P414" s="72"/>
      <c r="Q414" s="202"/>
      <c r="R414" s="561"/>
      <c r="S414" s="199"/>
    </row>
    <row r="415" spans="1:56" s="570" customFormat="1" ht="75" customHeight="1" x14ac:dyDescent="0.2">
      <c r="A415" s="575"/>
      <c r="B415" s="576"/>
      <c r="C415" s="576"/>
      <c r="D415" s="576"/>
      <c r="E415" s="576"/>
      <c r="F415" s="576"/>
      <c r="G415" s="576"/>
      <c r="H415" s="576"/>
      <c r="I415" s="576"/>
      <c r="J415" s="576"/>
      <c r="K415" s="576"/>
      <c r="L415" s="577"/>
      <c r="M415" s="576"/>
      <c r="N415" s="576"/>
      <c r="O415" s="576"/>
      <c r="P415" s="576"/>
      <c r="Q415" s="578"/>
      <c r="R415" s="561"/>
      <c r="S415" s="579"/>
    </row>
    <row r="416" spans="1:56" s="570" customFormat="1" ht="75" customHeight="1" thickBot="1" x14ac:dyDescent="0.25">
      <c r="A416" s="606"/>
      <c r="B416" s="607"/>
      <c r="C416" s="607"/>
      <c r="D416" s="607"/>
      <c r="E416" s="607"/>
      <c r="F416" s="607"/>
      <c r="G416" s="607"/>
      <c r="H416" s="607"/>
      <c r="I416" s="607"/>
      <c r="J416" s="607"/>
      <c r="K416" s="607"/>
      <c r="L416" s="608"/>
      <c r="M416" s="607"/>
      <c r="N416" s="607"/>
      <c r="O416" s="607"/>
      <c r="P416" s="607"/>
      <c r="Q416" s="609"/>
      <c r="R416" s="561"/>
      <c r="S416" s="579"/>
    </row>
    <row r="417" spans="1:54" s="546" customFormat="1" ht="69.75" customHeight="1" thickBot="1" x14ac:dyDescent="0.25">
      <c r="A417" s="584" t="s">
        <v>374</v>
      </c>
      <c r="B417" s="593"/>
      <c r="C417" s="593"/>
      <c r="D417" s="593"/>
      <c r="E417" s="593"/>
      <c r="F417" s="593"/>
      <c r="G417" s="593"/>
      <c r="H417" s="593"/>
      <c r="I417" s="593"/>
      <c r="J417" s="593"/>
      <c r="K417" s="593"/>
      <c r="L417" s="586"/>
      <c r="M417" s="593"/>
      <c r="N417" s="593"/>
      <c r="O417" s="593"/>
      <c r="P417" s="593"/>
      <c r="Q417" s="594"/>
      <c r="R417" s="561"/>
      <c r="S417" s="555"/>
      <c r="T417" s="596"/>
      <c r="U417" s="596"/>
      <c r="V417" s="600"/>
      <c r="W417" s="600"/>
      <c r="X417" s="600"/>
      <c r="Y417" s="600"/>
      <c r="Z417" s="600"/>
      <c r="AA417" s="600"/>
      <c r="AB417" s="600"/>
      <c r="AC417" s="600"/>
      <c r="AD417" s="600"/>
      <c r="AE417" s="600"/>
      <c r="AF417" s="600"/>
      <c r="AG417" s="600"/>
      <c r="AH417" s="600"/>
      <c r="AI417" s="600"/>
      <c r="AJ417" s="600"/>
      <c r="AK417" s="600"/>
      <c r="AL417" s="596"/>
      <c r="AM417" s="596"/>
      <c r="AN417" s="596"/>
      <c r="AO417" s="596"/>
      <c r="AP417" s="596"/>
      <c r="AQ417" s="596"/>
      <c r="AR417" s="596"/>
      <c r="AS417" s="596"/>
      <c r="AT417" s="596"/>
      <c r="AU417" s="596"/>
      <c r="AV417" s="596"/>
      <c r="AW417" s="596"/>
      <c r="AX417" s="596"/>
      <c r="AY417" s="596"/>
      <c r="AZ417" s="596"/>
      <c r="BA417" s="596"/>
      <c r="BB417" s="596"/>
    </row>
    <row r="418" spans="1:54" s="546" customFormat="1" ht="141.75" customHeight="1" thickBot="1" x14ac:dyDescent="0.25">
      <c r="A418" s="1013" t="s">
        <v>375</v>
      </c>
      <c r="B418" s="1014"/>
      <c r="C418" s="1014"/>
      <c r="D418" s="1014"/>
      <c r="E418" s="1014"/>
      <c r="F418" s="1014"/>
      <c r="G418" s="1014"/>
      <c r="H418" s="1014"/>
      <c r="I418" s="1014"/>
      <c r="J418" s="1014"/>
      <c r="K418" s="1014"/>
      <c r="L418" s="1014"/>
      <c r="M418" s="1014"/>
      <c r="N418" s="1014"/>
      <c r="O418" s="1014"/>
      <c r="P418" s="1014"/>
      <c r="Q418" s="1015"/>
      <c r="R418" s="561"/>
      <c r="S418" s="595"/>
      <c r="T418" s="596"/>
      <c r="U418" s="596"/>
      <c r="V418" s="596"/>
      <c r="W418" s="596"/>
      <c r="X418" s="596"/>
      <c r="Y418" s="596"/>
      <c r="Z418" s="596"/>
      <c r="AA418" s="596"/>
      <c r="AB418" s="596"/>
      <c r="AC418" s="596"/>
      <c r="AD418" s="596"/>
      <c r="AE418" s="596"/>
      <c r="AF418" s="596"/>
      <c r="AG418" s="596"/>
      <c r="AH418" s="596"/>
      <c r="AI418" s="596"/>
      <c r="AJ418" s="596"/>
      <c r="AK418" s="596"/>
      <c r="AL418" s="596"/>
      <c r="AM418" s="596"/>
      <c r="AN418" s="596"/>
      <c r="AO418" s="596"/>
      <c r="AP418" s="596"/>
      <c r="AQ418" s="596"/>
      <c r="AR418" s="596"/>
      <c r="AS418" s="596"/>
      <c r="AT418" s="596"/>
      <c r="AU418" s="596"/>
      <c r="AV418" s="596"/>
      <c r="AW418" s="596"/>
      <c r="AX418" s="596"/>
      <c r="AY418" s="596"/>
      <c r="AZ418" s="596"/>
      <c r="BA418" s="596"/>
      <c r="BB418" s="596"/>
    </row>
    <row r="419" spans="1:54" s="570" customFormat="1" ht="199.95" customHeight="1" thickTop="1" thickBot="1" x14ac:dyDescent="0.25">
      <c r="A419" s="1016" t="s">
        <v>376</v>
      </c>
      <c r="B419" s="1017"/>
      <c r="C419" s="1017"/>
      <c r="D419" s="1017"/>
      <c r="E419" s="1017"/>
      <c r="F419" s="1017"/>
      <c r="G419" s="1017"/>
      <c r="H419" s="1017"/>
      <c r="I419" s="1017"/>
      <c r="J419" s="1017"/>
      <c r="K419" s="1017"/>
      <c r="L419" s="1017"/>
      <c r="M419" s="1018"/>
      <c r="N419" s="1019" t="s">
        <v>27</v>
      </c>
      <c r="O419" s="876" t="s">
        <v>20</v>
      </c>
      <c r="P419" s="876" t="s">
        <v>21</v>
      </c>
      <c r="Q419" s="877" t="s">
        <v>22</v>
      </c>
      <c r="R419" s="561"/>
      <c r="S419" s="569"/>
      <c r="T419" s="600"/>
      <c r="U419" s="600"/>
      <c r="V419" s="600"/>
      <c r="W419" s="600"/>
      <c r="X419" s="600"/>
      <c r="Y419" s="600"/>
      <c r="Z419" s="600"/>
      <c r="AA419" s="600"/>
      <c r="AB419" s="600"/>
      <c r="AC419" s="600"/>
      <c r="AD419" s="600"/>
      <c r="AE419" s="600"/>
      <c r="AF419" s="600"/>
      <c r="AG419" s="600"/>
      <c r="AH419" s="600"/>
      <c r="AI419" s="600"/>
      <c r="AJ419" s="600"/>
      <c r="AK419" s="600"/>
      <c r="AL419" s="600"/>
      <c r="AM419" s="600"/>
      <c r="AN419" s="600"/>
      <c r="AO419" s="600"/>
      <c r="AP419" s="600"/>
      <c r="AQ419" s="600"/>
      <c r="AR419" s="600"/>
      <c r="AS419" s="600"/>
      <c r="AT419" s="600"/>
      <c r="AU419" s="600"/>
      <c r="AV419" s="600"/>
      <c r="AW419" s="600"/>
      <c r="AX419" s="600"/>
      <c r="AY419" s="600"/>
      <c r="AZ419" s="600"/>
      <c r="BA419" s="600"/>
      <c r="BB419" s="600"/>
    </row>
    <row r="420" spans="1:54" s="570" customFormat="1" ht="201" customHeight="1" thickTop="1" thickBot="1" x14ac:dyDescent="0.25">
      <c r="A420" s="1020" t="s">
        <v>377</v>
      </c>
      <c r="B420" s="618"/>
      <c r="C420" s="618"/>
      <c r="D420" s="618"/>
      <c r="E420" s="618"/>
      <c r="F420" s="618"/>
      <c r="G420" s="618"/>
      <c r="H420" s="618"/>
      <c r="I420" s="618"/>
      <c r="J420" s="618"/>
      <c r="K420" s="618"/>
      <c r="L420" s="618"/>
      <c r="M420" s="1021"/>
      <c r="N420" s="1022" t="s">
        <v>27</v>
      </c>
      <c r="O420" s="876" t="s">
        <v>20</v>
      </c>
      <c r="P420" s="876" t="s">
        <v>21</v>
      </c>
      <c r="Q420" s="877" t="s">
        <v>22</v>
      </c>
      <c r="R420" s="561"/>
      <c r="S420" s="569"/>
      <c r="T420" s="600"/>
      <c r="U420" s="600"/>
      <c r="V420" s="596"/>
      <c r="W420" s="596"/>
      <c r="X420" s="596"/>
      <c r="Y420" s="596"/>
      <c r="Z420" s="596"/>
      <c r="AA420" s="596"/>
      <c r="AB420" s="596"/>
      <c r="AC420" s="596"/>
      <c r="AD420" s="596"/>
      <c r="AE420" s="596"/>
      <c r="AF420" s="596"/>
      <c r="AG420" s="596"/>
      <c r="AH420" s="596"/>
      <c r="AI420" s="596"/>
      <c r="AJ420" s="596"/>
      <c r="AK420" s="596"/>
      <c r="AL420" s="600"/>
      <c r="AM420" s="600"/>
      <c r="AN420" s="600"/>
      <c r="AO420" s="600"/>
      <c r="AP420" s="600"/>
      <c r="AQ420" s="600"/>
      <c r="AR420" s="600"/>
      <c r="AS420" s="600"/>
      <c r="AT420" s="600"/>
      <c r="AU420" s="600"/>
      <c r="AV420" s="600"/>
      <c r="AW420" s="600"/>
      <c r="AX420" s="600"/>
      <c r="AY420" s="600"/>
      <c r="AZ420" s="600"/>
      <c r="BA420" s="600"/>
      <c r="BB420" s="600"/>
    </row>
    <row r="421" spans="1:54" s="570" customFormat="1" ht="132" customHeight="1" thickTop="1" thickBot="1" x14ac:dyDescent="0.25">
      <c r="A421" s="1020" t="s">
        <v>378</v>
      </c>
      <c r="B421" s="618"/>
      <c r="C421" s="618"/>
      <c r="D421" s="618"/>
      <c r="E421" s="618"/>
      <c r="F421" s="618"/>
      <c r="G421" s="618"/>
      <c r="H421" s="618"/>
      <c r="I421" s="618"/>
      <c r="J421" s="618"/>
      <c r="K421" s="618"/>
      <c r="L421" s="618"/>
      <c r="M421" s="1021"/>
      <c r="N421" s="1023" t="s">
        <v>27</v>
      </c>
      <c r="O421" s="876" t="s">
        <v>20</v>
      </c>
      <c r="P421" s="876" t="s">
        <v>21</v>
      </c>
      <c r="Q421" s="877" t="s">
        <v>22</v>
      </c>
      <c r="R421" s="561"/>
      <c r="S421" s="569"/>
      <c r="T421" s="600"/>
      <c r="U421" s="600"/>
      <c r="V421" s="596"/>
      <c r="W421" s="596"/>
      <c r="X421" s="596"/>
      <c r="Y421" s="596"/>
      <c r="Z421" s="596"/>
      <c r="AA421" s="596"/>
      <c r="AB421" s="596"/>
      <c r="AC421" s="596"/>
      <c r="AD421" s="596"/>
      <c r="AE421" s="596"/>
      <c r="AF421" s="596"/>
      <c r="AG421" s="596"/>
      <c r="AH421" s="596"/>
      <c r="AI421" s="596"/>
      <c r="AJ421" s="596"/>
      <c r="AK421" s="596"/>
      <c r="AL421" s="600"/>
      <c r="AM421" s="600"/>
      <c r="AN421" s="600"/>
      <c r="AO421" s="600"/>
      <c r="AP421" s="600"/>
      <c r="AQ421" s="600"/>
      <c r="AR421" s="600"/>
      <c r="AS421" s="600"/>
      <c r="AT421" s="600"/>
      <c r="AU421" s="600"/>
      <c r="AV421" s="600"/>
      <c r="AW421" s="600"/>
      <c r="AX421" s="600"/>
      <c r="AY421" s="600"/>
      <c r="AZ421" s="600"/>
      <c r="BA421" s="600"/>
      <c r="BB421" s="600"/>
    </row>
    <row r="422" spans="1:54" s="570" customFormat="1" ht="132" customHeight="1" thickTop="1" thickBot="1" x14ac:dyDescent="0.25">
      <c r="A422" s="1024" t="s">
        <v>379</v>
      </c>
      <c r="B422" s="1025"/>
      <c r="C422" s="1025"/>
      <c r="D422" s="1025"/>
      <c r="E422" s="1025"/>
      <c r="F422" s="1025"/>
      <c r="G422" s="1025"/>
      <c r="H422" s="1025"/>
      <c r="I422" s="1025"/>
      <c r="J422" s="1025"/>
      <c r="K422" s="1025"/>
      <c r="L422" s="1025"/>
      <c r="M422" s="1026"/>
      <c r="N422" s="1027" t="s">
        <v>27</v>
      </c>
      <c r="O422" s="876" t="s">
        <v>20</v>
      </c>
      <c r="P422" s="876" t="s">
        <v>21</v>
      </c>
      <c r="Q422" s="877" t="s">
        <v>22</v>
      </c>
      <c r="R422" s="561"/>
      <c r="S422" s="569"/>
      <c r="T422" s="600"/>
      <c r="U422" s="600"/>
      <c r="V422" s="546"/>
      <c r="W422" s="546"/>
      <c r="X422" s="546"/>
      <c r="Y422" s="546"/>
      <c r="Z422" s="546"/>
      <c r="AA422" s="546"/>
      <c r="AB422" s="546"/>
      <c r="AC422" s="546"/>
      <c r="AD422" s="546"/>
      <c r="AE422" s="546"/>
      <c r="AF422" s="546"/>
      <c r="AG422" s="546"/>
      <c r="AH422" s="546"/>
      <c r="AI422" s="546"/>
      <c r="AJ422" s="546"/>
      <c r="AK422" s="546"/>
      <c r="AL422" s="600"/>
      <c r="AM422" s="600"/>
      <c r="AN422" s="600"/>
      <c r="AO422" s="600"/>
      <c r="AP422" s="600"/>
      <c r="AQ422" s="600"/>
      <c r="AR422" s="600"/>
      <c r="AS422" s="600"/>
      <c r="AT422" s="600"/>
      <c r="AU422" s="600"/>
      <c r="AV422" s="600"/>
      <c r="AW422" s="600"/>
      <c r="AX422" s="600"/>
      <c r="AY422" s="600"/>
      <c r="AZ422" s="600"/>
      <c r="BA422" s="600"/>
      <c r="BB422" s="600"/>
    </row>
    <row r="423" spans="1:54" s="546" customFormat="1" ht="69.900000000000006" customHeight="1" thickTop="1" x14ac:dyDescent="0.2">
      <c r="A423" s="70" t="s">
        <v>28</v>
      </c>
      <c r="B423" s="72"/>
      <c r="C423" s="72"/>
      <c r="D423" s="72"/>
      <c r="E423" s="72"/>
      <c r="F423" s="72"/>
      <c r="G423" s="72"/>
      <c r="H423" s="72"/>
      <c r="I423" s="72"/>
      <c r="J423" s="72"/>
      <c r="K423" s="72"/>
      <c r="L423" s="72"/>
      <c r="M423" s="72"/>
      <c r="N423" s="72"/>
      <c r="O423" s="72"/>
      <c r="P423" s="72"/>
      <c r="Q423" s="202"/>
      <c r="R423" s="561"/>
      <c r="S423" s="199"/>
    </row>
    <row r="424" spans="1:54" s="570" customFormat="1" ht="75" customHeight="1" x14ac:dyDescent="0.2">
      <c r="A424" s="575"/>
      <c r="B424" s="576"/>
      <c r="C424" s="576"/>
      <c r="D424" s="576"/>
      <c r="E424" s="576"/>
      <c r="F424" s="576"/>
      <c r="G424" s="576"/>
      <c r="H424" s="576"/>
      <c r="I424" s="576"/>
      <c r="J424" s="576"/>
      <c r="K424" s="576"/>
      <c r="L424" s="577"/>
      <c r="M424" s="576"/>
      <c r="N424" s="576"/>
      <c r="O424" s="576"/>
      <c r="P424" s="576"/>
      <c r="Q424" s="578"/>
      <c r="R424" s="561"/>
      <c r="S424" s="579"/>
    </row>
    <row r="425" spans="1:54" s="570" customFormat="1" ht="75" customHeight="1" thickBot="1" x14ac:dyDescent="0.25">
      <c r="A425" s="606"/>
      <c r="B425" s="607"/>
      <c r="C425" s="607"/>
      <c r="D425" s="607"/>
      <c r="E425" s="607"/>
      <c r="F425" s="607"/>
      <c r="G425" s="607"/>
      <c r="H425" s="607"/>
      <c r="I425" s="607"/>
      <c r="J425" s="607"/>
      <c r="K425" s="607"/>
      <c r="L425" s="608"/>
      <c r="M425" s="607"/>
      <c r="N425" s="607"/>
      <c r="O425" s="607"/>
      <c r="P425" s="607"/>
      <c r="Q425" s="609"/>
      <c r="R425" s="561"/>
      <c r="S425" s="723"/>
    </row>
    <row r="426" spans="1:54" s="546" customFormat="1" ht="21" customHeight="1" x14ac:dyDescent="0.2">
      <c r="A426" s="1028"/>
      <c r="B426" s="1028"/>
      <c r="C426" s="1028"/>
      <c r="D426" s="1028"/>
      <c r="E426" s="1028"/>
      <c r="F426" s="1028"/>
      <c r="G426" s="1028"/>
      <c r="H426" s="1028"/>
      <c r="I426" s="1028"/>
      <c r="J426" s="1028"/>
      <c r="K426" s="1028"/>
      <c r="L426" s="186"/>
      <c r="M426" s="1028"/>
      <c r="N426" s="1029"/>
      <c r="O426" s="1030"/>
      <c r="P426" s="1030"/>
      <c r="Q426" s="1030"/>
      <c r="R426" s="561"/>
      <c r="S426" s="595"/>
      <c r="T426" s="596"/>
      <c r="U426" s="596"/>
      <c r="AL426" s="596"/>
      <c r="AM426" s="596"/>
      <c r="AN426" s="596"/>
      <c r="AO426" s="596"/>
      <c r="AP426" s="596"/>
      <c r="AQ426" s="596"/>
      <c r="AR426" s="596"/>
      <c r="AS426" s="596"/>
      <c r="AT426" s="596"/>
      <c r="AU426" s="596"/>
      <c r="AV426" s="596"/>
      <c r="AW426" s="596"/>
      <c r="AX426" s="596"/>
      <c r="AY426" s="596"/>
      <c r="AZ426" s="596"/>
      <c r="BA426" s="596"/>
      <c r="BB426" s="596"/>
    </row>
    <row r="427" spans="1:54" s="1034" customFormat="1" ht="409.5" customHeight="1" x14ac:dyDescent="0.2">
      <c r="A427" s="1031" t="s">
        <v>380</v>
      </c>
      <c r="B427" s="1032"/>
      <c r="C427" s="1032"/>
      <c r="D427" s="1032"/>
      <c r="E427" s="1032"/>
      <c r="F427" s="1032"/>
      <c r="G427" s="1032"/>
      <c r="H427" s="1032"/>
      <c r="I427" s="1032"/>
      <c r="J427" s="1032"/>
      <c r="K427" s="1032"/>
      <c r="L427" s="1032"/>
      <c r="M427" s="1032"/>
      <c r="N427" s="1032"/>
      <c r="O427" s="1032"/>
      <c r="P427" s="1032"/>
      <c r="Q427" s="1032"/>
      <c r="R427" s="1032"/>
      <c r="S427" s="1033"/>
      <c r="V427" s="531"/>
      <c r="W427" s="531"/>
      <c r="X427" s="531"/>
      <c r="Y427" s="531"/>
      <c r="Z427" s="531"/>
      <c r="AA427" s="531"/>
      <c r="AB427" s="531"/>
      <c r="AC427" s="531"/>
      <c r="AD427" s="531"/>
      <c r="AE427" s="531"/>
      <c r="AF427" s="531"/>
      <c r="AG427" s="531"/>
      <c r="AH427" s="531"/>
      <c r="AI427" s="531"/>
      <c r="AJ427" s="531"/>
      <c r="AK427" s="531"/>
    </row>
    <row r="428" spans="1:54" s="1034" customFormat="1" ht="409.5" customHeight="1" x14ac:dyDescent="0.2">
      <c r="A428" s="1035"/>
      <c r="B428" s="1036"/>
      <c r="C428" s="1036"/>
      <c r="D428" s="1036"/>
      <c r="E428" s="1036"/>
      <c r="F428" s="1036"/>
      <c r="G428" s="1036"/>
      <c r="H428" s="1036"/>
      <c r="I428" s="1036"/>
      <c r="J428" s="1036"/>
      <c r="K428" s="1036"/>
      <c r="L428" s="1036"/>
      <c r="M428" s="1036"/>
      <c r="N428" s="1036"/>
      <c r="O428" s="1036"/>
      <c r="P428" s="1036"/>
      <c r="Q428" s="1036"/>
      <c r="R428" s="1036"/>
      <c r="S428" s="1037"/>
      <c r="V428" s="531"/>
      <c r="W428" s="531"/>
      <c r="X428" s="531"/>
      <c r="Y428" s="531"/>
      <c r="Z428" s="531"/>
      <c r="AA428" s="531"/>
      <c r="AB428" s="531"/>
      <c r="AC428" s="531"/>
      <c r="AD428" s="531"/>
      <c r="AE428" s="531"/>
      <c r="AF428" s="531"/>
      <c r="AG428" s="531"/>
      <c r="AH428" s="531"/>
      <c r="AI428" s="531"/>
      <c r="AJ428" s="531"/>
      <c r="AK428" s="531"/>
    </row>
    <row r="429" spans="1:54" s="1034" customFormat="1" ht="409.5" customHeight="1" x14ac:dyDescent="0.2">
      <c r="A429" s="1035"/>
      <c r="B429" s="1036"/>
      <c r="C429" s="1036"/>
      <c r="D429" s="1036"/>
      <c r="E429" s="1036"/>
      <c r="F429" s="1036"/>
      <c r="G429" s="1036"/>
      <c r="H429" s="1036"/>
      <c r="I429" s="1036"/>
      <c r="J429" s="1036"/>
      <c r="K429" s="1036"/>
      <c r="L429" s="1036"/>
      <c r="M429" s="1036"/>
      <c r="N429" s="1036"/>
      <c r="O429" s="1036"/>
      <c r="P429" s="1036"/>
      <c r="Q429" s="1036"/>
      <c r="R429" s="1036"/>
      <c r="S429" s="1037"/>
      <c r="V429" s="531"/>
      <c r="W429" s="531"/>
      <c r="X429" s="531"/>
      <c r="Y429" s="531"/>
      <c r="Z429" s="531"/>
      <c r="AA429" s="531"/>
      <c r="AB429" s="531"/>
      <c r="AC429" s="531"/>
      <c r="AD429" s="531"/>
      <c r="AE429" s="531"/>
      <c r="AF429" s="531"/>
      <c r="AG429" s="531"/>
      <c r="AH429" s="531"/>
      <c r="AI429" s="531"/>
      <c r="AJ429" s="531"/>
      <c r="AK429" s="531"/>
    </row>
    <row r="430" spans="1:54" s="1034" customFormat="1" ht="56.4" customHeight="1" x14ac:dyDescent="0.2">
      <c r="A430" s="1038"/>
      <c r="B430" s="1039"/>
      <c r="C430" s="1039"/>
      <c r="D430" s="1039"/>
      <c r="E430" s="1039"/>
      <c r="F430" s="1039"/>
      <c r="G430" s="1039"/>
      <c r="H430" s="1039"/>
      <c r="I430" s="1039"/>
      <c r="J430" s="1039"/>
      <c r="K430" s="1039"/>
      <c r="L430" s="1039"/>
      <c r="M430" s="1039"/>
      <c r="N430" s="1039"/>
      <c r="O430" s="1039"/>
      <c r="P430" s="1039"/>
      <c r="Q430" s="1039"/>
      <c r="R430" s="1039"/>
      <c r="S430" s="1040"/>
      <c r="V430" s="531"/>
      <c r="W430" s="531"/>
      <c r="X430" s="531"/>
      <c r="Y430" s="531"/>
      <c r="Z430" s="531"/>
      <c r="AA430" s="531"/>
      <c r="AB430" s="531"/>
      <c r="AC430" s="531"/>
      <c r="AD430" s="531"/>
      <c r="AE430" s="531"/>
      <c r="AF430" s="531"/>
      <c r="AG430" s="531"/>
      <c r="AH430" s="531"/>
      <c r="AI430" s="531"/>
      <c r="AJ430" s="531"/>
      <c r="AK430" s="531"/>
    </row>
    <row r="431" spans="1:54" s="492" customFormat="1" ht="13.5" customHeight="1" x14ac:dyDescent="0.2">
      <c r="A431" s="496"/>
      <c r="B431" s="496"/>
      <c r="C431" s="496"/>
      <c r="D431" s="496"/>
      <c r="E431" s="496"/>
      <c r="F431" s="496"/>
      <c r="G431" s="496"/>
      <c r="H431" s="496"/>
      <c r="I431" s="496"/>
      <c r="J431" s="496"/>
      <c r="K431" s="496"/>
      <c r="L431" s="496"/>
      <c r="M431" s="496"/>
      <c r="N431" s="1041"/>
      <c r="O431" s="1042"/>
      <c r="P431" s="1042"/>
      <c r="Q431" s="1042"/>
      <c r="R431" s="496"/>
      <c r="S431" s="496"/>
      <c r="V431" s="4"/>
      <c r="W431" s="4"/>
      <c r="X431" s="4"/>
      <c r="Y431" s="4"/>
      <c r="Z431" s="4"/>
      <c r="AA431" s="4"/>
      <c r="AB431" s="4"/>
      <c r="AC431" s="4"/>
      <c r="AD431" s="4"/>
      <c r="AE431" s="4"/>
      <c r="AF431" s="4"/>
      <c r="AG431" s="4"/>
      <c r="AH431" s="4"/>
      <c r="AI431" s="4"/>
      <c r="AJ431" s="4"/>
      <c r="AK431" s="4"/>
    </row>
    <row r="432" spans="1:54" s="503" customFormat="1" ht="55.2" x14ac:dyDescent="0.2">
      <c r="A432" s="497" t="s">
        <v>205</v>
      </c>
      <c r="B432" s="498"/>
      <c r="C432" s="498"/>
      <c r="D432" s="498"/>
      <c r="E432" s="498"/>
      <c r="F432" s="498"/>
      <c r="G432" s="498"/>
      <c r="H432" s="498"/>
      <c r="I432" s="498"/>
      <c r="J432" s="498"/>
      <c r="K432" s="498"/>
      <c r="L432" s="498"/>
      <c r="M432" s="498"/>
      <c r="N432" s="498"/>
      <c r="O432" s="498"/>
      <c r="P432" s="498"/>
      <c r="Q432" s="499"/>
      <c r="R432" s="500"/>
      <c r="S432" s="501"/>
    </row>
    <row r="433" spans="1:37" s="503" customFormat="1" ht="103.5" customHeight="1" x14ac:dyDescent="0.2">
      <c r="A433" s="1043" t="s">
        <v>206</v>
      </c>
      <c r="B433" s="1044"/>
      <c r="C433" s="1044"/>
      <c r="D433" s="1044"/>
      <c r="E433" s="1044"/>
      <c r="F433" s="1044"/>
      <c r="G433" s="1044"/>
      <c r="H433" s="1044"/>
      <c r="I433" s="1044"/>
      <c r="J433" s="1044"/>
      <c r="K433" s="1044"/>
      <c r="L433" s="1044"/>
      <c r="M433" s="1044"/>
      <c r="N433" s="1044"/>
      <c r="O433" s="1044"/>
      <c r="P433" s="1044"/>
      <c r="Q433" s="1045"/>
      <c r="R433" s="500"/>
      <c r="S433" s="501"/>
    </row>
    <row r="434" spans="1:37" s="503" customFormat="1" ht="103.5" customHeight="1" x14ac:dyDescent="0.2">
      <c r="A434" s="1046" t="s">
        <v>207</v>
      </c>
      <c r="B434" s="1047"/>
      <c r="C434" s="1047"/>
      <c r="D434" s="1047"/>
      <c r="E434" s="1047"/>
      <c r="F434" s="1047"/>
      <c r="G434" s="1047"/>
      <c r="H434" s="1047"/>
      <c r="I434" s="1047"/>
      <c r="J434" s="1047"/>
      <c r="K434" s="1047"/>
      <c r="L434" s="1047"/>
      <c r="M434" s="1047"/>
      <c r="N434" s="1047"/>
      <c r="O434" s="1047"/>
      <c r="P434" s="1047"/>
      <c r="Q434" s="1048"/>
      <c r="R434" s="500"/>
      <c r="S434" s="501"/>
    </row>
    <row r="435" spans="1:37" s="503" customFormat="1" ht="91.5" customHeight="1" x14ac:dyDescent="0.2">
      <c r="A435" s="510"/>
      <c r="B435" s="511" t="s">
        <v>208</v>
      </c>
      <c r="C435" s="512"/>
      <c r="D435" s="512"/>
      <c r="E435" s="512"/>
      <c r="F435" s="512"/>
      <c r="G435" s="512"/>
      <c r="H435" s="512"/>
      <c r="I435" s="513"/>
      <c r="J435" s="513"/>
      <c r="K435" s="514"/>
      <c r="L435" s="514"/>
      <c r="M435" s="514"/>
      <c r="N435" s="515"/>
      <c r="O435" s="515"/>
      <c r="P435" s="515"/>
      <c r="Q435" s="1049"/>
      <c r="R435" s="500"/>
      <c r="S435" s="501"/>
    </row>
    <row r="436" spans="1:37" s="503" customFormat="1" ht="19.5" customHeight="1" x14ac:dyDescent="0.2">
      <c r="A436" s="518"/>
      <c r="B436" s="519"/>
      <c r="C436" s="512"/>
      <c r="D436" s="512"/>
      <c r="E436" s="512"/>
      <c r="F436" s="512"/>
      <c r="G436" s="512"/>
      <c r="H436" s="512"/>
      <c r="I436" s="513"/>
      <c r="J436" s="513"/>
      <c r="K436" s="512"/>
      <c r="L436" s="512"/>
      <c r="M436" s="512"/>
      <c r="N436" s="520"/>
      <c r="O436" s="520"/>
      <c r="P436" s="520"/>
      <c r="Q436" s="1050"/>
      <c r="R436" s="500"/>
      <c r="S436" s="501"/>
    </row>
    <row r="437" spans="1:37" s="503" customFormat="1" ht="38.1" customHeight="1" x14ac:dyDescent="0.2">
      <c r="A437" s="514"/>
      <c r="B437" s="511"/>
      <c r="C437" s="514"/>
      <c r="D437" s="514"/>
      <c r="E437" s="514"/>
      <c r="F437" s="514"/>
      <c r="G437" s="514"/>
      <c r="H437" s="514"/>
      <c r="I437" s="516"/>
      <c r="J437" s="516"/>
      <c r="K437" s="514"/>
      <c r="L437" s="514"/>
      <c r="M437" s="514"/>
      <c r="N437" s="515"/>
      <c r="O437" s="515"/>
      <c r="P437" s="515"/>
      <c r="Q437" s="515"/>
      <c r="R437" s="500"/>
      <c r="S437" s="501"/>
    </row>
    <row r="438" spans="1:37" s="503" customFormat="1" ht="55.2" x14ac:dyDescent="0.2">
      <c r="A438" s="497" t="s">
        <v>205</v>
      </c>
      <c r="B438" s="498"/>
      <c r="C438" s="498"/>
      <c r="D438" s="498"/>
      <c r="E438" s="498"/>
      <c r="F438" s="498"/>
      <c r="G438" s="498"/>
      <c r="H438" s="498"/>
      <c r="I438" s="498"/>
      <c r="J438" s="498"/>
      <c r="K438" s="498"/>
      <c r="L438" s="498"/>
      <c r="M438" s="498"/>
      <c r="N438" s="498"/>
      <c r="O438" s="498"/>
      <c r="P438" s="498"/>
      <c r="Q438" s="499"/>
      <c r="R438" s="500"/>
      <c r="S438" s="501"/>
    </row>
    <row r="439" spans="1:37" s="503" customFormat="1" ht="103.5" customHeight="1" x14ac:dyDescent="0.2">
      <c r="A439" s="1043" t="s">
        <v>206</v>
      </c>
      <c r="B439" s="1044"/>
      <c r="C439" s="1044"/>
      <c r="D439" s="1044"/>
      <c r="E439" s="1044"/>
      <c r="F439" s="1044"/>
      <c r="G439" s="1044"/>
      <c r="H439" s="1044"/>
      <c r="I439" s="1044"/>
      <c r="J439" s="1044"/>
      <c r="K439" s="1044"/>
      <c r="L439" s="1044"/>
      <c r="M439" s="1044"/>
      <c r="N439" s="1044"/>
      <c r="O439" s="1044"/>
      <c r="P439" s="1044"/>
      <c r="Q439" s="1045"/>
      <c r="R439" s="500"/>
      <c r="S439" s="501"/>
    </row>
    <row r="440" spans="1:37" s="503" customFormat="1" ht="103.5" customHeight="1" x14ac:dyDescent="0.2">
      <c r="A440" s="1046" t="s">
        <v>207</v>
      </c>
      <c r="B440" s="1047"/>
      <c r="C440" s="1047"/>
      <c r="D440" s="1047"/>
      <c r="E440" s="1047"/>
      <c r="F440" s="1047"/>
      <c r="G440" s="1047"/>
      <c r="H440" s="1047"/>
      <c r="I440" s="1047"/>
      <c r="J440" s="1047"/>
      <c r="K440" s="1047"/>
      <c r="L440" s="1047"/>
      <c r="M440" s="1047"/>
      <c r="N440" s="1047"/>
      <c r="O440" s="1047"/>
      <c r="P440" s="1047"/>
      <c r="Q440" s="1048"/>
      <c r="R440" s="500"/>
      <c r="S440" s="501"/>
    </row>
    <row r="441" spans="1:37" s="503" customFormat="1" ht="91.5" customHeight="1" x14ac:dyDescent="0.2">
      <c r="A441" s="510"/>
      <c r="B441" s="511" t="s">
        <v>208</v>
      </c>
      <c r="C441" s="512"/>
      <c r="D441" s="512"/>
      <c r="E441" s="512"/>
      <c r="F441" s="512"/>
      <c r="G441" s="512"/>
      <c r="H441" s="512"/>
      <c r="I441" s="513"/>
      <c r="J441" s="513"/>
      <c r="K441" s="514"/>
      <c r="L441" s="514"/>
      <c r="M441" s="514"/>
      <c r="N441" s="515"/>
      <c r="O441" s="515"/>
      <c r="P441" s="515"/>
      <c r="Q441" s="1049"/>
      <c r="R441" s="500"/>
      <c r="S441" s="501"/>
    </row>
    <row r="442" spans="1:37" s="503" customFormat="1" ht="19.5" customHeight="1" x14ac:dyDescent="0.2">
      <c r="A442" s="518"/>
      <c r="B442" s="519"/>
      <c r="C442" s="512"/>
      <c r="D442" s="512"/>
      <c r="E442" s="512"/>
      <c r="F442" s="512"/>
      <c r="G442" s="512"/>
      <c r="H442" s="512"/>
      <c r="I442" s="513"/>
      <c r="J442" s="513"/>
      <c r="K442" s="512"/>
      <c r="L442" s="512"/>
      <c r="M442" s="512"/>
      <c r="N442" s="520"/>
      <c r="O442" s="520"/>
      <c r="P442" s="520"/>
      <c r="Q442" s="1050"/>
      <c r="R442" s="500"/>
      <c r="S442" s="501"/>
    </row>
    <row r="443" spans="1:37" s="503" customFormat="1" ht="55.2" x14ac:dyDescent="0.2">
      <c r="A443" s="522"/>
      <c r="B443" s="522"/>
      <c r="C443" s="522"/>
      <c r="D443" s="522"/>
      <c r="E443" s="522"/>
      <c r="F443" s="522"/>
      <c r="G443" s="522"/>
      <c r="H443" s="522"/>
      <c r="I443" s="522"/>
      <c r="J443" s="522"/>
      <c r="K443" s="522"/>
      <c r="L443" s="522"/>
      <c r="M443" s="522"/>
      <c r="N443" s="522"/>
      <c r="O443" s="522"/>
      <c r="P443" s="515"/>
      <c r="Q443" s="515"/>
      <c r="R443" s="500"/>
      <c r="S443" s="501"/>
    </row>
    <row r="444" spans="1:37" s="1034" customFormat="1" ht="13.5" customHeight="1" x14ac:dyDescent="0.2">
      <c r="A444" s="1051"/>
      <c r="B444" s="1051"/>
      <c r="C444" s="1051"/>
      <c r="D444" s="1051"/>
      <c r="E444" s="1051"/>
      <c r="F444" s="1051"/>
      <c r="G444" s="1051"/>
      <c r="H444" s="1051"/>
      <c r="I444" s="1051"/>
      <c r="J444" s="1051"/>
      <c r="K444" s="1051"/>
      <c r="L444" s="1052"/>
      <c r="M444" s="1051"/>
      <c r="N444" s="1051"/>
      <c r="O444" s="1053"/>
      <c r="P444" s="1053"/>
      <c r="Q444" s="1053"/>
      <c r="R444" s="1051"/>
      <c r="S444" s="1051"/>
      <c r="V444" s="531"/>
      <c r="W444" s="531"/>
      <c r="X444" s="531"/>
      <c r="Y444" s="531"/>
      <c r="Z444" s="531"/>
      <c r="AA444" s="531"/>
      <c r="AB444" s="531"/>
      <c r="AC444" s="531"/>
      <c r="AD444" s="531"/>
      <c r="AE444" s="531"/>
      <c r="AF444" s="531"/>
      <c r="AG444" s="531"/>
      <c r="AH444" s="531"/>
      <c r="AI444" s="531"/>
      <c r="AJ444" s="531"/>
      <c r="AK444" s="531"/>
    </row>
  </sheetData>
  <mergeCells count="497">
    <mergeCell ref="A438:Q438"/>
    <mergeCell ref="A439:Q439"/>
    <mergeCell ref="A440:Q440"/>
    <mergeCell ref="A443:O443"/>
    <mergeCell ref="A424:Q424"/>
    <mergeCell ref="A425:Q425"/>
    <mergeCell ref="A427:S430"/>
    <mergeCell ref="A432:Q432"/>
    <mergeCell ref="A433:Q433"/>
    <mergeCell ref="A434:Q434"/>
    <mergeCell ref="A418:Q418"/>
    <mergeCell ref="A419:M419"/>
    <mergeCell ref="A420:M420"/>
    <mergeCell ref="A421:M421"/>
    <mergeCell ref="A422:M422"/>
    <mergeCell ref="A423:Q423"/>
    <mergeCell ref="A412:N412"/>
    <mergeCell ref="A413:N413"/>
    <mergeCell ref="A414:Q414"/>
    <mergeCell ref="A415:Q415"/>
    <mergeCell ref="A416:Q416"/>
    <mergeCell ref="A417:Q417"/>
    <mergeCell ref="A406:Q406"/>
    <mergeCell ref="A407:Q407"/>
    <mergeCell ref="A408:Q408"/>
    <mergeCell ref="A409:Q409"/>
    <mergeCell ref="A410:N410"/>
    <mergeCell ref="A411:N411"/>
    <mergeCell ref="A400:Q400"/>
    <mergeCell ref="A401:Q401"/>
    <mergeCell ref="A402:Q402"/>
    <mergeCell ref="A403:Q403"/>
    <mergeCell ref="A404:Q404"/>
    <mergeCell ref="A405:Q405"/>
    <mergeCell ref="A394:Q394"/>
    <mergeCell ref="A395:Q395"/>
    <mergeCell ref="A396:Q396"/>
    <mergeCell ref="A397:Q397"/>
    <mergeCell ref="A398:M398"/>
    <mergeCell ref="A399:Q399"/>
    <mergeCell ref="A388:Q388"/>
    <mergeCell ref="A389:Q389"/>
    <mergeCell ref="A390:Q390"/>
    <mergeCell ref="A391:Q391"/>
    <mergeCell ref="A392:N392"/>
    <mergeCell ref="A393:Q393"/>
    <mergeCell ref="A382:Q382"/>
    <mergeCell ref="A383:Q383"/>
    <mergeCell ref="A384:Q384"/>
    <mergeCell ref="A385:Q385"/>
    <mergeCell ref="A386:Q386"/>
    <mergeCell ref="A387:Q387"/>
    <mergeCell ref="A376:Q376"/>
    <mergeCell ref="A377:Q377"/>
    <mergeCell ref="A378:Q378"/>
    <mergeCell ref="A379:Q379"/>
    <mergeCell ref="A380:N380"/>
    <mergeCell ref="A381:Q381"/>
    <mergeCell ref="A371:J371"/>
    <mergeCell ref="K371:Q371"/>
    <mergeCell ref="A372:Q372"/>
    <mergeCell ref="A373:Q373"/>
    <mergeCell ref="A374:Q374"/>
    <mergeCell ref="A375:Q375"/>
    <mergeCell ref="A367:J368"/>
    <mergeCell ref="K367:L368"/>
    <mergeCell ref="M367:Q367"/>
    <mergeCell ref="M368:Q368"/>
    <mergeCell ref="A369:J370"/>
    <mergeCell ref="K369:L370"/>
    <mergeCell ref="M369:Q369"/>
    <mergeCell ref="M370:Q370"/>
    <mergeCell ref="A362:N362"/>
    <mergeCell ref="A363:N363"/>
    <mergeCell ref="A364:Q364"/>
    <mergeCell ref="A365:Q365"/>
    <mergeCell ref="A366:J366"/>
    <mergeCell ref="K366:Q366"/>
    <mergeCell ref="A356:Q356"/>
    <mergeCell ref="A357:Q357"/>
    <mergeCell ref="A358:Q358"/>
    <mergeCell ref="A359:Q359"/>
    <mergeCell ref="A360:Q360"/>
    <mergeCell ref="A361:Q361"/>
    <mergeCell ref="A352:I352"/>
    <mergeCell ref="J352:Q352"/>
    <mergeCell ref="A353:I355"/>
    <mergeCell ref="K353:Q353"/>
    <mergeCell ref="J354:Q354"/>
    <mergeCell ref="J355:K355"/>
    <mergeCell ref="M355:Q355"/>
    <mergeCell ref="A347:I347"/>
    <mergeCell ref="J347:Q347"/>
    <mergeCell ref="A348:N348"/>
    <mergeCell ref="A349:M349"/>
    <mergeCell ref="A350:Q350"/>
    <mergeCell ref="A351:Q351"/>
    <mergeCell ref="A343:I343"/>
    <mergeCell ref="J343:Q343"/>
    <mergeCell ref="A344:I344"/>
    <mergeCell ref="J344:Q344"/>
    <mergeCell ref="A345:Q345"/>
    <mergeCell ref="A346:I346"/>
    <mergeCell ref="J346:Q346"/>
    <mergeCell ref="A338:I338"/>
    <mergeCell ref="J338:Q338"/>
    <mergeCell ref="A339:I339"/>
    <mergeCell ref="J339:Q339"/>
    <mergeCell ref="A340:I342"/>
    <mergeCell ref="K340:Q340"/>
    <mergeCell ref="J341:Q341"/>
    <mergeCell ref="J342:K342"/>
    <mergeCell ref="M342:Q342"/>
    <mergeCell ref="A334:Q334"/>
    <mergeCell ref="A335:I335"/>
    <mergeCell ref="J335:Q335"/>
    <mergeCell ref="A336:I337"/>
    <mergeCell ref="J336:Q336"/>
    <mergeCell ref="J337:K337"/>
    <mergeCell ref="M337:Q337"/>
    <mergeCell ref="A331:I331"/>
    <mergeCell ref="J331:Q331"/>
    <mergeCell ref="A332:I332"/>
    <mergeCell ref="J332:Q332"/>
    <mergeCell ref="A333:I333"/>
    <mergeCell ref="J333:Q333"/>
    <mergeCell ref="A327:I327"/>
    <mergeCell ref="J327:Q327"/>
    <mergeCell ref="A328:I328"/>
    <mergeCell ref="J328:Q328"/>
    <mergeCell ref="A329:Q329"/>
    <mergeCell ref="A330:Q330"/>
    <mergeCell ref="A323:I323"/>
    <mergeCell ref="J323:Q323"/>
    <mergeCell ref="A324:I326"/>
    <mergeCell ref="K324:Q324"/>
    <mergeCell ref="J325:Q325"/>
    <mergeCell ref="J326:K326"/>
    <mergeCell ref="M326:Q326"/>
    <mergeCell ref="A319:Q319"/>
    <mergeCell ref="A320:I320"/>
    <mergeCell ref="J320:Q320"/>
    <mergeCell ref="A321:I322"/>
    <mergeCell ref="J321:Q321"/>
    <mergeCell ref="J322:K322"/>
    <mergeCell ref="M322:Q322"/>
    <mergeCell ref="A314:I314"/>
    <mergeCell ref="J314:Q314"/>
    <mergeCell ref="A315:Q315"/>
    <mergeCell ref="A316:I316"/>
    <mergeCell ref="J316:Q316"/>
    <mergeCell ref="A317:I318"/>
    <mergeCell ref="J317:Q317"/>
    <mergeCell ref="J318:K318"/>
    <mergeCell ref="M318:Q318"/>
    <mergeCell ref="A310:I312"/>
    <mergeCell ref="K310:Q310"/>
    <mergeCell ref="J311:Q311"/>
    <mergeCell ref="J312:K312"/>
    <mergeCell ref="M312:Q312"/>
    <mergeCell ref="A313:I313"/>
    <mergeCell ref="J313:Q313"/>
    <mergeCell ref="A306:Q306"/>
    <mergeCell ref="A307:I307"/>
    <mergeCell ref="J307:Q307"/>
    <mergeCell ref="A308:I309"/>
    <mergeCell ref="J308:Q308"/>
    <mergeCell ref="J309:K309"/>
    <mergeCell ref="M309:Q309"/>
    <mergeCell ref="A301:I301"/>
    <mergeCell ref="J301:Q301"/>
    <mergeCell ref="A302:Q302"/>
    <mergeCell ref="A303:Q303"/>
    <mergeCell ref="A304:Q304"/>
    <mergeCell ref="A305:Q305"/>
    <mergeCell ref="A296:I298"/>
    <mergeCell ref="K296:Q296"/>
    <mergeCell ref="J297:Q297"/>
    <mergeCell ref="J298:K298"/>
    <mergeCell ref="M298:Q298"/>
    <mergeCell ref="A299:I300"/>
    <mergeCell ref="J299:Q299"/>
    <mergeCell ref="J300:K300"/>
    <mergeCell ref="M300:Q300"/>
    <mergeCell ref="A291:I292"/>
    <mergeCell ref="J291:Q291"/>
    <mergeCell ref="J292:K292"/>
    <mergeCell ref="M292:Q292"/>
    <mergeCell ref="A293:I295"/>
    <mergeCell ref="K293:Q293"/>
    <mergeCell ref="J294:Q294"/>
    <mergeCell ref="J295:K295"/>
    <mergeCell ref="M295:Q295"/>
    <mergeCell ref="A287:Q287"/>
    <mergeCell ref="A288:I288"/>
    <mergeCell ref="J288:Q288"/>
    <mergeCell ref="A289:I290"/>
    <mergeCell ref="J289:Q289"/>
    <mergeCell ref="J290:K290"/>
    <mergeCell ref="M290:Q290"/>
    <mergeCell ref="A281:Q281"/>
    <mergeCell ref="A282:Q282"/>
    <mergeCell ref="A283:Q283"/>
    <mergeCell ref="A284:Q284"/>
    <mergeCell ref="A285:N285"/>
    <mergeCell ref="A286:Q286"/>
    <mergeCell ref="A275:M275"/>
    <mergeCell ref="A276:Q276"/>
    <mergeCell ref="A277:Q277"/>
    <mergeCell ref="A278:Q278"/>
    <mergeCell ref="A279:Q279"/>
    <mergeCell ref="A280:M280"/>
    <mergeCell ref="A269:N269"/>
    <mergeCell ref="A270:M270"/>
    <mergeCell ref="A271:Q271"/>
    <mergeCell ref="A272:Q272"/>
    <mergeCell ref="A273:Q273"/>
    <mergeCell ref="A274:Q274"/>
    <mergeCell ref="A263:Q263"/>
    <mergeCell ref="A264:N264"/>
    <mergeCell ref="A265:Q265"/>
    <mergeCell ref="A266:Q266"/>
    <mergeCell ref="A267:Q267"/>
    <mergeCell ref="A268:Q268"/>
    <mergeCell ref="A257:Q257"/>
    <mergeCell ref="A258:K258"/>
    <mergeCell ref="A259:N259"/>
    <mergeCell ref="A260:Q260"/>
    <mergeCell ref="A261:Q261"/>
    <mergeCell ref="A262:Q262"/>
    <mergeCell ref="A251:Q251"/>
    <mergeCell ref="A252:N252"/>
    <mergeCell ref="A253:N253"/>
    <mergeCell ref="A254:Q254"/>
    <mergeCell ref="A255:Q255"/>
    <mergeCell ref="A256:Q256"/>
    <mergeCell ref="A245:Q245"/>
    <mergeCell ref="A246:Q246"/>
    <mergeCell ref="A247:M247"/>
    <mergeCell ref="A248:Q248"/>
    <mergeCell ref="A249:Q249"/>
    <mergeCell ref="A250:Q250"/>
    <mergeCell ref="A239:Q239"/>
    <mergeCell ref="A240:Q240"/>
    <mergeCell ref="A241:M241"/>
    <mergeCell ref="A242:Q242"/>
    <mergeCell ref="A243:Q243"/>
    <mergeCell ref="A244:Q244"/>
    <mergeCell ref="A233:Q233"/>
    <mergeCell ref="A234:Q234"/>
    <mergeCell ref="A235:Q235"/>
    <mergeCell ref="A236:M236"/>
    <mergeCell ref="A237:Q237"/>
    <mergeCell ref="A238:Q238"/>
    <mergeCell ref="A228:J228"/>
    <mergeCell ref="K228:Q228"/>
    <mergeCell ref="A229:Q229"/>
    <mergeCell ref="A230:M230"/>
    <mergeCell ref="A231:M231"/>
    <mergeCell ref="A232:Q232"/>
    <mergeCell ref="A222:J222"/>
    <mergeCell ref="K222:Q222"/>
    <mergeCell ref="A223:J224"/>
    <mergeCell ref="K223:Q223"/>
    <mergeCell ref="K224:Q224"/>
    <mergeCell ref="A225:J227"/>
    <mergeCell ref="L225:Q225"/>
    <mergeCell ref="K226:K227"/>
    <mergeCell ref="L226:Q226"/>
    <mergeCell ref="L227:Q227"/>
    <mergeCell ref="A218:J219"/>
    <mergeCell ref="K218:Q218"/>
    <mergeCell ref="K219:Q219"/>
    <mergeCell ref="A220:J221"/>
    <mergeCell ref="K220:Q220"/>
    <mergeCell ref="K221:Q221"/>
    <mergeCell ref="A214:J214"/>
    <mergeCell ref="K214:Q214"/>
    <mergeCell ref="A215:J215"/>
    <mergeCell ref="K215:Q215"/>
    <mergeCell ref="A216:J217"/>
    <mergeCell ref="K216:Q216"/>
    <mergeCell ref="K217:Q217"/>
    <mergeCell ref="A208:Q208"/>
    <mergeCell ref="A209:Q209"/>
    <mergeCell ref="A210:M210"/>
    <mergeCell ref="A211:Q211"/>
    <mergeCell ref="A212:J213"/>
    <mergeCell ref="K212:Q212"/>
    <mergeCell ref="K213:Q213"/>
    <mergeCell ref="A202:Q202"/>
    <mergeCell ref="A203:Q203"/>
    <mergeCell ref="A204:Q204"/>
    <mergeCell ref="A205:N205"/>
    <mergeCell ref="A206:Q206"/>
    <mergeCell ref="A207:Q207"/>
    <mergeCell ref="A196:Q196"/>
    <mergeCell ref="A197:Q197"/>
    <mergeCell ref="A198:Q198"/>
    <mergeCell ref="A199:Q199"/>
    <mergeCell ref="A200:Q200"/>
    <mergeCell ref="A201:Q201"/>
    <mergeCell ref="A190:M190"/>
    <mergeCell ref="A191:Q191"/>
    <mergeCell ref="A192:Q192"/>
    <mergeCell ref="A193:Q193"/>
    <mergeCell ref="A194:Q194"/>
    <mergeCell ref="A195:M195"/>
    <mergeCell ref="A184:M184"/>
    <mergeCell ref="A185:Q185"/>
    <mergeCell ref="A186:Q186"/>
    <mergeCell ref="A187:Q187"/>
    <mergeCell ref="A188:Q188"/>
    <mergeCell ref="A189:Q189"/>
    <mergeCell ref="A178:N178"/>
    <mergeCell ref="A179:N179"/>
    <mergeCell ref="A180:Q180"/>
    <mergeCell ref="A181:Q181"/>
    <mergeCell ref="A182:Q182"/>
    <mergeCell ref="A183:Q183"/>
    <mergeCell ref="A172:Q172"/>
    <mergeCell ref="A173:Q173"/>
    <mergeCell ref="A174:Q174"/>
    <mergeCell ref="A175:Q175"/>
    <mergeCell ref="A176:Q176"/>
    <mergeCell ref="A177:N177"/>
    <mergeCell ref="A166:Q166"/>
    <mergeCell ref="A167:Q167"/>
    <mergeCell ref="A168:N168"/>
    <mergeCell ref="A169:Q169"/>
    <mergeCell ref="A170:Q170"/>
    <mergeCell ref="A171:Q171"/>
    <mergeCell ref="A160:Q160"/>
    <mergeCell ref="A161:Q161"/>
    <mergeCell ref="A162:Q162"/>
    <mergeCell ref="A163:Q163"/>
    <mergeCell ref="A164:Q164"/>
    <mergeCell ref="A165:Q165"/>
    <mergeCell ref="A154:N154"/>
    <mergeCell ref="A155:Q155"/>
    <mergeCell ref="A156:Q156"/>
    <mergeCell ref="A157:Q157"/>
    <mergeCell ref="A158:Q158"/>
    <mergeCell ref="A159:N159"/>
    <mergeCell ref="A148:Q148"/>
    <mergeCell ref="A149:Q149"/>
    <mergeCell ref="A150:Q150"/>
    <mergeCell ref="A151:Q151"/>
    <mergeCell ref="A152:Q152"/>
    <mergeCell ref="A153:Q153"/>
    <mergeCell ref="A142:Q142"/>
    <mergeCell ref="A143:Q143"/>
    <mergeCell ref="A144:Q144"/>
    <mergeCell ref="A145:N145"/>
    <mergeCell ref="A146:Q146"/>
    <mergeCell ref="A147:Q147"/>
    <mergeCell ref="A136:N136"/>
    <mergeCell ref="A137:M137"/>
    <mergeCell ref="A138:M138"/>
    <mergeCell ref="A139:N139"/>
    <mergeCell ref="A140:Q140"/>
    <mergeCell ref="A141:Q141"/>
    <mergeCell ref="A130:Q130"/>
    <mergeCell ref="A131:N131"/>
    <mergeCell ref="A132:Q132"/>
    <mergeCell ref="A133:Q133"/>
    <mergeCell ref="A134:Q134"/>
    <mergeCell ref="A135:Q135"/>
    <mergeCell ref="A124:Q124"/>
    <mergeCell ref="A125:Q125"/>
    <mergeCell ref="A126:N126"/>
    <mergeCell ref="A127:Q127"/>
    <mergeCell ref="A128:Q128"/>
    <mergeCell ref="A129:Q129"/>
    <mergeCell ref="A118:Q118"/>
    <mergeCell ref="A119:Q119"/>
    <mergeCell ref="A120:Q120"/>
    <mergeCell ref="A121:Q121"/>
    <mergeCell ref="A122:Q122"/>
    <mergeCell ref="A123:Q123"/>
    <mergeCell ref="A111:Q111"/>
    <mergeCell ref="A112:Q112"/>
    <mergeCell ref="A113:Q113"/>
    <mergeCell ref="A114:Q114"/>
    <mergeCell ref="A115:N117"/>
    <mergeCell ref="O115:O117"/>
    <mergeCell ref="P115:P117"/>
    <mergeCell ref="Q115:Q117"/>
    <mergeCell ref="A104:J106"/>
    <mergeCell ref="K104:Q104"/>
    <mergeCell ref="K105:Q105"/>
    <mergeCell ref="K106:Q106"/>
    <mergeCell ref="A107:J110"/>
    <mergeCell ref="K107:Q107"/>
    <mergeCell ref="K108:Q108"/>
    <mergeCell ref="K109:Q109"/>
    <mergeCell ref="K110:L110"/>
    <mergeCell ref="M110:Q110"/>
    <mergeCell ref="A98:Q98"/>
    <mergeCell ref="A99:Q99"/>
    <mergeCell ref="A100:M100"/>
    <mergeCell ref="A101:Q101"/>
    <mergeCell ref="A102:Q102"/>
    <mergeCell ref="A103:J103"/>
    <mergeCell ref="K103:L103"/>
    <mergeCell ref="M103:Q103"/>
    <mergeCell ref="A92:Q92"/>
    <mergeCell ref="A93:N93"/>
    <mergeCell ref="A94:N94"/>
    <mergeCell ref="A95:N95"/>
    <mergeCell ref="A96:Q96"/>
    <mergeCell ref="A97:Q97"/>
    <mergeCell ref="A87:J88"/>
    <mergeCell ref="K87:Q87"/>
    <mergeCell ref="K88:Q88"/>
    <mergeCell ref="A89:Q89"/>
    <mergeCell ref="A90:Q90"/>
    <mergeCell ref="A91:Q91"/>
    <mergeCell ref="A82:Q82"/>
    <mergeCell ref="A83:Q83"/>
    <mergeCell ref="A84:M84"/>
    <mergeCell ref="A85:Q85"/>
    <mergeCell ref="A86:J86"/>
    <mergeCell ref="K86:Q86"/>
    <mergeCell ref="A76:Q76"/>
    <mergeCell ref="A77:Q77"/>
    <mergeCell ref="A78:Q78"/>
    <mergeCell ref="A79:N79"/>
    <mergeCell ref="A80:Q80"/>
    <mergeCell ref="A81:Q81"/>
    <mergeCell ref="A72:Q72"/>
    <mergeCell ref="A73:J73"/>
    <mergeCell ref="K73:Q73"/>
    <mergeCell ref="A74:J74"/>
    <mergeCell ref="K74:Q74"/>
    <mergeCell ref="A75:Q75"/>
    <mergeCell ref="A66:M66"/>
    <mergeCell ref="A67:Q67"/>
    <mergeCell ref="A68:Q68"/>
    <mergeCell ref="A69:Q69"/>
    <mergeCell ref="A70:Q70"/>
    <mergeCell ref="A71:N71"/>
    <mergeCell ref="A60:M60"/>
    <mergeCell ref="A61:M61"/>
    <mergeCell ref="A62:Q62"/>
    <mergeCell ref="A63:Q63"/>
    <mergeCell ref="A64:Q64"/>
    <mergeCell ref="A65:Q65"/>
    <mergeCell ref="A54:N54"/>
    <mergeCell ref="A55:Q55"/>
    <mergeCell ref="A56:Q56"/>
    <mergeCell ref="A57:Q57"/>
    <mergeCell ref="A58:Q58"/>
    <mergeCell ref="A59:M59"/>
    <mergeCell ref="S48:S49"/>
    <mergeCell ref="A49:N49"/>
    <mergeCell ref="A50:M50"/>
    <mergeCell ref="A51:M51"/>
    <mergeCell ref="A52:M52"/>
    <mergeCell ref="A53:N53"/>
    <mergeCell ref="A46:Q46"/>
    <mergeCell ref="A47:Q47"/>
    <mergeCell ref="A48:N48"/>
    <mergeCell ref="O48:O49"/>
    <mergeCell ref="P48:P49"/>
    <mergeCell ref="Q48:Q49"/>
    <mergeCell ref="S39:S40"/>
    <mergeCell ref="A41:N41"/>
    <mergeCell ref="A42:N42"/>
    <mergeCell ref="A43:Q43"/>
    <mergeCell ref="A44:Q44"/>
    <mergeCell ref="A45:Q45"/>
    <mergeCell ref="A37:Q37"/>
    <mergeCell ref="A38:Q38"/>
    <mergeCell ref="A39:N40"/>
    <mergeCell ref="O39:O40"/>
    <mergeCell ref="P39:P40"/>
    <mergeCell ref="Q39:Q40"/>
    <mergeCell ref="A31:Q31"/>
    <mergeCell ref="A32:N32"/>
    <mergeCell ref="A33:N33"/>
    <mergeCell ref="A34:N34"/>
    <mergeCell ref="A35:Q35"/>
    <mergeCell ref="A36:Q36"/>
    <mergeCell ref="A25:N25"/>
    <mergeCell ref="A26:N26"/>
    <mergeCell ref="A27:M27"/>
    <mergeCell ref="A28:Q28"/>
    <mergeCell ref="A29:Q29"/>
    <mergeCell ref="A30:Q30"/>
    <mergeCell ref="A1:S1"/>
    <mergeCell ref="A2:S2"/>
    <mergeCell ref="A10:S10"/>
    <mergeCell ref="N20:Q20"/>
    <mergeCell ref="A23:Q23"/>
    <mergeCell ref="S23:S24"/>
    <mergeCell ref="A24:Q24"/>
  </mergeCells>
  <phoneticPr fontId="4"/>
  <printOptions horizontalCentered="1"/>
  <pageMargins left="0.23622047244094491" right="0.23622047244094491" top="0.35433070866141736" bottom="0" header="0.31496062992125984" footer="0.15748031496062992"/>
  <pageSetup paperSize="9" scale="17" fitToHeight="0" orientation="portrait" r:id="rId1"/>
  <rowBreaks count="12" manualBreakCount="12">
    <brk id="19" max="18" man="1"/>
    <brk id="45" max="18" man="1"/>
    <brk id="77" max="18" man="1"/>
    <brk id="113" max="18" man="1"/>
    <brk id="152" max="18" man="1"/>
    <brk id="193" max="18" man="1"/>
    <brk id="244" max="18" man="1"/>
    <brk id="283" max="18" man="1"/>
    <brk id="333" max="18" man="1"/>
    <brk id="390" max="18" man="1"/>
    <brk id="426" max="18" man="1"/>
    <brk id="442" max="18"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781AE1A-E4E9-4ADF-984D-FF42219C5B88}">
  <sheetPr>
    <pageSetUpPr fitToPage="1"/>
  </sheetPr>
  <dimension ref="A1:IY377"/>
  <sheetViews>
    <sheetView showWhiteSpace="0" view="pageBreakPreview" zoomScale="25" zoomScaleNormal="24" zoomScaleSheetLayoutView="25" zoomScalePageLayoutView="70" workbookViewId="0">
      <selection sqref="A1:T1"/>
    </sheetView>
  </sheetViews>
  <sheetFormatPr defaultRowHeight="38.1" customHeight="1" x14ac:dyDescent="0.2"/>
  <cols>
    <col min="1" max="1" width="3.109375" style="541" customWidth="1"/>
    <col min="2" max="2" width="7.33203125" style="1054" customWidth="1"/>
    <col min="3" max="8" width="7.33203125" style="541" customWidth="1"/>
    <col min="9" max="9" width="45.33203125" style="1055" customWidth="1"/>
    <col min="10" max="10" width="35.33203125" style="1055" customWidth="1"/>
    <col min="11" max="11" width="35.109375" style="541" customWidth="1"/>
    <col min="12" max="12" width="44.33203125" style="1056" customWidth="1"/>
    <col min="13" max="13" width="71.21875" style="541" customWidth="1"/>
    <col min="14" max="14" width="60.6640625" style="1057" customWidth="1"/>
    <col min="15" max="17" width="60.6640625" style="1055" customWidth="1"/>
    <col min="18" max="18" width="2.33203125" style="541" customWidth="1"/>
    <col min="19" max="19" width="3" style="531" customWidth="1"/>
    <col min="20" max="20" width="24.6640625" style="531" customWidth="1"/>
    <col min="21" max="21" width="116.6640625" style="531" customWidth="1"/>
    <col min="22" max="259" width="8.88671875" style="531"/>
    <col min="260" max="260" width="4.21875" style="531" customWidth="1"/>
    <col min="261" max="272" width="7.33203125" style="531" customWidth="1"/>
    <col min="273" max="273" width="5.6640625" style="531" customWidth="1"/>
    <col min="274" max="274" width="1.33203125" style="531" customWidth="1"/>
    <col min="275" max="275" width="17.77734375" style="531" customWidth="1"/>
    <col min="276" max="515" width="8.88671875" style="531"/>
    <col min="516" max="516" width="4.21875" style="531" customWidth="1"/>
    <col min="517" max="528" width="7.33203125" style="531" customWidth="1"/>
    <col min="529" max="529" width="5.6640625" style="531" customWidth="1"/>
    <col min="530" max="530" width="1.33203125" style="531" customWidth="1"/>
    <col min="531" max="531" width="17.77734375" style="531" customWidth="1"/>
    <col min="532" max="771" width="8.88671875" style="531"/>
    <col min="772" max="772" width="4.21875" style="531" customWidth="1"/>
    <col min="773" max="784" width="7.33203125" style="531" customWidth="1"/>
    <col min="785" max="785" width="5.6640625" style="531" customWidth="1"/>
    <col min="786" max="786" width="1.33203125" style="531" customWidth="1"/>
    <col min="787" max="787" width="17.77734375" style="531" customWidth="1"/>
    <col min="788" max="1027" width="8.88671875" style="531"/>
    <col min="1028" max="1028" width="4.21875" style="531" customWidth="1"/>
    <col min="1029" max="1040" width="7.33203125" style="531" customWidth="1"/>
    <col min="1041" max="1041" width="5.6640625" style="531" customWidth="1"/>
    <col min="1042" max="1042" width="1.33203125" style="531" customWidth="1"/>
    <col min="1043" max="1043" width="17.77734375" style="531" customWidth="1"/>
    <col min="1044" max="1283" width="8.88671875" style="531"/>
    <col min="1284" max="1284" width="4.21875" style="531" customWidth="1"/>
    <col min="1285" max="1296" width="7.33203125" style="531" customWidth="1"/>
    <col min="1297" max="1297" width="5.6640625" style="531" customWidth="1"/>
    <col min="1298" max="1298" width="1.33203125" style="531" customWidth="1"/>
    <col min="1299" max="1299" width="17.77734375" style="531" customWidth="1"/>
    <col min="1300" max="1539" width="8.88671875" style="531"/>
    <col min="1540" max="1540" width="4.21875" style="531" customWidth="1"/>
    <col min="1541" max="1552" width="7.33203125" style="531" customWidth="1"/>
    <col min="1553" max="1553" width="5.6640625" style="531" customWidth="1"/>
    <col min="1554" max="1554" width="1.33203125" style="531" customWidth="1"/>
    <col min="1555" max="1555" width="17.77734375" style="531" customWidth="1"/>
    <col min="1556" max="1795" width="8.88671875" style="531"/>
    <col min="1796" max="1796" width="4.21875" style="531" customWidth="1"/>
    <col min="1797" max="1808" width="7.33203125" style="531" customWidth="1"/>
    <col min="1809" max="1809" width="5.6640625" style="531" customWidth="1"/>
    <col min="1810" max="1810" width="1.33203125" style="531" customWidth="1"/>
    <col min="1811" max="1811" width="17.77734375" style="531" customWidth="1"/>
    <col min="1812" max="2051" width="8.88671875" style="531"/>
    <col min="2052" max="2052" width="4.21875" style="531" customWidth="1"/>
    <col min="2053" max="2064" width="7.33203125" style="531" customWidth="1"/>
    <col min="2065" max="2065" width="5.6640625" style="531" customWidth="1"/>
    <col min="2066" max="2066" width="1.33203125" style="531" customWidth="1"/>
    <col min="2067" max="2067" width="17.77734375" style="531" customWidth="1"/>
    <col min="2068" max="2307" width="8.88671875" style="531"/>
    <col min="2308" max="2308" width="4.21875" style="531" customWidth="1"/>
    <col min="2309" max="2320" width="7.33203125" style="531" customWidth="1"/>
    <col min="2321" max="2321" width="5.6640625" style="531" customWidth="1"/>
    <col min="2322" max="2322" width="1.33203125" style="531" customWidth="1"/>
    <col min="2323" max="2323" width="17.77734375" style="531" customWidth="1"/>
    <col min="2324" max="2563" width="8.88671875" style="531"/>
    <col min="2564" max="2564" width="4.21875" style="531" customWidth="1"/>
    <col min="2565" max="2576" width="7.33203125" style="531" customWidth="1"/>
    <col min="2577" max="2577" width="5.6640625" style="531" customWidth="1"/>
    <col min="2578" max="2578" width="1.33203125" style="531" customWidth="1"/>
    <col min="2579" max="2579" width="17.77734375" style="531" customWidth="1"/>
    <col min="2580" max="2819" width="8.88671875" style="531"/>
    <col min="2820" max="2820" width="4.21875" style="531" customWidth="1"/>
    <col min="2821" max="2832" width="7.33203125" style="531" customWidth="1"/>
    <col min="2833" max="2833" width="5.6640625" style="531" customWidth="1"/>
    <col min="2834" max="2834" width="1.33203125" style="531" customWidth="1"/>
    <col min="2835" max="2835" width="17.77734375" style="531" customWidth="1"/>
    <col min="2836" max="3075" width="8.88671875" style="531"/>
    <col min="3076" max="3076" width="4.21875" style="531" customWidth="1"/>
    <col min="3077" max="3088" width="7.33203125" style="531" customWidth="1"/>
    <col min="3089" max="3089" width="5.6640625" style="531" customWidth="1"/>
    <col min="3090" max="3090" width="1.33203125" style="531" customWidth="1"/>
    <col min="3091" max="3091" width="17.77734375" style="531" customWidth="1"/>
    <col min="3092" max="3331" width="8.88671875" style="531"/>
    <col min="3332" max="3332" width="4.21875" style="531" customWidth="1"/>
    <col min="3333" max="3344" width="7.33203125" style="531" customWidth="1"/>
    <col min="3345" max="3345" width="5.6640625" style="531" customWidth="1"/>
    <col min="3346" max="3346" width="1.33203125" style="531" customWidth="1"/>
    <col min="3347" max="3347" width="17.77734375" style="531" customWidth="1"/>
    <col min="3348" max="3587" width="8.88671875" style="531"/>
    <col min="3588" max="3588" width="4.21875" style="531" customWidth="1"/>
    <col min="3589" max="3600" width="7.33203125" style="531" customWidth="1"/>
    <col min="3601" max="3601" width="5.6640625" style="531" customWidth="1"/>
    <col min="3602" max="3602" width="1.33203125" style="531" customWidth="1"/>
    <col min="3603" max="3603" width="17.77734375" style="531" customWidth="1"/>
    <col min="3604" max="3843" width="8.88671875" style="531"/>
    <col min="3844" max="3844" width="4.21875" style="531" customWidth="1"/>
    <col min="3845" max="3856" width="7.33203125" style="531" customWidth="1"/>
    <col min="3857" max="3857" width="5.6640625" style="531" customWidth="1"/>
    <col min="3858" max="3858" width="1.33203125" style="531" customWidth="1"/>
    <col min="3859" max="3859" width="17.77734375" style="531" customWidth="1"/>
    <col min="3860" max="4099" width="8.88671875" style="531"/>
    <col min="4100" max="4100" width="4.21875" style="531" customWidth="1"/>
    <col min="4101" max="4112" width="7.33203125" style="531" customWidth="1"/>
    <col min="4113" max="4113" width="5.6640625" style="531" customWidth="1"/>
    <col min="4114" max="4114" width="1.33203125" style="531" customWidth="1"/>
    <col min="4115" max="4115" width="17.77734375" style="531" customWidth="1"/>
    <col min="4116" max="4355" width="8.88671875" style="531"/>
    <col min="4356" max="4356" width="4.21875" style="531" customWidth="1"/>
    <col min="4357" max="4368" width="7.33203125" style="531" customWidth="1"/>
    <col min="4369" max="4369" width="5.6640625" style="531" customWidth="1"/>
    <col min="4370" max="4370" width="1.33203125" style="531" customWidth="1"/>
    <col min="4371" max="4371" width="17.77734375" style="531" customWidth="1"/>
    <col min="4372" max="4611" width="8.88671875" style="531"/>
    <col min="4612" max="4612" width="4.21875" style="531" customWidth="1"/>
    <col min="4613" max="4624" width="7.33203125" style="531" customWidth="1"/>
    <col min="4625" max="4625" width="5.6640625" style="531" customWidth="1"/>
    <col min="4626" max="4626" width="1.33203125" style="531" customWidth="1"/>
    <col min="4627" max="4627" width="17.77734375" style="531" customWidth="1"/>
    <col min="4628" max="4867" width="8.88671875" style="531"/>
    <col min="4868" max="4868" width="4.21875" style="531" customWidth="1"/>
    <col min="4869" max="4880" width="7.33203125" style="531" customWidth="1"/>
    <col min="4881" max="4881" width="5.6640625" style="531" customWidth="1"/>
    <col min="4882" max="4882" width="1.33203125" style="531" customWidth="1"/>
    <col min="4883" max="4883" width="17.77734375" style="531" customWidth="1"/>
    <col min="4884" max="5123" width="8.88671875" style="531"/>
    <col min="5124" max="5124" width="4.21875" style="531" customWidth="1"/>
    <col min="5125" max="5136" width="7.33203125" style="531" customWidth="1"/>
    <col min="5137" max="5137" width="5.6640625" style="531" customWidth="1"/>
    <col min="5138" max="5138" width="1.33203125" style="531" customWidth="1"/>
    <col min="5139" max="5139" width="17.77734375" style="531" customWidth="1"/>
    <col min="5140" max="5379" width="8.88671875" style="531"/>
    <col min="5380" max="5380" width="4.21875" style="531" customWidth="1"/>
    <col min="5381" max="5392" width="7.33203125" style="531" customWidth="1"/>
    <col min="5393" max="5393" width="5.6640625" style="531" customWidth="1"/>
    <col min="5394" max="5394" width="1.33203125" style="531" customWidth="1"/>
    <col min="5395" max="5395" width="17.77734375" style="531" customWidth="1"/>
    <col min="5396" max="5635" width="8.88671875" style="531"/>
    <col min="5636" max="5636" width="4.21875" style="531" customWidth="1"/>
    <col min="5637" max="5648" width="7.33203125" style="531" customWidth="1"/>
    <col min="5649" max="5649" width="5.6640625" style="531" customWidth="1"/>
    <col min="5650" max="5650" width="1.33203125" style="531" customWidth="1"/>
    <col min="5651" max="5651" width="17.77734375" style="531" customWidth="1"/>
    <col min="5652" max="5891" width="8.88671875" style="531"/>
    <col min="5892" max="5892" width="4.21875" style="531" customWidth="1"/>
    <col min="5893" max="5904" width="7.33203125" style="531" customWidth="1"/>
    <col min="5905" max="5905" width="5.6640625" style="531" customWidth="1"/>
    <col min="5906" max="5906" width="1.33203125" style="531" customWidth="1"/>
    <col min="5907" max="5907" width="17.77734375" style="531" customWidth="1"/>
    <col min="5908" max="6147" width="8.88671875" style="531"/>
    <col min="6148" max="6148" width="4.21875" style="531" customWidth="1"/>
    <col min="6149" max="6160" width="7.33203125" style="531" customWidth="1"/>
    <col min="6161" max="6161" width="5.6640625" style="531" customWidth="1"/>
    <col min="6162" max="6162" width="1.33203125" style="531" customWidth="1"/>
    <col min="6163" max="6163" width="17.77734375" style="531" customWidth="1"/>
    <col min="6164" max="6403" width="8.88671875" style="531"/>
    <col min="6404" max="6404" width="4.21875" style="531" customWidth="1"/>
    <col min="6405" max="6416" width="7.33203125" style="531" customWidth="1"/>
    <col min="6417" max="6417" width="5.6640625" style="531" customWidth="1"/>
    <col min="6418" max="6418" width="1.33203125" style="531" customWidth="1"/>
    <col min="6419" max="6419" width="17.77734375" style="531" customWidth="1"/>
    <col min="6420" max="6659" width="8.88671875" style="531"/>
    <col min="6660" max="6660" width="4.21875" style="531" customWidth="1"/>
    <col min="6661" max="6672" width="7.33203125" style="531" customWidth="1"/>
    <col min="6673" max="6673" width="5.6640625" style="531" customWidth="1"/>
    <col min="6674" max="6674" width="1.33203125" style="531" customWidth="1"/>
    <col min="6675" max="6675" width="17.77734375" style="531" customWidth="1"/>
    <col min="6676" max="6915" width="8.88671875" style="531"/>
    <col min="6916" max="6916" width="4.21875" style="531" customWidth="1"/>
    <col min="6917" max="6928" width="7.33203125" style="531" customWidth="1"/>
    <col min="6929" max="6929" width="5.6640625" style="531" customWidth="1"/>
    <col min="6930" max="6930" width="1.33203125" style="531" customWidth="1"/>
    <col min="6931" max="6931" width="17.77734375" style="531" customWidth="1"/>
    <col min="6932" max="7171" width="8.88671875" style="531"/>
    <col min="7172" max="7172" width="4.21875" style="531" customWidth="1"/>
    <col min="7173" max="7184" width="7.33203125" style="531" customWidth="1"/>
    <col min="7185" max="7185" width="5.6640625" style="531" customWidth="1"/>
    <col min="7186" max="7186" width="1.33203125" style="531" customWidth="1"/>
    <col min="7187" max="7187" width="17.77734375" style="531" customWidth="1"/>
    <col min="7188" max="7427" width="8.88671875" style="531"/>
    <col min="7428" max="7428" width="4.21875" style="531" customWidth="1"/>
    <col min="7429" max="7440" width="7.33203125" style="531" customWidth="1"/>
    <col min="7441" max="7441" width="5.6640625" style="531" customWidth="1"/>
    <col min="7442" max="7442" width="1.33203125" style="531" customWidth="1"/>
    <col min="7443" max="7443" width="17.77734375" style="531" customWidth="1"/>
    <col min="7444" max="7683" width="8.88671875" style="531"/>
    <col min="7684" max="7684" width="4.21875" style="531" customWidth="1"/>
    <col min="7685" max="7696" width="7.33203125" style="531" customWidth="1"/>
    <col min="7697" max="7697" width="5.6640625" style="531" customWidth="1"/>
    <col min="7698" max="7698" width="1.33203125" style="531" customWidth="1"/>
    <col min="7699" max="7699" width="17.77734375" style="531" customWidth="1"/>
    <col min="7700" max="7939" width="8.88671875" style="531"/>
    <col min="7940" max="7940" width="4.21875" style="531" customWidth="1"/>
    <col min="7941" max="7952" width="7.33203125" style="531" customWidth="1"/>
    <col min="7953" max="7953" width="5.6640625" style="531" customWidth="1"/>
    <col min="7954" max="7954" width="1.33203125" style="531" customWidth="1"/>
    <col min="7955" max="7955" width="17.77734375" style="531" customWidth="1"/>
    <col min="7956" max="8195" width="8.88671875" style="531"/>
    <col min="8196" max="8196" width="4.21875" style="531" customWidth="1"/>
    <col min="8197" max="8208" width="7.33203125" style="531" customWidth="1"/>
    <col min="8209" max="8209" width="5.6640625" style="531" customWidth="1"/>
    <col min="8210" max="8210" width="1.33203125" style="531" customWidth="1"/>
    <col min="8211" max="8211" width="17.77734375" style="531" customWidth="1"/>
    <col min="8212" max="8451" width="8.88671875" style="531"/>
    <col min="8452" max="8452" width="4.21875" style="531" customWidth="1"/>
    <col min="8453" max="8464" width="7.33203125" style="531" customWidth="1"/>
    <col min="8465" max="8465" width="5.6640625" style="531" customWidth="1"/>
    <col min="8466" max="8466" width="1.33203125" style="531" customWidth="1"/>
    <col min="8467" max="8467" width="17.77734375" style="531" customWidth="1"/>
    <col min="8468" max="8707" width="8.88671875" style="531"/>
    <col min="8708" max="8708" width="4.21875" style="531" customWidth="1"/>
    <col min="8709" max="8720" width="7.33203125" style="531" customWidth="1"/>
    <col min="8721" max="8721" width="5.6640625" style="531" customWidth="1"/>
    <col min="8722" max="8722" width="1.33203125" style="531" customWidth="1"/>
    <col min="8723" max="8723" width="17.77734375" style="531" customWidth="1"/>
    <col min="8724" max="8963" width="8.88671875" style="531"/>
    <col min="8964" max="8964" width="4.21875" style="531" customWidth="1"/>
    <col min="8965" max="8976" width="7.33203125" style="531" customWidth="1"/>
    <col min="8977" max="8977" width="5.6640625" style="531" customWidth="1"/>
    <col min="8978" max="8978" width="1.33203125" style="531" customWidth="1"/>
    <col min="8979" max="8979" width="17.77734375" style="531" customWidth="1"/>
    <col min="8980" max="9219" width="8.88671875" style="531"/>
    <col min="9220" max="9220" width="4.21875" style="531" customWidth="1"/>
    <col min="9221" max="9232" width="7.33203125" style="531" customWidth="1"/>
    <col min="9233" max="9233" width="5.6640625" style="531" customWidth="1"/>
    <col min="9234" max="9234" width="1.33203125" style="531" customWidth="1"/>
    <col min="9235" max="9235" width="17.77734375" style="531" customWidth="1"/>
    <col min="9236" max="9475" width="8.88671875" style="531"/>
    <col min="9476" max="9476" width="4.21875" style="531" customWidth="1"/>
    <col min="9477" max="9488" width="7.33203125" style="531" customWidth="1"/>
    <col min="9489" max="9489" width="5.6640625" style="531" customWidth="1"/>
    <col min="9490" max="9490" width="1.33203125" style="531" customWidth="1"/>
    <col min="9491" max="9491" width="17.77734375" style="531" customWidth="1"/>
    <col min="9492" max="9731" width="8.88671875" style="531"/>
    <col min="9732" max="9732" width="4.21875" style="531" customWidth="1"/>
    <col min="9733" max="9744" width="7.33203125" style="531" customWidth="1"/>
    <col min="9745" max="9745" width="5.6640625" style="531" customWidth="1"/>
    <col min="9746" max="9746" width="1.33203125" style="531" customWidth="1"/>
    <col min="9747" max="9747" width="17.77734375" style="531" customWidth="1"/>
    <col min="9748" max="9987" width="8.88671875" style="531"/>
    <col min="9988" max="9988" width="4.21875" style="531" customWidth="1"/>
    <col min="9989" max="10000" width="7.33203125" style="531" customWidth="1"/>
    <col min="10001" max="10001" width="5.6640625" style="531" customWidth="1"/>
    <col min="10002" max="10002" width="1.33203125" style="531" customWidth="1"/>
    <col min="10003" max="10003" width="17.77734375" style="531" customWidth="1"/>
    <col min="10004" max="10243" width="8.88671875" style="531"/>
    <col min="10244" max="10244" width="4.21875" style="531" customWidth="1"/>
    <col min="10245" max="10256" width="7.33203125" style="531" customWidth="1"/>
    <col min="10257" max="10257" width="5.6640625" style="531" customWidth="1"/>
    <col min="10258" max="10258" width="1.33203125" style="531" customWidth="1"/>
    <col min="10259" max="10259" width="17.77734375" style="531" customWidth="1"/>
    <col min="10260" max="10499" width="8.88671875" style="531"/>
    <col min="10500" max="10500" width="4.21875" style="531" customWidth="1"/>
    <col min="10501" max="10512" width="7.33203125" style="531" customWidth="1"/>
    <col min="10513" max="10513" width="5.6640625" style="531" customWidth="1"/>
    <col min="10514" max="10514" width="1.33203125" style="531" customWidth="1"/>
    <col min="10515" max="10515" width="17.77734375" style="531" customWidth="1"/>
    <col min="10516" max="10755" width="8.88671875" style="531"/>
    <col min="10756" max="10756" width="4.21875" style="531" customWidth="1"/>
    <col min="10757" max="10768" width="7.33203125" style="531" customWidth="1"/>
    <col min="10769" max="10769" width="5.6640625" style="531" customWidth="1"/>
    <col min="10770" max="10770" width="1.33203125" style="531" customWidth="1"/>
    <col min="10771" max="10771" width="17.77734375" style="531" customWidth="1"/>
    <col min="10772" max="11011" width="8.88671875" style="531"/>
    <col min="11012" max="11012" width="4.21875" style="531" customWidth="1"/>
    <col min="11013" max="11024" width="7.33203125" style="531" customWidth="1"/>
    <col min="11025" max="11025" width="5.6640625" style="531" customWidth="1"/>
    <col min="11026" max="11026" width="1.33203125" style="531" customWidth="1"/>
    <col min="11027" max="11027" width="17.77734375" style="531" customWidth="1"/>
    <col min="11028" max="11267" width="8.88671875" style="531"/>
    <col min="11268" max="11268" width="4.21875" style="531" customWidth="1"/>
    <col min="11269" max="11280" width="7.33203125" style="531" customWidth="1"/>
    <col min="11281" max="11281" width="5.6640625" style="531" customWidth="1"/>
    <col min="11282" max="11282" width="1.33203125" style="531" customWidth="1"/>
    <col min="11283" max="11283" width="17.77734375" style="531" customWidth="1"/>
    <col min="11284" max="11523" width="8.88671875" style="531"/>
    <col min="11524" max="11524" width="4.21875" style="531" customWidth="1"/>
    <col min="11525" max="11536" width="7.33203125" style="531" customWidth="1"/>
    <col min="11537" max="11537" width="5.6640625" style="531" customWidth="1"/>
    <col min="11538" max="11538" width="1.33203125" style="531" customWidth="1"/>
    <col min="11539" max="11539" width="17.77734375" style="531" customWidth="1"/>
    <col min="11540" max="11779" width="8.88671875" style="531"/>
    <col min="11780" max="11780" width="4.21875" style="531" customWidth="1"/>
    <col min="11781" max="11792" width="7.33203125" style="531" customWidth="1"/>
    <col min="11793" max="11793" width="5.6640625" style="531" customWidth="1"/>
    <col min="11794" max="11794" width="1.33203125" style="531" customWidth="1"/>
    <col min="11795" max="11795" width="17.77734375" style="531" customWidth="1"/>
    <col min="11796" max="12035" width="8.88671875" style="531"/>
    <col min="12036" max="12036" width="4.21875" style="531" customWidth="1"/>
    <col min="12037" max="12048" width="7.33203125" style="531" customWidth="1"/>
    <col min="12049" max="12049" width="5.6640625" style="531" customWidth="1"/>
    <col min="12050" max="12050" width="1.33203125" style="531" customWidth="1"/>
    <col min="12051" max="12051" width="17.77734375" style="531" customWidth="1"/>
    <col min="12052" max="12291" width="8.88671875" style="531"/>
    <col min="12292" max="12292" width="4.21875" style="531" customWidth="1"/>
    <col min="12293" max="12304" width="7.33203125" style="531" customWidth="1"/>
    <col min="12305" max="12305" width="5.6640625" style="531" customWidth="1"/>
    <col min="12306" max="12306" width="1.33203125" style="531" customWidth="1"/>
    <col min="12307" max="12307" width="17.77734375" style="531" customWidth="1"/>
    <col min="12308" max="12547" width="8.88671875" style="531"/>
    <col min="12548" max="12548" width="4.21875" style="531" customWidth="1"/>
    <col min="12549" max="12560" width="7.33203125" style="531" customWidth="1"/>
    <col min="12561" max="12561" width="5.6640625" style="531" customWidth="1"/>
    <col min="12562" max="12562" width="1.33203125" style="531" customWidth="1"/>
    <col min="12563" max="12563" width="17.77734375" style="531" customWidth="1"/>
    <col min="12564" max="12803" width="8.88671875" style="531"/>
    <col min="12804" max="12804" width="4.21875" style="531" customWidth="1"/>
    <col min="12805" max="12816" width="7.33203125" style="531" customWidth="1"/>
    <col min="12817" max="12817" width="5.6640625" style="531" customWidth="1"/>
    <col min="12818" max="12818" width="1.33203125" style="531" customWidth="1"/>
    <col min="12819" max="12819" width="17.77734375" style="531" customWidth="1"/>
    <col min="12820" max="13059" width="8.88671875" style="531"/>
    <col min="13060" max="13060" width="4.21875" style="531" customWidth="1"/>
    <col min="13061" max="13072" width="7.33203125" style="531" customWidth="1"/>
    <col min="13073" max="13073" width="5.6640625" style="531" customWidth="1"/>
    <col min="13074" max="13074" width="1.33203125" style="531" customWidth="1"/>
    <col min="13075" max="13075" width="17.77734375" style="531" customWidth="1"/>
    <col min="13076" max="13315" width="8.88671875" style="531"/>
    <col min="13316" max="13316" width="4.21875" style="531" customWidth="1"/>
    <col min="13317" max="13328" width="7.33203125" style="531" customWidth="1"/>
    <col min="13329" max="13329" width="5.6640625" style="531" customWidth="1"/>
    <col min="13330" max="13330" width="1.33203125" style="531" customWidth="1"/>
    <col min="13331" max="13331" width="17.77734375" style="531" customWidth="1"/>
    <col min="13332" max="13571" width="8.88671875" style="531"/>
    <col min="13572" max="13572" width="4.21875" style="531" customWidth="1"/>
    <col min="13573" max="13584" width="7.33203125" style="531" customWidth="1"/>
    <col min="13585" max="13585" width="5.6640625" style="531" customWidth="1"/>
    <col min="13586" max="13586" width="1.33203125" style="531" customWidth="1"/>
    <col min="13587" max="13587" width="17.77734375" style="531" customWidth="1"/>
    <col min="13588" max="13827" width="8.88671875" style="531"/>
    <col min="13828" max="13828" width="4.21875" style="531" customWidth="1"/>
    <col min="13829" max="13840" width="7.33203125" style="531" customWidth="1"/>
    <col min="13841" max="13841" width="5.6640625" style="531" customWidth="1"/>
    <col min="13842" max="13842" width="1.33203125" style="531" customWidth="1"/>
    <col min="13843" max="13843" width="17.77734375" style="531" customWidth="1"/>
    <col min="13844" max="14083" width="8.88671875" style="531"/>
    <col min="14084" max="14084" width="4.21875" style="531" customWidth="1"/>
    <col min="14085" max="14096" width="7.33203125" style="531" customWidth="1"/>
    <col min="14097" max="14097" width="5.6640625" style="531" customWidth="1"/>
    <col min="14098" max="14098" width="1.33203125" style="531" customWidth="1"/>
    <col min="14099" max="14099" width="17.77734375" style="531" customWidth="1"/>
    <col min="14100" max="14339" width="8.88671875" style="531"/>
    <col min="14340" max="14340" width="4.21875" style="531" customWidth="1"/>
    <col min="14341" max="14352" width="7.33203125" style="531" customWidth="1"/>
    <col min="14353" max="14353" width="5.6640625" style="531" customWidth="1"/>
    <col min="14354" max="14354" width="1.33203125" style="531" customWidth="1"/>
    <col min="14355" max="14355" width="17.77734375" style="531" customWidth="1"/>
    <col min="14356" max="14595" width="8.88671875" style="531"/>
    <col min="14596" max="14596" width="4.21875" style="531" customWidth="1"/>
    <col min="14597" max="14608" width="7.33203125" style="531" customWidth="1"/>
    <col min="14609" max="14609" width="5.6640625" style="531" customWidth="1"/>
    <col min="14610" max="14610" width="1.33203125" style="531" customWidth="1"/>
    <col min="14611" max="14611" width="17.77734375" style="531" customWidth="1"/>
    <col min="14612" max="14851" width="8.88671875" style="531"/>
    <col min="14852" max="14852" width="4.21875" style="531" customWidth="1"/>
    <col min="14853" max="14864" width="7.33203125" style="531" customWidth="1"/>
    <col min="14865" max="14865" width="5.6640625" style="531" customWidth="1"/>
    <col min="14866" max="14866" width="1.33203125" style="531" customWidth="1"/>
    <col min="14867" max="14867" width="17.77734375" style="531" customWidth="1"/>
    <col min="14868" max="15107" width="8.88671875" style="531"/>
    <col min="15108" max="15108" width="4.21875" style="531" customWidth="1"/>
    <col min="15109" max="15120" width="7.33203125" style="531" customWidth="1"/>
    <col min="15121" max="15121" width="5.6640625" style="531" customWidth="1"/>
    <col min="15122" max="15122" width="1.33203125" style="531" customWidth="1"/>
    <col min="15123" max="15123" width="17.77734375" style="531" customWidth="1"/>
    <col min="15124" max="15363" width="8.88671875" style="531"/>
    <col min="15364" max="15364" width="4.21875" style="531" customWidth="1"/>
    <col min="15365" max="15376" width="7.33203125" style="531" customWidth="1"/>
    <col min="15377" max="15377" width="5.6640625" style="531" customWidth="1"/>
    <col min="15378" max="15378" width="1.33203125" style="531" customWidth="1"/>
    <col min="15379" max="15379" width="17.77734375" style="531" customWidth="1"/>
    <col min="15380" max="15619" width="8.88671875" style="531"/>
    <col min="15620" max="15620" width="4.21875" style="531" customWidth="1"/>
    <col min="15621" max="15632" width="7.33203125" style="531" customWidth="1"/>
    <col min="15633" max="15633" width="5.6640625" style="531" customWidth="1"/>
    <col min="15634" max="15634" width="1.33203125" style="531" customWidth="1"/>
    <col min="15635" max="15635" width="17.77734375" style="531" customWidth="1"/>
    <col min="15636" max="15875" width="8.88671875" style="531"/>
    <col min="15876" max="15876" width="4.21875" style="531" customWidth="1"/>
    <col min="15877" max="15888" width="7.33203125" style="531" customWidth="1"/>
    <col min="15889" max="15889" width="5.6640625" style="531" customWidth="1"/>
    <col min="15890" max="15890" width="1.33203125" style="531" customWidth="1"/>
    <col min="15891" max="15891" width="17.77734375" style="531" customWidth="1"/>
    <col min="15892" max="16131" width="8.88671875" style="531"/>
    <col min="16132" max="16132" width="4.21875" style="531" customWidth="1"/>
    <col min="16133" max="16144" width="7.33203125" style="531" customWidth="1"/>
    <col min="16145" max="16145" width="5.6640625" style="531" customWidth="1"/>
    <col min="16146" max="16146" width="1.33203125" style="531" customWidth="1"/>
    <col min="16147" max="16147" width="17.77734375" style="531" customWidth="1"/>
    <col min="16148" max="16384" width="8.88671875" style="531"/>
  </cols>
  <sheetData>
    <row r="1" spans="1:259" ht="180" customHeight="1" x14ac:dyDescent="0.2">
      <c r="A1" s="1059" t="s">
        <v>381</v>
      </c>
      <c r="B1" s="1059"/>
      <c r="C1" s="1059"/>
      <c r="D1" s="1059"/>
      <c r="E1" s="1059"/>
      <c r="F1" s="1059"/>
      <c r="G1" s="1059"/>
      <c r="H1" s="1059"/>
      <c r="I1" s="1059"/>
      <c r="J1" s="1059"/>
      <c r="K1" s="1059"/>
      <c r="L1" s="1059"/>
      <c r="M1" s="1059"/>
      <c r="N1" s="1059"/>
      <c r="O1" s="1059"/>
      <c r="P1" s="1059"/>
      <c r="Q1" s="1059"/>
      <c r="R1" s="1059"/>
      <c r="S1" s="1059"/>
      <c r="T1" s="1059"/>
      <c r="U1" s="530"/>
      <c r="V1" s="530"/>
      <c r="W1" s="530"/>
      <c r="X1" s="530"/>
      <c r="Y1" s="530"/>
      <c r="Z1" s="530"/>
      <c r="AA1" s="530"/>
      <c r="AB1" s="530"/>
      <c r="AC1" s="530"/>
      <c r="AD1" s="530"/>
      <c r="AE1" s="530"/>
      <c r="AF1" s="530"/>
      <c r="AG1" s="530"/>
      <c r="AH1" s="530"/>
      <c r="AI1" s="530"/>
      <c r="AJ1" s="530"/>
      <c r="AK1" s="530"/>
      <c r="AL1" s="530"/>
      <c r="AM1" s="530"/>
      <c r="AN1" s="530"/>
      <c r="AO1" s="530"/>
      <c r="AP1" s="530"/>
      <c r="AQ1" s="530"/>
      <c r="AR1" s="530"/>
      <c r="AS1" s="530"/>
      <c r="AT1" s="530"/>
      <c r="AU1" s="530"/>
      <c r="AV1" s="530"/>
      <c r="AW1" s="530"/>
      <c r="AX1" s="530"/>
      <c r="AY1" s="530"/>
      <c r="AZ1" s="530"/>
      <c r="BA1" s="530"/>
      <c r="BB1" s="530"/>
      <c r="BC1" s="530"/>
      <c r="BD1" s="530"/>
      <c r="BE1" s="530"/>
      <c r="BF1" s="530"/>
      <c r="BG1" s="530"/>
      <c r="BH1" s="530"/>
      <c r="BI1" s="530"/>
      <c r="BJ1" s="530"/>
      <c r="BK1" s="530"/>
      <c r="BL1" s="530"/>
      <c r="BM1" s="530"/>
      <c r="BN1" s="530"/>
      <c r="BO1" s="530"/>
      <c r="BP1" s="530"/>
      <c r="BQ1" s="530"/>
      <c r="BR1" s="530"/>
      <c r="BS1" s="530"/>
      <c r="BT1" s="530"/>
      <c r="BU1" s="530"/>
      <c r="BV1" s="530"/>
      <c r="BW1" s="530"/>
      <c r="BX1" s="530"/>
      <c r="BY1" s="530"/>
      <c r="BZ1" s="530"/>
      <c r="CA1" s="530"/>
      <c r="CB1" s="530"/>
      <c r="CC1" s="530"/>
      <c r="CD1" s="530"/>
      <c r="CE1" s="530"/>
      <c r="CF1" s="530"/>
      <c r="CG1" s="530"/>
      <c r="CH1" s="530"/>
      <c r="CI1" s="530"/>
      <c r="CJ1" s="530"/>
      <c r="CK1" s="530"/>
      <c r="CL1" s="530"/>
      <c r="CM1" s="530"/>
      <c r="CN1" s="530"/>
      <c r="CO1" s="530"/>
      <c r="CP1" s="530"/>
      <c r="CQ1" s="530"/>
      <c r="CR1" s="530"/>
      <c r="CS1" s="530"/>
      <c r="CT1" s="530"/>
      <c r="CU1" s="530"/>
      <c r="CV1" s="530"/>
      <c r="CW1" s="530"/>
      <c r="CX1" s="530"/>
      <c r="CY1" s="530"/>
      <c r="CZ1" s="530"/>
      <c r="DA1" s="530"/>
      <c r="DB1" s="530"/>
      <c r="DC1" s="530"/>
      <c r="DD1" s="530"/>
      <c r="DE1" s="530"/>
      <c r="DF1" s="530"/>
      <c r="DG1" s="530"/>
      <c r="DH1" s="530"/>
      <c r="DI1" s="530"/>
      <c r="DJ1" s="530"/>
      <c r="DK1" s="530"/>
      <c r="DL1" s="530"/>
      <c r="DM1" s="530"/>
      <c r="DN1" s="530"/>
      <c r="DO1" s="530"/>
      <c r="DP1" s="530"/>
      <c r="DQ1" s="530"/>
      <c r="DR1" s="530"/>
      <c r="DS1" s="530"/>
      <c r="DT1" s="530"/>
      <c r="DU1" s="530"/>
      <c r="DV1" s="530"/>
      <c r="DW1" s="530"/>
      <c r="DX1" s="530"/>
      <c r="DY1" s="530"/>
      <c r="DZ1" s="530"/>
      <c r="EA1" s="530"/>
      <c r="EB1" s="530"/>
      <c r="EC1" s="530"/>
      <c r="ED1" s="530"/>
      <c r="EE1" s="530"/>
      <c r="EF1" s="530"/>
      <c r="EG1" s="530"/>
      <c r="EH1" s="530"/>
      <c r="EI1" s="530"/>
      <c r="EJ1" s="530"/>
      <c r="EK1" s="530"/>
      <c r="EL1" s="530"/>
      <c r="EM1" s="530"/>
      <c r="EN1" s="530"/>
      <c r="EO1" s="530"/>
      <c r="EP1" s="530"/>
      <c r="EQ1" s="530"/>
      <c r="ER1" s="530"/>
      <c r="ES1" s="530"/>
      <c r="ET1" s="530"/>
      <c r="EU1" s="530"/>
      <c r="EV1" s="530"/>
      <c r="EW1" s="530"/>
      <c r="EX1" s="530"/>
      <c r="EY1" s="530"/>
      <c r="EZ1" s="530"/>
      <c r="FA1" s="530"/>
      <c r="FB1" s="530"/>
      <c r="FC1" s="530"/>
      <c r="FD1" s="530"/>
      <c r="FE1" s="530"/>
      <c r="FF1" s="530"/>
      <c r="FG1" s="530"/>
      <c r="FH1" s="530"/>
      <c r="FI1" s="530"/>
      <c r="FJ1" s="530"/>
      <c r="FK1" s="530"/>
      <c r="FL1" s="530"/>
      <c r="FM1" s="530"/>
      <c r="FN1" s="530"/>
      <c r="FO1" s="530"/>
      <c r="FP1" s="530"/>
      <c r="FQ1" s="530"/>
      <c r="FR1" s="530"/>
      <c r="FS1" s="530"/>
      <c r="FT1" s="530"/>
      <c r="FU1" s="530"/>
      <c r="FV1" s="530"/>
      <c r="FW1" s="530"/>
      <c r="FX1" s="530"/>
      <c r="FY1" s="530"/>
      <c r="FZ1" s="530"/>
      <c r="GA1" s="530"/>
      <c r="GB1" s="530"/>
      <c r="GC1" s="530"/>
      <c r="GD1" s="530"/>
      <c r="GE1" s="530"/>
      <c r="GF1" s="530"/>
      <c r="GG1" s="530"/>
      <c r="GH1" s="530"/>
      <c r="GI1" s="530"/>
      <c r="GJ1" s="530"/>
      <c r="GK1" s="530"/>
      <c r="GL1" s="530"/>
      <c r="GM1" s="530"/>
      <c r="GN1" s="530"/>
      <c r="GO1" s="530"/>
      <c r="GP1" s="530"/>
      <c r="GQ1" s="530"/>
      <c r="GR1" s="530"/>
      <c r="GS1" s="530"/>
      <c r="GT1" s="530"/>
      <c r="GU1" s="530"/>
      <c r="GV1" s="530"/>
      <c r="GW1" s="530"/>
      <c r="GX1" s="530"/>
      <c r="GY1" s="530"/>
      <c r="GZ1" s="530"/>
      <c r="HA1" s="530"/>
      <c r="HB1" s="530"/>
      <c r="HC1" s="530"/>
      <c r="HD1" s="530"/>
      <c r="HE1" s="530"/>
      <c r="HF1" s="530"/>
      <c r="HG1" s="530"/>
      <c r="HH1" s="530"/>
      <c r="HI1" s="530"/>
      <c r="HJ1" s="530"/>
      <c r="HK1" s="530"/>
      <c r="HL1" s="530"/>
      <c r="HM1" s="530"/>
      <c r="HN1" s="530"/>
      <c r="HO1" s="530"/>
      <c r="HP1" s="530"/>
      <c r="HQ1" s="530"/>
      <c r="HR1" s="530"/>
      <c r="HS1" s="530"/>
      <c r="HT1" s="530"/>
      <c r="HU1" s="530"/>
      <c r="HV1" s="530"/>
      <c r="HW1" s="530"/>
      <c r="HX1" s="530"/>
      <c r="HY1" s="530"/>
      <c r="HZ1" s="530"/>
      <c r="IA1" s="530"/>
      <c r="IB1" s="530"/>
      <c r="IC1" s="530"/>
      <c r="ID1" s="530"/>
      <c r="IE1" s="530"/>
      <c r="IF1" s="530"/>
      <c r="IG1" s="530"/>
      <c r="IH1" s="530"/>
      <c r="II1" s="530"/>
      <c r="IJ1" s="530"/>
      <c r="IK1" s="530"/>
      <c r="IL1" s="530"/>
      <c r="IM1" s="530"/>
      <c r="IN1" s="530"/>
      <c r="IO1" s="530"/>
      <c r="IP1" s="530"/>
      <c r="IQ1" s="530"/>
      <c r="IR1" s="530"/>
      <c r="IS1" s="530"/>
      <c r="IT1" s="530"/>
      <c r="IU1" s="530"/>
      <c r="IV1" s="530"/>
      <c r="IW1" s="530"/>
      <c r="IX1" s="530"/>
      <c r="IY1" s="530"/>
    </row>
    <row r="2" spans="1:259" ht="409.5" customHeight="1" x14ac:dyDescent="0.2">
      <c r="A2" s="1060" t="s">
        <v>382</v>
      </c>
      <c r="B2" s="1060"/>
      <c r="C2" s="1060"/>
      <c r="D2" s="1060"/>
      <c r="E2" s="1060"/>
      <c r="F2" s="1060"/>
      <c r="G2" s="1060"/>
      <c r="H2" s="1060"/>
      <c r="I2" s="1060"/>
      <c r="J2" s="1060"/>
      <c r="K2" s="1060"/>
      <c r="L2" s="1060"/>
      <c r="M2" s="1060"/>
      <c r="N2" s="1060"/>
      <c r="O2" s="1060"/>
      <c r="P2" s="1060"/>
      <c r="Q2" s="1060"/>
      <c r="R2" s="1060"/>
      <c r="S2" s="1060"/>
      <c r="T2" s="1060"/>
      <c r="U2" s="530"/>
      <c r="V2" s="530"/>
      <c r="W2" s="530"/>
      <c r="X2" s="530"/>
      <c r="Y2" s="530"/>
      <c r="Z2" s="530"/>
      <c r="AA2" s="530"/>
      <c r="AB2" s="530"/>
      <c r="AC2" s="530"/>
      <c r="AD2" s="530"/>
      <c r="AE2" s="530"/>
      <c r="AF2" s="530"/>
      <c r="AG2" s="530"/>
      <c r="AH2" s="530"/>
      <c r="AI2" s="530"/>
      <c r="AJ2" s="530"/>
      <c r="AK2" s="530"/>
      <c r="AL2" s="530"/>
      <c r="AM2" s="530"/>
      <c r="AN2" s="530"/>
      <c r="AO2" s="530"/>
      <c r="AP2" s="530"/>
      <c r="AQ2" s="530"/>
      <c r="AR2" s="530"/>
      <c r="AS2" s="530"/>
      <c r="AT2" s="530"/>
      <c r="AU2" s="530"/>
      <c r="AV2" s="530"/>
      <c r="AW2" s="530"/>
      <c r="AX2" s="530"/>
      <c r="AY2" s="530"/>
      <c r="AZ2" s="530"/>
      <c r="BA2" s="530"/>
      <c r="BB2" s="530"/>
      <c r="BC2" s="530"/>
      <c r="BD2" s="530"/>
      <c r="BE2" s="530"/>
      <c r="BF2" s="530"/>
      <c r="BG2" s="530"/>
      <c r="BH2" s="530"/>
      <c r="BI2" s="530"/>
      <c r="BJ2" s="530"/>
      <c r="BK2" s="530"/>
      <c r="BL2" s="530"/>
      <c r="BM2" s="530"/>
      <c r="BN2" s="530"/>
      <c r="BO2" s="530"/>
      <c r="BP2" s="530"/>
      <c r="BQ2" s="530"/>
      <c r="BR2" s="530"/>
      <c r="BS2" s="530"/>
      <c r="BT2" s="530"/>
      <c r="BU2" s="530"/>
      <c r="BV2" s="530"/>
      <c r="BW2" s="530"/>
      <c r="BX2" s="530"/>
      <c r="BY2" s="530"/>
      <c r="BZ2" s="530"/>
      <c r="CA2" s="530"/>
      <c r="CB2" s="530"/>
      <c r="CC2" s="530"/>
      <c r="CD2" s="530"/>
      <c r="CE2" s="530"/>
      <c r="CF2" s="530"/>
      <c r="CG2" s="530"/>
      <c r="CH2" s="530"/>
      <c r="CI2" s="530"/>
      <c r="CJ2" s="530"/>
      <c r="CK2" s="530"/>
      <c r="CL2" s="530"/>
      <c r="CM2" s="530"/>
      <c r="CN2" s="530"/>
      <c r="CO2" s="530"/>
      <c r="CP2" s="530"/>
      <c r="CQ2" s="530"/>
      <c r="CR2" s="530"/>
      <c r="CS2" s="530"/>
      <c r="CT2" s="530"/>
      <c r="CU2" s="530"/>
      <c r="CV2" s="530"/>
      <c r="CW2" s="530"/>
      <c r="CX2" s="530"/>
      <c r="CY2" s="530"/>
      <c r="CZ2" s="530"/>
      <c r="DA2" s="530"/>
      <c r="DB2" s="530"/>
      <c r="DC2" s="530"/>
      <c r="DD2" s="530"/>
      <c r="DE2" s="530"/>
      <c r="DF2" s="530"/>
      <c r="DG2" s="530"/>
      <c r="DH2" s="530"/>
      <c r="DI2" s="530"/>
      <c r="DJ2" s="530"/>
      <c r="DK2" s="530"/>
      <c r="DL2" s="530"/>
      <c r="DM2" s="530"/>
      <c r="DN2" s="530"/>
      <c r="DO2" s="530"/>
      <c r="DP2" s="530"/>
      <c r="DQ2" s="530"/>
      <c r="DR2" s="530"/>
      <c r="DS2" s="530"/>
      <c r="DT2" s="530"/>
      <c r="DU2" s="530"/>
      <c r="DV2" s="530"/>
      <c r="DW2" s="530"/>
      <c r="DX2" s="530"/>
      <c r="DY2" s="530"/>
      <c r="DZ2" s="530"/>
      <c r="EA2" s="530"/>
      <c r="EB2" s="530"/>
      <c r="EC2" s="530"/>
      <c r="ED2" s="530"/>
      <c r="EE2" s="530"/>
      <c r="EF2" s="530"/>
      <c r="EG2" s="530"/>
      <c r="EH2" s="530"/>
      <c r="EI2" s="530"/>
      <c r="EJ2" s="530"/>
      <c r="EK2" s="530"/>
      <c r="EL2" s="530"/>
      <c r="EM2" s="530"/>
      <c r="EN2" s="530"/>
      <c r="EO2" s="530"/>
      <c r="EP2" s="530"/>
      <c r="EQ2" s="530"/>
      <c r="ER2" s="530"/>
      <c r="ES2" s="530"/>
      <c r="ET2" s="530"/>
      <c r="EU2" s="530"/>
      <c r="EV2" s="530"/>
      <c r="EW2" s="530"/>
      <c r="EX2" s="530"/>
      <c r="EY2" s="530"/>
      <c r="EZ2" s="530"/>
      <c r="FA2" s="530"/>
      <c r="FB2" s="530"/>
      <c r="FC2" s="530"/>
      <c r="FD2" s="530"/>
      <c r="FE2" s="530"/>
      <c r="FF2" s="530"/>
      <c r="FG2" s="530"/>
      <c r="FH2" s="530"/>
      <c r="FI2" s="530"/>
      <c r="FJ2" s="530"/>
      <c r="FK2" s="530"/>
      <c r="FL2" s="530"/>
      <c r="FM2" s="530"/>
      <c r="FN2" s="530"/>
      <c r="FO2" s="530"/>
      <c r="FP2" s="530"/>
      <c r="FQ2" s="530"/>
      <c r="FR2" s="530"/>
      <c r="FS2" s="530"/>
      <c r="FT2" s="530"/>
      <c r="FU2" s="530"/>
      <c r="FV2" s="530"/>
      <c r="FW2" s="530"/>
      <c r="FX2" s="530"/>
      <c r="FY2" s="530"/>
      <c r="FZ2" s="530"/>
      <c r="GA2" s="530"/>
      <c r="GB2" s="530"/>
      <c r="GC2" s="530"/>
      <c r="GD2" s="530"/>
      <c r="GE2" s="530"/>
      <c r="GF2" s="530"/>
      <c r="GG2" s="530"/>
      <c r="GH2" s="530"/>
      <c r="GI2" s="530"/>
      <c r="GJ2" s="530"/>
      <c r="GK2" s="530"/>
      <c r="GL2" s="530"/>
      <c r="GM2" s="530"/>
      <c r="GN2" s="530"/>
      <c r="GO2" s="530"/>
      <c r="GP2" s="530"/>
      <c r="GQ2" s="530"/>
      <c r="GR2" s="530"/>
      <c r="GS2" s="530"/>
      <c r="GT2" s="530"/>
      <c r="GU2" s="530"/>
      <c r="GV2" s="530"/>
      <c r="GW2" s="530"/>
      <c r="GX2" s="530"/>
      <c r="GY2" s="530"/>
      <c r="GZ2" s="530"/>
      <c r="HA2" s="530"/>
      <c r="HB2" s="530"/>
      <c r="HC2" s="530"/>
      <c r="HD2" s="530"/>
      <c r="HE2" s="530"/>
      <c r="HF2" s="530"/>
      <c r="HG2" s="530"/>
      <c r="HH2" s="530"/>
      <c r="HI2" s="530"/>
      <c r="HJ2" s="530"/>
      <c r="HK2" s="530"/>
      <c r="HL2" s="530"/>
      <c r="HM2" s="530"/>
      <c r="HN2" s="530"/>
      <c r="HO2" s="530"/>
      <c r="HP2" s="530"/>
      <c r="HQ2" s="530"/>
      <c r="HR2" s="530"/>
      <c r="HS2" s="530"/>
      <c r="HT2" s="530"/>
      <c r="HU2" s="530"/>
      <c r="HV2" s="530"/>
      <c r="HW2" s="530"/>
      <c r="HX2" s="530"/>
      <c r="HY2" s="530"/>
      <c r="HZ2" s="530"/>
      <c r="IA2" s="530"/>
      <c r="IB2" s="530"/>
      <c r="IC2" s="530"/>
      <c r="ID2" s="530"/>
      <c r="IE2" s="530"/>
      <c r="IF2" s="530"/>
      <c r="IG2" s="530"/>
      <c r="IH2" s="530"/>
      <c r="II2" s="530"/>
      <c r="IJ2" s="530"/>
      <c r="IK2" s="530"/>
      <c r="IL2" s="530"/>
      <c r="IM2" s="530"/>
      <c r="IN2" s="530"/>
      <c r="IO2" s="530"/>
      <c r="IP2" s="530"/>
      <c r="IQ2" s="530"/>
      <c r="IR2" s="530"/>
      <c r="IS2" s="530"/>
      <c r="IT2" s="530"/>
      <c r="IU2" s="530"/>
      <c r="IV2" s="530"/>
      <c r="IW2" s="530"/>
      <c r="IX2" s="530"/>
      <c r="IY2" s="530"/>
    </row>
    <row r="3" spans="1:259" s="4" customFormat="1" ht="148.5" customHeight="1" x14ac:dyDescent="0.2">
      <c r="A3" s="6"/>
      <c r="B3" s="6"/>
      <c r="C3" s="6"/>
      <c r="D3" s="6"/>
      <c r="E3" s="6"/>
      <c r="F3" s="6"/>
      <c r="G3" s="6"/>
      <c r="H3" s="6"/>
      <c r="I3" s="6"/>
      <c r="J3" s="6"/>
      <c r="K3" s="6"/>
      <c r="L3" s="6"/>
      <c r="M3" s="6"/>
      <c r="N3" s="7"/>
      <c r="O3" s="6"/>
      <c r="P3" s="6"/>
      <c r="Q3" s="6"/>
      <c r="R3" s="6"/>
      <c r="S3" s="6"/>
      <c r="T3" s="6"/>
      <c r="U3" s="1061"/>
      <c r="V3" s="3"/>
      <c r="W3" s="3"/>
      <c r="X3" s="3"/>
      <c r="Y3" s="3"/>
      <c r="Z3" s="3"/>
      <c r="AA3" s="3"/>
      <c r="AB3" s="3"/>
      <c r="AC3" s="3"/>
      <c r="AD3" s="3"/>
      <c r="AE3" s="3"/>
      <c r="AF3" s="3"/>
      <c r="AG3" s="3"/>
      <c r="AH3" s="3"/>
      <c r="AI3" s="3"/>
      <c r="AJ3" s="3"/>
      <c r="AK3" s="3"/>
      <c r="AL3" s="3"/>
      <c r="AM3" s="3"/>
      <c r="AN3" s="3"/>
      <c r="AO3" s="3"/>
      <c r="AP3" s="3"/>
      <c r="AQ3" s="3"/>
      <c r="AR3" s="3"/>
      <c r="AS3" s="3"/>
      <c r="AT3" s="3"/>
      <c r="AU3" s="3"/>
      <c r="AV3" s="3"/>
      <c r="AW3" s="3"/>
      <c r="AX3" s="3"/>
      <c r="AY3" s="3"/>
      <c r="AZ3" s="3"/>
      <c r="BA3" s="3"/>
      <c r="BB3" s="3"/>
      <c r="BC3" s="3"/>
      <c r="BD3" s="3"/>
      <c r="BE3" s="3"/>
      <c r="BF3" s="3"/>
      <c r="BG3" s="3"/>
      <c r="BH3" s="3"/>
      <c r="BI3" s="3"/>
      <c r="BJ3" s="3"/>
      <c r="BK3" s="3"/>
      <c r="BL3" s="3"/>
      <c r="BM3" s="3"/>
      <c r="BN3" s="3"/>
      <c r="BO3" s="3"/>
      <c r="BP3" s="3"/>
      <c r="BQ3" s="3"/>
      <c r="BR3" s="3"/>
      <c r="BS3" s="3"/>
      <c r="BT3" s="3"/>
      <c r="BU3" s="3"/>
      <c r="BV3" s="3"/>
      <c r="BW3" s="3"/>
      <c r="BX3" s="3"/>
      <c r="BY3" s="3"/>
      <c r="BZ3" s="3"/>
      <c r="CA3" s="3"/>
      <c r="CB3" s="3"/>
      <c r="CC3" s="3"/>
      <c r="CD3" s="3"/>
      <c r="CE3" s="3"/>
      <c r="CF3" s="3"/>
      <c r="CG3" s="3"/>
      <c r="CH3" s="3"/>
      <c r="CI3" s="3"/>
      <c r="CJ3" s="3"/>
      <c r="CK3" s="3"/>
      <c r="CL3" s="3"/>
      <c r="CM3" s="3"/>
      <c r="CN3" s="3"/>
      <c r="CO3" s="3"/>
      <c r="CP3" s="3"/>
      <c r="CQ3" s="3"/>
      <c r="CR3" s="3"/>
      <c r="CS3" s="3"/>
      <c r="CT3" s="3"/>
      <c r="CU3" s="3"/>
      <c r="CV3" s="3"/>
      <c r="CW3" s="3"/>
      <c r="CX3" s="3"/>
      <c r="CY3" s="3"/>
      <c r="CZ3" s="3"/>
      <c r="DA3" s="3"/>
      <c r="DB3" s="3"/>
      <c r="DC3" s="3"/>
      <c r="DD3" s="3"/>
      <c r="DE3" s="3"/>
      <c r="DF3" s="3"/>
      <c r="DG3" s="3"/>
      <c r="DH3" s="3"/>
      <c r="DI3" s="3"/>
      <c r="DJ3" s="3"/>
      <c r="DK3" s="3"/>
      <c r="DL3" s="3"/>
      <c r="DM3" s="3"/>
      <c r="DN3" s="3"/>
      <c r="DO3" s="3"/>
      <c r="DP3" s="3"/>
      <c r="DQ3" s="3"/>
      <c r="DR3" s="3"/>
      <c r="DS3" s="3"/>
      <c r="DT3" s="3"/>
      <c r="DU3" s="3"/>
      <c r="DV3" s="3"/>
      <c r="DW3" s="3"/>
      <c r="DX3" s="3"/>
      <c r="DY3" s="3"/>
      <c r="DZ3" s="3"/>
      <c r="EA3" s="3"/>
      <c r="EB3" s="3"/>
      <c r="EC3" s="3"/>
      <c r="ED3" s="3"/>
      <c r="EE3" s="3"/>
      <c r="EF3" s="3"/>
      <c r="EG3" s="3"/>
      <c r="EH3" s="3"/>
      <c r="EI3" s="3"/>
      <c r="EJ3" s="3"/>
      <c r="EK3" s="3"/>
      <c r="EL3" s="3"/>
      <c r="EM3" s="3"/>
      <c r="EN3" s="3"/>
      <c r="EO3" s="3"/>
      <c r="EP3" s="3"/>
      <c r="EQ3" s="3"/>
      <c r="ER3" s="3"/>
      <c r="ES3" s="3"/>
      <c r="ET3" s="3"/>
      <c r="EU3" s="3"/>
      <c r="EV3" s="3"/>
      <c r="EW3" s="3"/>
      <c r="EX3" s="3"/>
      <c r="EY3" s="3"/>
      <c r="EZ3" s="3"/>
      <c r="FA3" s="3"/>
      <c r="FB3" s="3"/>
      <c r="FC3" s="3"/>
      <c r="FD3" s="3"/>
      <c r="FE3" s="3"/>
      <c r="FF3" s="3"/>
      <c r="FG3" s="3"/>
      <c r="FH3" s="3"/>
      <c r="FI3" s="3"/>
      <c r="FJ3" s="3"/>
      <c r="FK3" s="3"/>
      <c r="FL3" s="3"/>
      <c r="FM3" s="3"/>
      <c r="FN3" s="3"/>
      <c r="FO3" s="3"/>
      <c r="FP3" s="3"/>
      <c r="FQ3" s="3"/>
      <c r="FR3" s="3"/>
      <c r="FS3" s="3"/>
      <c r="FT3" s="3"/>
      <c r="FU3" s="3"/>
      <c r="FV3" s="3"/>
      <c r="FW3" s="3"/>
      <c r="FX3" s="3"/>
      <c r="FY3" s="3"/>
      <c r="FZ3" s="3"/>
      <c r="GA3" s="3"/>
      <c r="GB3" s="3"/>
      <c r="GC3" s="3"/>
      <c r="GD3" s="3"/>
      <c r="GE3" s="3"/>
      <c r="GF3" s="3"/>
      <c r="GG3" s="3"/>
      <c r="GH3" s="3"/>
      <c r="GI3" s="3"/>
      <c r="GJ3" s="3"/>
      <c r="GK3" s="3"/>
      <c r="GL3" s="3"/>
      <c r="GM3" s="3"/>
      <c r="GN3" s="3"/>
      <c r="GO3" s="3"/>
      <c r="GP3" s="3"/>
      <c r="GQ3" s="3"/>
      <c r="GR3" s="3"/>
      <c r="GS3" s="3"/>
      <c r="GT3" s="3"/>
      <c r="GU3" s="3"/>
      <c r="GV3" s="3"/>
      <c r="GW3" s="3"/>
      <c r="GX3" s="3"/>
      <c r="GY3" s="3"/>
      <c r="GZ3" s="3"/>
      <c r="HA3" s="3"/>
      <c r="HB3" s="3"/>
      <c r="HC3" s="3"/>
      <c r="HD3" s="3"/>
      <c r="HE3" s="3"/>
      <c r="HF3" s="3"/>
      <c r="HG3" s="3"/>
      <c r="HH3" s="3"/>
      <c r="HI3" s="3"/>
      <c r="HJ3" s="3"/>
      <c r="HK3" s="3"/>
      <c r="HL3" s="3"/>
      <c r="HM3" s="3"/>
      <c r="HN3" s="3"/>
      <c r="HO3" s="3"/>
      <c r="HP3" s="3"/>
      <c r="HQ3" s="3"/>
      <c r="HR3" s="3"/>
      <c r="HS3" s="3"/>
      <c r="HT3" s="3"/>
      <c r="HU3" s="3"/>
      <c r="HV3" s="3"/>
      <c r="HW3" s="3"/>
      <c r="HX3" s="3"/>
      <c r="HY3" s="3"/>
      <c r="HZ3" s="3"/>
      <c r="IA3" s="3"/>
      <c r="IB3" s="3"/>
      <c r="IC3" s="3"/>
      <c r="ID3" s="3"/>
      <c r="IE3" s="3"/>
      <c r="IF3" s="3"/>
      <c r="IG3" s="3"/>
      <c r="IH3" s="3"/>
      <c r="II3" s="3"/>
      <c r="IJ3" s="3"/>
      <c r="IK3" s="3"/>
      <c r="IL3" s="3"/>
      <c r="IM3" s="3"/>
      <c r="IN3" s="3"/>
      <c r="IO3" s="3"/>
      <c r="IP3" s="3"/>
      <c r="IQ3" s="3"/>
      <c r="IR3" s="3"/>
      <c r="IS3" s="3"/>
      <c r="IT3" s="3"/>
      <c r="IU3" s="3"/>
      <c r="IV3" s="3"/>
      <c r="IW3" s="3"/>
      <c r="IX3" s="3"/>
      <c r="IY3" s="3"/>
    </row>
    <row r="4" spans="1:259" s="4" customFormat="1" ht="73.5" customHeight="1" x14ac:dyDescent="0.2">
      <c r="A4" s="6"/>
      <c r="B4" s="6"/>
      <c r="C4" s="6"/>
      <c r="D4" s="6"/>
      <c r="E4" s="6"/>
      <c r="F4" s="6"/>
      <c r="G4" s="6"/>
      <c r="H4" s="6"/>
      <c r="I4" s="6"/>
      <c r="J4" s="6"/>
      <c r="K4" s="6"/>
      <c r="L4" s="6"/>
      <c r="M4" s="6"/>
      <c r="N4" s="7"/>
      <c r="O4" s="6"/>
      <c r="P4" s="6"/>
      <c r="Q4" s="6"/>
      <c r="R4" s="6"/>
      <c r="S4" s="6"/>
      <c r="T4" s="6"/>
      <c r="U4" s="1061"/>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3"/>
      <c r="BE4" s="3"/>
      <c r="BF4" s="3"/>
      <c r="BG4" s="3"/>
      <c r="BH4" s="3"/>
      <c r="BI4" s="3"/>
      <c r="BJ4" s="3"/>
      <c r="BK4" s="3"/>
      <c r="BL4" s="3"/>
      <c r="BM4" s="3"/>
      <c r="BN4" s="3"/>
      <c r="BO4" s="3"/>
      <c r="BP4" s="3"/>
      <c r="BQ4" s="3"/>
      <c r="BR4" s="3"/>
      <c r="BS4" s="3"/>
      <c r="BT4" s="3"/>
      <c r="BU4" s="3"/>
      <c r="BV4" s="3"/>
      <c r="BW4" s="3"/>
      <c r="BX4" s="3"/>
      <c r="BY4" s="3"/>
      <c r="BZ4" s="3"/>
      <c r="CA4" s="3"/>
      <c r="CB4" s="3"/>
      <c r="CC4" s="3"/>
      <c r="CD4" s="3"/>
      <c r="CE4" s="3"/>
      <c r="CF4" s="3"/>
      <c r="CG4" s="3"/>
      <c r="CH4" s="3"/>
      <c r="CI4" s="3"/>
      <c r="CJ4" s="3"/>
      <c r="CK4" s="3"/>
      <c r="CL4" s="3"/>
      <c r="CM4" s="3"/>
      <c r="CN4" s="3"/>
      <c r="CO4" s="3"/>
      <c r="CP4" s="3"/>
      <c r="CQ4" s="3"/>
      <c r="CR4" s="3"/>
      <c r="CS4" s="3"/>
      <c r="CT4" s="3"/>
      <c r="CU4" s="3"/>
      <c r="CV4" s="3"/>
      <c r="CW4" s="3"/>
      <c r="CX4" s="3"/>
      <c r="CY4" s="3"/>
      <c r="CZ4" s="3"/>
      <c r="DA4" s="3"/>
      <c r="DB4" s="3"/>
      <c r="DC4" s="3"/>
      <c r="DD4" s="3"/>
      <c r="DE4" s="3"/>
      <c r="DF4" s="3"/>
      <c r="DG4" s="3"/>
      <c r="DH4" s="3"/>
      <c r="DI4" s="3"/>
      <c r="DJ4" s="3"/>
      <c r="DK4" s="3"/>
      <c r="DL4" s="3"/>
      <c r="DM4" s="3"/>
      <c r="DN4" s="3"/>
      <c r="DO4" s="3"/>
      <c r="DP4" s="3"/>
      <c r="DQ4" s="3"/>
      <c r="DR4" s="3"/>
      <c r="DS4" s="3"/>
      <c r="DT4" s="3"/>
      <c r="DU4" s="3"/>
      <c r="DV4" s="3"/>
      <c r="DW4" s="3"/>
      <c r="DX4" s="3"/>
      <c r="DY4" s="3"/>
      <c r="DZ4" s="3"/>
      <c r="EA4" s="3"/>
      <c r="EB4" s="3"/>
      <c r="EC4" s="3"/>
      <c r="ED4" s="3"/>
      <c r="EE4" s="3"/>
      <c r="EF4" s="3"/>
      <c r="EG4" s="3"/>
      <c r="EH4" s="3"/>
      <c r="EI4" s="3"/>
      <c r="EJ4" s="3"/>
      <c r="EK4" s="3"/>
      <c r="EL4" s="3"/>
      <c r="EM4" s="3"/>
      <c r="EN4" s="3"/>
      <c r="EO4" s="3"/>
      <c r="EP4" s="3"/>
      <c r="EQ4" s="3"/>
      <c r="ER4" s="3"/>
      <c r="ES4" s="3"/>
      <c r="ET4" s="3"/>
      <c r="EU4" s="3"/>
      <c r="EV4" s="3"/>
      <c r="EW4" s="3"/>
      <c r="EX4" s="3"/>
      <c r="EY4" s="3"/>
      <c r="EZ4" s="3"/>
      <c r="FA4" s="3"/>
      <c r="FB4" s="3"/>
      <c r="FC4" s="3"/>
      <c r="FD4" s="3"/>
      <c r="FE4" s="3"/>
      <c r="FF4" s="3"/>
      <c r="FG4" s="3"/>
      <c r="FH4" s="3"/>
      <c r="FI4" s="3"/>
      <c r="FJ4" s="3"/>
      <c r="FK4" s="3"/>
      <c r="FL4" s="3"/>
      <c r="FM4" s="3"/>
      <c r="FN4" s="3"/>
      <c r="FO4" s="3"/>
      <c r="FP4" s="3"/>
      <c r="FQ4" s="3"/>
      <c r="FR4" s="3"/>
      <c r="FS4" s="3"/>
      <c r="FT4" s="3"/>
      <c r="FU4" s="3"/>
      <c r="FV4" s="3"/>
      <c r="FW4" s="3"/>
      <c r="FX4" s="3"/>
      <c r="FY4" s="3"/>
      <c r="FZ4" s="3"/>
      <c r="GA4" s="3"/>
      <c r="GB4" s="3"/>
      <c r="GC4" s="3"/>
      <c r="GD4" s="3"/>
      <c r="GE4" s="3"/>
      <c r="GF4" s="3"/>
      <c r="GG4" s="3"/>
      <c r="GH4" s="3"/>
      <c r="GI4" s="3"/>
      <c r="GJ4" s="3"/>
      <c r="GK4" s="3"/>
      <c r="GL4" s="3"/>
      <c r="GM4" s="3"/>
      <c r="GN4" s="3"/>
      <c r="GO4" s="3"/>
      <c r="GP4" s="3"/>
      <c r="GQ4" s="3"/>
      <c r="GR4" s="3"/>
      <c r="GS4" s="3"/>
      <c r="GT4" s="3"/>
      <c r="GU4" s="3"/>
      <c r="GV4" s="3"/>
      <c r="GW4" s="3"/>
      <c r="GX4" s="3"/>
      <c r="GY4" s="3"/>
      <c r="GZ4" s="3"/>
      <c r="HA4" s="3"/>
      <c r="HB4" s="3"/>
      <c r="HC4" s="3"/>
      <c r="HD4" s="3"/>
      <c r="HE4" s="3"/>
      <c r="HF4" s="3"/>
      <c r="HG4" s="3"/>
      <c r="HH4" s="3"/>
      <c r="HI4" s="3"/>
      <c r="HJ4" s="3"/>
      <c r="HK4" s="3"/>
      <c r="HL4" s="3"/>
      <c r="HM4" s="3"/>
      <c r="HN4" s="3"/>
      <c r="HO4" s="3"/>
      <c r="HP4" s="3"/>
      <c r="HQ4" s="3"/>
      <c r="HR4" s="3"/>
      <c r="HS4" s="3"/>
      <c r="HT4" s="3"/>
      <c r="HU4" s="3"/>
      <c r="HV4" s="3"/>
      <c r="HW4" s="3"/>
      <c r="HX4" s="3"/>
      <c r="HY4" s="3"/>
      <c r="HZ4" s="3"/>
      <c r="IA4" s="3"/>
      <c r="IB4" s="3"/>
      <c r="IC4" s="3"/>
      <c r="ID4" s="3"/>
      <c r="IE4" s="3"/>
      <c r="IF4" s="3"/>
      <c r="IG4" s="3"/>
      <c r="IH4" s="3"/>
      <c r="II4" s="3"/>
      <c r="IJ4" s="3"/>
      <c r="IK4" s="3"/>
      <c r="IL4" s="3"/>
      <c r="IM4" s="3"/>
      <c r="IN4" s="3"/>
      <c r="IO4" s="3"/>
      <c r="IP4" s="3"/>
      <c r="IQ4" s="3"/>
      <c r="IR4" s="3"/>
      <c r="IS4" s="3"/>
      <c r="IT4" s="3"/>
      <c r="IU4" s="3"/>
      <c r="IV4" s="3"/>
      <c r="IW4" s="3"/>
      <c r="IX4" s="3"/>
      <c r="IY4" s="3"/>
    </row>
    <row r="5" spans="1:259" s="4" customFormat="1" ht="43.5" customHeight="1" x14ac:dyDescent="0.2">
      <c r="A5" s="6"/>
      <c r="B5" s="6"/>
      <c r="C5" s="6"/>
      <c r="D5" s="6"/>
      <c r="E5" s="6"/>
      <c r="F5" s="6"/>
      <c r="G5" s="6"/>
      <c r="H5" s="6"/>
      <c r="I5" s="6"/>
      <c r="J5" s="6"/>
      <c r="K5" s="6"/>
      <c r="L5" s="6"/>
      <c r="M5" s="6"/>
      <c r="N5" s="7"/>
      <c r="O5" s="6"/>
      <c r="P5" s="6"/>
      <c r="Q5" s="6"/>
      <c r="R5" s="6"/>
      <c r="S5" s="6"/>
      <c r="T5" s="6"/>
      <c r="U5" s="1061"/>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c r="CA5" s="3"/>
      <c r="CB5" s="3"/>
      <c r="CC5" s="3"/>
      <c r="CD5" s="3"/>
      <c r="CE5" s="3"/>
      <c r="CF5" s="3"/>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3"/>
      <c r="IR5" s="3"/>
      <c r="IS5" s="3"/>
      <c r="IT5" s="3"/>
      <c r="IU5" s="3"/>
      <c r="IV5" s="3"/>
      <c r="IW5" s="3"/>
      <c r="IX5" s="3"/>
      <c r="IY5" s="3"/>
    </row>
    <row r="6" spans="1:259" s="4" customFormat="1" ht="130.5" customHeight="1" x14ac:dyDescent="0.2">
      <c r="A6" s="6"/>
      <c r="B6" s="6"/>
      <c r="C6" s="6"/>
      <c r="D6" s="6"/>
      <c r="E6" s="6"/>
      <c r="F6" s="6"/>
      <c r="G6" s="6"/>
      <c r="H6" s="6"/>
      <c r="I6" s="6"/>
      <c r="J6" s="6"/>
      <c r="K6" s="6"/>
      <c r="L6" s="6"/>
      <c r="M6" s="6"/>
      <c r="N6" s="7"/>
      <c r="O6" s="6"/>
      <c r="P6" s="6"/>
      <c r="Q6" s="6"/>
      <c r="R6" s="6"/>
      <c r="S6" s="6"/>
      <c r="T6" s="6"/>
      <c r="U6" s="1061"/>
      <c r="V6" s="3"/>
      <c r="W6" s="3"/>
      <c r="X6" s="3"/>
      <c r="Y6" s="3"/>
      <c r="Z6" s="3"/>
      <c r="AA6" s="3"/>
      <c r="AB6" s="3"/>
      <c r="AC6" s="3"/>
      <c r="AD6" s="3"/>
      <c r="AE6" s="3"/>
      <c r="AF6" s="3"/>
      <c r="AG6" s="3"/>
      <c r="AH6" s="3"/>
      <c r="AI6" s="3"/>
      <c r="AJ6" s="3"/>
      <c r="AK6" s="3"/>
      <c r="AL6" s="3"/>
      <c r="AM6" s="3"/>
      <c r="AN6" s="3"/>
      <c r="AO6" s="3"/>
      <c r="AP6" s="3"/>
      <c r="AQ6" s="3"/>
      <c r="AR6" s="3"/>
      <c r="AS6" s="3"/>
      <c r="AT6" s="3"/>
      <c r="AU6" s="3"/>
      <c r="AV6" s="3"/>
      <c r="AW6" s="3"/>
      <c r="AX6" s="3"/>
      <c r="AY6" s="3"/>
      <c r="AZ6" s="3"/>
      <c r="BA6" s="3"/>
      <c r="BB6" s="3"/>
      <c r="BC6" s="3"/>
      <c r="BD6" s="3"/>
      <c r="BE6" s="3"/>
      <c r="BF6" s="3"/>
      <c r="BG6" s="3"/>
      <c r="BH6" s="3"/>
      <c r="BI6" s="3"/>
      <c r="BJ6" s="3"/>
      <c r="BK6" s="3"/>
      <c r="BL6" s="3"/>
      <c r="BM6" s="3"/>
      <c r="BN6" s="3"/>
      <c r="BO6" s="3"/>
      <c r="BP6" s="3"/>
      <c r="BQ6" s="3"/>
      <c r="BR6" s="3"/>
      <c r="BS6" s="3"/>
      <c r="BT6" s="3"/>
      <c r="BU6" s="3"/>
      <c r="BV6" s="3"/>
      <c r="BW6" s="3"/>
      <c r="BX6" s="3"/>
      <c r="BY6" s="3"/>
      <c r="BZ6" s="3"/>
      <c r="CA6" s="3"/>
      <c r="CB6" s="3"/>
      <c r="CC6" s="3"/>
      <c r="CD6" s="3"/>
      <c r="CE6" s="3"/>
      <c r="CF6" s="3"/>
      <c r="CG6" s="3"/>
      <c r="CH6" s="3"/>
      <c r="CI6" s="3"/>
      <c r="CJ6" s="3"/>
      <c r="CK6" s="3"/>
      <c r="CL6" s="3"/>
      <c r="CM6" s="3"/>
      <c r="CN6" s="3"/>
      <c r="CO6" s="3"/>
      <c r="CP6" s="3"/>
      <c r="CQ6" s="3"/>
      <c r="CR6" s="3"/>
      <c r="CS6" s="3"/>
      <c r="CT6" s="3"/>
      <c r="CU6" s="3"/>
      <c r="CV6" s="3"/>
      <c r="CW6" s="3"/>
      <c r="CX6" s="3"/>
      <c r="CY6" s="3"/>
      <c r="CZ6" s="3"/>
      <c r="DA6" s="3"/>
      <c r="DB6" s="3"/>
      <c r="DC6" s="3"/>
      <c r="DD6" s="3"/>
      <c r="DE6" s="3"/>
      <c r="DF6" s="3"/>
      <c r="DG6" s="3"/>
      <c r="DH6" s="3"/>
      <c r="DI6" s="3"/>
      <c r="DJ6" s="3"/>
      <c r="DK6" s="3"/>
      <c r="DL6" s="3"/>
      <c r="DM6" s="3"/>
      <c r="DN6" s="3"/>
      <c r="DO6" s="3"/>
      <c r="DP6" s="3"/>
      <c r="DQ6" s="3"/>
      <c r="DR6" s="3"/>
      <c r="DS6" s="3"/>
      <c r="DT6" s="3"/>
      <c r="DU6" s="3"/>
      <c r="DV6" s="3"/>
      <c r="DW6" s="3"/>
      <c r="DX6" s="3"/>
      <c r="DY6" s="3"/>
      <c r="DZ6" s="3"/>
      <c r="EA6" s="3"/>
      <c r="EB6" s="3"/>
      <c r="EC6" s="3"/>
      <c r="ED6" s="3"/>
      <c r="EE6" s="3"/>
      <c r="EF6" s="3"/>
      <c r="EG6" s="3"/>
      <c r="EH6" s="3"/>
      <c r="EI6" s="3"/>
      <c r="EJ6" s="3"/>
      <c r="EK6" s="3"/>
      <c r="EL6" s="3"/>
      <c r="EM6" s="3"/>
      <c r="EN6" s="3"/>
      <c r="EO6" s="3"/>
      <c r="EP6" s="3"/>
      <c r="EQ6" s="3"/>
      <c r="ER6" s="3"/>
      <c r="ES6" s="3"/>
      <c r="ET6" s="3"/>
      <c r="EU6" s="3"/>
      <c r="EV6" s="3"/>
      <c r="EW6" s="3"/>
      <c r="EX6" s="3"/>
      <c r="EY6" s="3"/>
      <c r="EZ6" s="3"/>
      <c r="FA6" s="3"/>
      <c r="FB6" s="3"/>
      <c r="FC6" s="3"/>
      <c r="FD6" s="3"/>
      <c r="FE6" s="3"/>
      <c r="FF6" s="3"/>
      <c r="FG6" s="3"/>
      <c r="FH6" s="3"/>
      <c r="FI6" s="3"/>
      <c r="FJ6" s="3"/>
      <c r="FK6" s="3"/>
      <c r="FL6" s="3"/>
      <c r="FM6" s="3"/>
      <c r="FN6" s="3"/>
      <c r="FO6" s="3"/>
      <c r="FP6" s="3"/>
      <c r="FQ6" s="3"/>
      <c r="FR6" s="3"/>
      <c r="FS6" s="3"/>
      <c r="FT6" s="3"/>
      <c r="FU6" s="3"/>
      <c r="FV6" s="3"/>
      <c r="FW6" s="3"/>
      <c r="FX6" s="3"/>
      <c r="FY6" s="3"/>
      <c r="FZ6" s="3"/>
      <c r="GA6" s="3"/>
      <c r="GB6" s="3"/>
      <c r="GC6" s="3"/>
      <c r="GD6" s="3"/>
      <c r="GE6" s="3"/>
      <c r="GF6" s="3"/>
      <c r="GG6" s="3"/>
      <c r="GH6" s="3"/>
      <c r="GI6" s="3"/>
      <c r="GJ6" s="3"/>
      <c r="GK6" s="3"/>
      <c r="GL6" s="3"/>
      <c r="GM6" s="3"/>
      <c r="GN6" s="3"/>
      <c r="GO6" s="3"/>
      <c r="GP6" s="3"/>
      <c r="GQ6" s="3"/>
      <c r="GR6" s="3"/>
      <c r="GS6" s="3"/>
      <c r="GT6" s="3"/>
      <c r="GU6" s="3"/>
      <c r="GV6" s="3"/>
      <c r="GW6" s="3"/>
      <c r="GX6" s="3"/>
      <c r="GY6" s="3"/>
      <c r="GZ6" s="3"/>
      <c r="HA6" s="3"/>
      <c r="HB6" s="3"/>
      <c r="HC6" s="3"/>
      <c r="HD6" s="3"/>
      <c r="HE6" s="3"/>
      <c r="HF6" s="3"/>
      <c r="HG6" s="3"/>
      <c r="HH6" s="3"/>
      <c r="HI6" s="3"/>
      <c r="HJ6" s="3"/>
      <c r="HK6" s="3"/>
      <c r="HL6" s="3"/>
      <c r="HM6" s="3"/>
      <c r="HN6" s="3"/>
      <c r="HO6" s="3"/>
      <c r="HP6" s="3"/>
      <c r="HQ6" s="3"/>
      <c r="HR6" s="3"/>
      <c r="HS6" s="3"/>
      <c r="HT6" s="3"/>
      <c r="HU6" s="3"/>
      <c r="HV6" s="3"/>
      <c r="HW6" s="3"/>
      <c r="HX6" s="3"/>
      <c r="HY6" s="3"/>
      <c r="HZ6" s="3"/>
      <c r="IA6" s="3"/>
      <c r="IB6" s="3"/>
      <c r="IC6" s="3"/>
      <c r="ID6" s="3"/>
      <c r="IE6" s="3"/>
      <c r="IF6" s="3"/>
      <c r="IG6" s="3"/>
      <c r="IH6" s="3"/>
      <c r="II6" s="3"/>
      <c r="IJ6" s="3"/>
      <c r="IK6" s="3"/>
      <c r="IL6" s="3"/>
      <c r="IM6" s="3"/>
      <c r="IN6" s="3"/>
      <c r="IO6" s="3"/>
      <c r="IP6" s="3"/>
      <c r="IQ6" s="3"/>
      <c r="IR6" s="3"/>
      <c r="IS6" s="3"/>
      <c r="IT6" s="3"/>
      <c r="IU6" s="3"/>
      <c r="IV6" s="3"/>
      <c r="IW6" s="3"/>
      <c r="IX6" s="3"/>
      <c r="IY6" s="3"/>
    </row>
    <row r="7" spans="1:259" ht="301.5" customHeight="1" x14ac:dyDescent="0.2">
      <c r="A7" s="534"/>
      <c r="B7" s="534"/>
      <c r="C7" s="534"/>
      <c r="D7" s="534"/>
      <c r="E7" s="534"/>
      <c r="F7" s="534"/>
      <c r="G7" s="534"/>
      <c r="H7" s="534"/>
      <c r="I7" s="534"/>
      <c r="J7" s="534"/>
      <c r="K7" s="534"/>
      <c r="L7" s="535"/>
      <c r="M7" s="534"/>
      <c r="N7" s="536"/>
      <c r="O7" s="534"/>
      <c r="P7" s="534"/>
      <c r="Q7" s="534"/>
      <c r="R7" s="534"/>
      <c r="S7" s="534"/>
      <c r="T7" s="534"/>
      <c r="U7" s="530"/>
      <c r="V7" s="530"/>
      <c r="W7" s="530"/>
      <c r="X7" s="530"/>
      <c r="Y7" s="530"/>
      <c r="Z7" s="530"/>
      <c r="AA7" s="530"/>
      <c r="AB7" s="530"/>
      <c r="AC7" s="530"/>
      <c r="AD7" s="530"/>
      <c r="AE7" s="530"/>
      <c r="AF7" s="530"/>
      <c r="AG7" s="530"/>
      <c r="AH7" s="530"/>
      <c r="AI7" s="530"/>
      <c r="AJ7" s="530"/>
      <c r="AK7" s="530"/>
      <c r="AL7" s="530"/>
      <c r="AM7" s="530"/>
      <c r="AN7" s="530"/>
      <c r="AO7" s="530"/>
      <c r="AP7" s="530"/>
      <c r="AQ7" s="530"/>
      <c r="AR7" s="530"/>
      <c r="AS7" s="530"/>
      <c r="AT7" s="530"/>
      <c r="AU7" s="530"/>
      <c r="AV7" s="530"/>
      <c r="AW7" s="530"/>
      <c r="AX7" s="530"/>
      <c r="AY7" s="530"/>
      <c r="AZ7" s="530"/>
      <c r="BA7" s="530"/>
      <c r="BB7" s="530"/>
      <c r="BC7" s="530"/>
      <c r="BD7" s="530"/>
      <c r="BE7" s="530"/>
      <c r="BF7" s="530"/>
      <c r="BG7" s="530"/>
      <c r="BH7" s="530"/>
      <c r="BI7" s="530"/>
      <c r="BJ7" s="530"/>
      <c r="BK7" s="530"/>
      <c r="BL7" s="530"/>
      <c r="BM7" s="530"/>
      <c r="BN7" s="530"/>
      <c r="BO7" s="530"/>
      <c r="BP7" s="530"/>
      <c r="BQ7" s="530"/>
      <c r="BR7" s="530"/>
      <c r="BS7" s="530"/>
      <c r="BT7" s="530"/>
      <c r="BU7" s="530"/>
      <c r="BV7" s="530"/>
      <c r="BW7" s="530"/>
      <c r="BX7" s="530"/>
      <c r="BY7" s="530"/>
      <c r="BZ7" s="530"/>
      <c r="CA7" s="530"/>
      <c r="CB7" s="530"/>
      <c r="CC7" s="530"/>
      <c r="CD7" s="530"/>
      <c r="CE7" s="530"/>
      <c r="CF7" s="530"/>
      <c r="CG7" s="530"/>
      <c r="CH7" s="530"/>
      <c r="CI7" s="530"/>
      <c r="CJ7" s="530"/>
      <c r="CK7" s="530"/>
      <c r="CL7" s="530"/>
      <c r="CM7" s="530"/>
      <c r="CN7" s="530"/>
      <c r="CO7" s="530"/>
      <c r="CP7" s="530"/>
      <c r="CQ7" s="530"/>
      <c r="CR7" s="530"/>
      <c r="CS7" s="530"/>
      <c r="CT7" s="530"/>
      <c r="CU7" s="530"/>
      <c r="CV7" s="530"/>
      <c r="CW7" s="530"/>
      <c r="CX7" s="530"/>
      <c r="CY7" s="530"/>
      <c r="CZ7" s="530"/>
      <c r="DA7" s="530"/>
      <c r="DB7" s="530"/>
      <c r="DC7" s="530"/>
      <c r="DD7" s="530"/>
      <c r="DE7" s="530"/>
      <c r="DF7" s="530"/>
      <c r="DG7" s="530"/>
      <c r="DH7" s="530"/>
      <c r="DI7" s="530"/>
      <c r="DJ7" s="530"/>
      <c r="DK7" s="530"/>
      <c r="DL7" s="530"/>
      <c r="DM7" s="530"/>
      <c r="DN7" s="530"/>
      <c r="DO7" s="530"/>
      <c r="DP7" s="530"/>
      <c r="DQ7" s="530"/>
      <c r="DR7" s="530"/>
      <c r="DS7" s="530"/>
      <c r="DT7" s="530"/>
      <c r="DU7" s="530"/>
      <c r="DV7" s="530"/>
      <c r="DW7" s="530"/>
      <c r="DX7" s="530"/>
      <c r="DY7" s="530"/>
      <c r="DZ7" s="530"/>
      <c r="EA7" s="530"/>
      <c r="EB7" s="530"/>
      <c r="EC7" s="530"/>
      <c r="ED7" s="530"/>
      <c r="EE7" s="530"/>
      <c r="EF7" s="530"/>
      <c r="EG7" s="530"/>
      <c r="EH7" s="530"/>
      <c r="EI7" s="530"/>
      <c r="EJ7" s="530"/>
      <c r="EK7" s="530"/>
      <c r="EL7" s="530"/>
      <c r="EM7" s="530"/>
      <c r="EN7" s="530"/>
      <c r="EO7" s="530"/>
      <c r="EP7" s="530"/>
      <c r="EQ7" s="530"/>
      <c r="ER7" s="530"/>
      <c r="ES7" s="530"/>
      <c r="ET7" s="530"/>
      <c r="EU7" s="530"/>
      <c r="EV7" s="530"/>
      <c r="EW7" s="530"/>
      <c r="EX7" s="530"/>
      <c r="EY7" s="530"/>
      <c r="EZ7" s="530"/>
      <c r="FA7" s="530"/>
      <c r="FB7" s="530"/>
      <c r="FC7" s="530"/>
      <c r="FD7" s="530"/>
      <c r="FE7" s="530"/>
      <c r="FF7" s="530"/>
      <c r="FG7" s="530"/>
      <c r="FH7" s="530"/>
      <c r="FI7" s="530"/>
      <c r="FJ7" s="530"/>
      <c r="FK7" s="530"/>
      <c r="FL7" s="530"/>
      <c r="FM7" s="530"/>
      <c r="FN7" s="530"/>
      <c r="FO7" s="530"/>
      <c r="FP7" s="530"/>
      <c r="FQ7" s="530"/>
      <c r="FR7" s="530"/>
      <c r="FS7" s="530"/>
      <c r="FT7" s="530"/>
      <c r="FU7" s="530"/>
      <c r="FV7" s="530"/>
      <c r="FW7" s="530"/>
      <c r="FX7" s="530"/>
      <c r="FY7" s="530"/>
      <c r="FZ7" s="530"/>
      <c r="GA7" s="530"/>
      <c r="GB7" s="530"/>
      <c r="GC7" s="530"/>
      <c r="GD7" s="530"/>
      <c r="GE7" s="530"/>
      <c r="GF7" s="530"/>
      <c r="GG7" s="530"/>
      <c r="GH7" s="530"/>
      <c r="GI7" s="530"/>
      <c r="GJ7" s="530"/>
      <c r="GK7" s="530"/>
      <c r="GL7" s="530"/>
      <c r="GM7" s="530"/>
      <c r="GN7" s="530"/>
      <c r="GO7" s="530"/>
      <c r="GP7" s="530"/>
      <c r="GQ7" s="530"/>
      <c r="GR7" s="530"/>
      <c r="GS7" s="530"/>
      <c r="GT7" s="530"/>
      <c r="GU7" s="530"/>
      <c r="GV7" s="530"/>
      <c r="GW7" s="530"/>
      <c r="GX7" s="530"/>
      <c r="GY7" s="530"/>
      <c r="GZ7" s="530"/>
      <c r="HA7" s="530"/>
      <c r="HB7" s="530"/>
      <c r="HC7" s="530"/>
      <c r="HD7" s="530"/>
      <c r="HE7" s="530"/>
      <c r="HF7" s="530"/>
      <c r="HG7" s="530"/>
      <c r="HH7" s="530"/>
      <c r="HI7" s="530"/>
      <c r="HJ7" s="530"/>
      <c r="HK7" s="530"/>
      <c r="HL7" s="530"/>
      <c r="HM7" s="530"/>
      <c r="HN7" s="530"/>
      <c r="HO7" s="530"/>
      <c r="HP7" s="530"/>
      <c r="HQ7" s="530"/>
      <c r="HR7" s="530"/>
      <c r="HS7" s="530"/>
      <c r="HT7" s="530"/>
      <c r="HU7" s="530"/>
      <c r="HV7" s="530"/>
      <c r="HW7" s="530"/>
      <c r="HX7" s="530"/>
      <c r="HY7" s="530"/>
      <c r="HZ7" s="530"/>
      <c r="IA7" s="530"/>
      <c r="IB7" s="530"/>
      <c r="IC7" s="530"/>
      <c r="ID7" s="530"/>
      <c r="IE7" s="530"/>
      <c r="IF7" s="530"/>
      <c r="IG7" s="530"/>
      <c r="IH7" s="530"/>
      <c r="II7" s="530"/>
      <c r="IJ7" s="530"/>
      <c r="IK7" s="530"/>
      <c r="IL7" s="530"/>
      <c r="IM7" s="530"/>
      <c r="IN7" s="530"/>
      <c r="IO7" s="530"/>
      <c r="IP7" s="530"/>
      <c r="IQ7" s="530"/>
      <c r="IR7" s="530"/>
      <c r="IS7" s="530"/>
      <c r="IT7" s="530"/>
      <c r="IU7" s="530"/>
      <c r="IV7" s="530"/>
      <c r="IW7" s="530"/>
      <c r="IX7" s="530"/>
      <c r="IY7" s="530"/>
    </row>
    <row r="8" spans="1:259" ht="301.5" customHeight="1" x14ac:dyDescent="0.2">
      <c r="A8" s="534"/>
      <c r="B8" s="534"/>
      <c r="C8" s="534"/>
      <c r="D8" s="534"/>
      <c r="E8" s="534"/>
      <c r="F8" s="534"/>
      <c r="G8" s="534"/>
      <c r="H8" s="534"/>
      <c r="I8" s="534"/>
      <c r="J8" s="534"/>
      <c r="K8" s="534"/>
      <c r="L8" s="535"/>
      <c r="M8" s="534"/>
      <c r="N8" s="536"/>
      <c r="O8" s="534"/>
      <c r="P8" s="534"/>
      <c r="Q8" s="534"/>
      <c r="R8" s="534"/>
      <c r="S8" s="534"/>
      <c r="T8" s="534"/>
      <c r="U8" s="530"/>
      <c r="V8" s="530"/>
      <c r="W8" s="530"/>
      <c r="X8" s="530"/>
      <c r="Y8" s="530"/>
      <c r="Z8" s="530"/>
      <c r="AA8" s="530"/>
      <c r="AB8" s="530"/>
      <c r="AC8" s="530"/>
      <c r="AD8" s="530"/>
      <c r="AE8" s="530"/>
      <c r="AF8" s="530"/>
      <c r="AG8" s="530"/>
      <c r="AH8" s="530"/>
      <c r="AI8" s="530"/>
      <c r="AJ8" s="530"/>
      <c r="AK8" s="530"/>
      <c r="AL8" s="530"/>
      <c r="AM8" s="530"/>
      <c r="AN8" s="530"/>
      <c r="AO8" s="530"/>
      <c r="AP8" s="530"/>
      <c r="AQ8" s="530"/>
      <c r="AR8" s="530"/>
      <c r="AS8" s="530"/>
      <c r="AT8" s="530"/>
      <c r="AU8" s="530"/>
      <c r="AV8" s="530"/>
      <c r="AW8" s="530"/>
      <c r="AX8" s="530"/>
      <c r="AY8" s="530"/>
      <c r="AZ8" s="530"/>
      <c r="BA8" s="530"/>
      <c r="BB8" s="530"/>
      <c r="BC8" s="530"/>
      <c r="BD8" s="530"/>
      <c r="BE8" s="530"/>
      <c r="BF8" s="530"/>
      <c r="BG8" s="530"/>
      <c r="BH8" s="530"/>
      <c r="BI8" s="530"/>
      <c r="BJ8" s="530"/>
      <c r="BK8" s="530"/>
      <c r="BL8" s="530"/>
      <c r="BM8" s="530"/>
      <c r="BN8" s="530"/>
      <c r="BO8" s="530"/>
      <c r="BP8" s="530"/>
      <c r="BQ8" s="530"/>
      <c r="BR8" s="530"/>
      <c r="BS8" s="530"/>
      <c r="BT8" s="530"/>
      <c r="BU8" s="530"/>
      <c r="BV8" s="530"/>
      <c r="BW8" s="530"/>
      <c r="BX8" s="530"/>
      <c r="BY8" s="530"/>
      <c r="BZ8" s="530"/>
      <c r="CA8" s="530"/>
      <c r="CB8" s="530"/>
      <c r="CC8" s="530"/>
      <c r="CD8" s="530"/>
      <c r="CE8" s="530"/>
      <c r="CF8" s="530"/>
      <c r="CG8" s="530"/>
      <c r="CH8" s="530"/>
      <c r="CI8" s="530"/>
      <c r="CJ8" s="530"/>
      <c r="CK8" s="530"/>
      <c r="CL8" s="530"/>
      <c r="CM8" s="530"/>
      <c r="CN8" s="530"/>
      <c r="CO8" s="530"/>
      <c r="CP8" s="530"/>
      <c r="CQ8" s="530"/>
      <c r="CR8" s="530"/>
      <c r="CS8" s="530"/>
      <c r="CT8" s="530"/>
      <c r="CU8" s="530"/>
      <c r="CV8" s="530"/>
      <c r="CW8" s="530"/>
      <c r="CX8" s="530"/>
      <c r="CY8" s="530"/>
      <c r="CZ8" s="530"/>
      <c r="DA8" s="530"/>
      <c r="DB8" s="530"/>
      <c r="DC8" s="530"/>
      <c r="DD8" s="530"/>
      <c r="DE8" s="530"/>
      <c r="DF8" s="530"/>
      <c r="DG8" s="530"/>
      <c r="DH8" s="530"/>
      <c r="DI8" s="530"/>
      <c r="DJ8" s="530"/>
      <c r="DK8" s="530"/>
      <c r="DL8" s="530"/>
      <c r="DM8" s="530"/>
      <c r="DN8" s="530"/>
      <c r="DO8" s="530"/>
      <c r="DP8" s="530"/>
      <c r="DQ8" s="530"/>
      <c r="DR8" s="530"/>
      <c r="DS8" s="530"/>
      <c r="DT8" s="530"/>
      <c r="DU8" s="530"/>
      <c r="DV8" s="530"/>
      <c r="DW8" s="530"/>
      <c r="DX8" s="530"/>
      <c r="DY8" s="530"/>
      <c r="DZ8" s="530"/>
      <c r="EA8" s="530"/>
      <c r="EB8" s="530"/>
      <c r="EC8" s="530"/>
      <c r="ED8" s="530"/>
      <c r="EE8" s="530"/>
      <c r="EF8" s="530"/>
      <c r="EG8" s="530"/>
      <c r="EH8" s="530"/>
      <c r="EI8" s="530"/>
      <c r="EJ8" s="530"/>
      <c r="EK8" s="530"/>
      <c r="EL8" s="530"/>
      <c r="EM8" s="530"/>
      <c r="EN8" s="530"/>
      <c r="EO8" s="530"/>
      <c r="EP8" s="530"/>
      <c r="EQ8" s="530"/>
      <c r="ER8" s="530"/>
      <c r="ES8" s="530"/>
      <c r="ET8" s="530"/>
      <c r="EU8" s="530"/>
      <c r="EV8" s="530"/>
      <c r="EW8" s="530"/>
      <c r="EX8" s="530"/>
      <c r="EY8" s="530"/>
      <c r="EZ8" s="530"/>
      <c r="FA8" s="530"/>
      <c r="FB8" s="530"/>
      <c r="FC8" s="530"/>
      <c r="FD8" s="530"/>
      <c r="FE8" s="530"/>
      <c r="FF8" s="530"/>
      <c r="FG8" s="530"/>
      <c r="FH8" s="530"/>
      <c r="FI8" s="530"/>
      <c r="FJ8" s="530"/>
      <c r="FK8" s="530"/>
      <c r="FL8" s="530"/>
      <c r="FM8" s="530"/>
      <c r="FN8" s="530"/>
      <c r="FO8" s="530"/>
      <c r="FP8" s="530"/>
      <c r="FQ8" s="530"/>
      <c r="FR8" s="530"/>
      <c r="FS8" s="530"/>
      <c r="FT8" s="530"/>
      <c r="FU8" s="530"/>
      <c r="FV8" s="530"/>
      <c r="FW8" s="530"/>
      <c r="FX8" s="530"/>
      <c r="FY8" s="530"/>
      <c r="FZ8" s="530"/>
      <c r="GA8" s="530"/>
      <c r="GB8" s="530"/>
      <c r="GC8" s="530"/>
      <c r="GD8" s="530"/>
      <c r="GE8" s="530"/>
      <c r="GF8" s="530"/>
      <c r="GG8" s="530"/>
      <c r="GH8" s="530"/>
      <c r="GI8" s="530"/>
      <c r="GJ8" s="530"/>
      <c r="GK8" s="530"/>
      <c r="GL8" s="530"/>
      <c r="GM8" s="530"/>
      <c r="GN8" s="530"/>
      <c r="GO8" s="530"/>
      <c r="GP8" s="530"/>
      <c r="GQ8" s="530"/>
      <c r="GR8" s="530"/>
      <c r="GS8" s="530"/>
      <c r="GT8" s="530"/>
      <c r="GU8" s="530"/>
      <c r="GV8" s="530"/>
      <c r="GW8" s="530"/>
      <c r="GX8" s="530"/>
      <c r="GY8" s="530"/>
      <c r="GZ8" s="530"/>
      <c r="HA8" s="530"/>
      <c r="HB8" s="530"/>
      <c r="HC8" s="530"/>
      <c r="HD8" s="530"/>
      <c r="HE8" s="530"/>
      <c r="HF8" s="530"/>
      <c r="HG8" s="530"/>
      <c r="HH8" s="530"/>
      <c r="HI8" s="530"/>
      <c r="HJ8" s="530"/>
      <c r="HK8" s="530"/>
      <c r="HL8" s="530"/>
      <c r="HM8" s="530"/>
      <c r="HN8" s="530"/>
      <c r="HO8" s="530"/>
      <c r="HP8" s="530"/>
      <c r="HQ8" s="530"/>
      <c r="HR8" s="530"/>
      <c r="HS8" s="530"/>
      <c r="HT8" s="530"/>
      <c r="HU8" s="530"/>
      <c r="HV8" s="530"/>
      <c r="HW8" s="530"/>
      <c r="HX8" s="530"/>
      <c r="HY8" s="530"/>
      <c r="HZ8" s="530"/>
      <c r="IA8" s="530"/>
      <c r="IB8" s="530"/>
      <c r="IC8" s="530"/>
      <c r="ID8" s="530"/>
      <c r="IE8" s="530"/>
      <c r="IF8" s="530"/>
      <c r="IG8" s="530"/>
      <c r="IH8" s="530"/>
      <c r="II8" s="530"/>
      <c r="IJ8" s="530"/>
      <c r="IK8" s="530"/>
      <c r="IL8" s="530"/>
      <c r="IM8" s="530"/>
      <c r="IN8" s="530"/>
      <c r="IO8" s="530"/>
      <c r="IP8" s="530"/>
      <c r="IQ8" s="530"/>
      <c r="IR8" s="530"/>
      <c r="IS8" s="530"/>
      <c r="IT8" s="530"/>
      <c r="IU8" s="530"/>
      <c r="IV8" s="530"/>
      <c r="IW8" s="530"/>
      <c r="IX8" s="530"/>
      <c r="IY8" s="530"/>
    </row>
    <row r="9" spans="1:259" ht="361.5" customHeight="1" x14ac:dyDescent="0.2">
      <c r="A9" s="534"/>
      <c r="B9" s="534"/>
      <c r="C9" s="534"/>
      <c r="D9" s="534"/>
      <c r="E9" s="534"/>
      <c r="F9" s="534"/>
      <c r="G9" s="534"/>
      <c r="H9" s="534"/>
      <c r="I9" s="534"/>
      <c r="J9" s="534"/>
      <c r="K9" s="534"/>
      <c r="L9" s="535"/>
      <c r="M9" s="534"/>
      <c r="N9" s="536"/>
      <c r="O9" s="534"/>
      <c r="P9" s="534"/>
      <c r="Q9" s="534"/>
      <c r="R9" s="534"/>
      <c r="S9" s="534"/>
      <c r="T9" s="534"/>
      <c r="U9" s="530"/>
      <c r="V9" s="530"/>
      <c r="W9" s="530"/>
      <c r="X9" s="530"/>
      <c r="Y9" s="530"/>
      <c r="Z9" s="530"/>
      <c r="AA9" s="530"/>
      <c r="AB9" s="530"/>
      <c r="AC9" s="530"/>
      <c r="AD9" s="530"/>
      <c r="AE9" s="530"/>
      <c r="AF9" s="530"/>
      <c r="AG9" s="530"/>
      <c r="AH9" s="530"/>
      <c r="AI9" s="530"/>
      <c r="AJ9" s="530"/>
      <c r="AK9" s="530"/>
      <c r="AL9" s="530"/>
      <c r="AM9" s="530"/>
      <c r="AN9" s="530"/>
      <c r="AO9" s="530"/>
      <c r="AP9" s="530"/>
      <c r="AQ9" s="530"/>
      <c r="AR9" s="530"/>
      <c r="AS9" s="530"/>
      <c r="AT9" s="530"/>
      <c r="AU9" s="530"/>
      <c r="AV9" s="530"/>
      <c r="AW9" s="530"/>
      <c r="AX9" s="530"/>
      <c r="AY9" s="530"/>
      <c r="AZ9" s="530"/>
      <c r="BA9" s="530"/>
      <c r="BB9" s="530"/>
      <c r="BC9" s="530"/>
      <c r="BD9" s="530"/>
      <c r="BE9" s="530"/>
      <c r="BF9" s="530"/>
      <c r="BG9" s="530"/>
      <c r="BH9" s="530"/>
      <c r="BI9" s="530"/>
      <c r="BJ9" s="530"/>
      <c r="BK9" s="530"/>
      <c r="BL9" s="530"/>
      <c r="BM9" s="530"/>
      <c r="BN9" s="530"/>
      <c r="BO9" s="530"/>
      <c r="BP9" s="530"/>
      <c r="BQ9" s="530"/>
      <c r="BR9" s="530"/>
      <c r="BS9" s="530"/>
      <c r="BT9" s="530"/>
      <c r="BU9" s="530"/>
      <c r="BV9" s="530"/>
      <c r="BW9" s="530"/>
      <c r="BX9" s="530"/>
      <c r="BY9" s="530"/>
      <c r="BZ9" s="530"/>
      <c r="CA9" s="530"/>
      <c r="CB9" s="530"/>
      <c r="CC9" s="530"/>
      <c r="CD9" s="530"/>
      <c r="CE9" s="530"/>
      <c r="CF9" s="530"/>
      <c r="CG9" s="530"/>
      <c r="CH9" s="530"/>
      <c r="CI9" s="530"/>
      <c r="CJ9" s="530"/>
      <c r="CK9" s="530"/>
      <c r="CL9" s="530"/>
      <c r="CM9" s="530"/>
      <c r="CN9" s="530"/>
      <c r="CO9" s="530"/>
      <c r="CP9" s="530"/>
      <c r="CQ9" s="530"/>
      <c r="CR9" s="530"/>
      <c r="CS9" s="530"/>
      <c r="CT9" s="530"/>
      <c r="CU9" s="530"/>
      <c r="CV9" s="530"/>
      <c r="CW9" s="530"/>
      <c r="CX9" s="530"/>
      <c r="CY9" s="530"/>
      <c r="CZ9" s="530"/>
      <c r="DA9" s="530"/>
      <c r="DB9" s="530"/>
      <c r="DC9" s="530"/>
      <c r="DD9" s="530"/>
      <c r="DE9" s="530"/>
      <c r="DF9" s="530"/>
      <c r="DG9" s="530"/>
      <c r="DH9" s="530"/>
      <c r="DI9" s="530"/>
      <c r="DJ9" s="530"/>
      <c r="DK9" s="530"/>
      <c r="DL9" s="530"/>
      <c r="DM9" s="530"/>
      <c r="DN9" s="530"/>
      <c r="DO9" s="530"/>
      <c r="DP9" s="530"/>
      <c r="DQ9" s="530"/>
      <c r="DR9" s="530"/>
      <c r="DS9" s="530"/>
      <c r="DT9" s="530"/>
      <c r="DU9" s="530"/>
      <c r="DV9" s="530"/>
      <c r="DW9" s="530"/>
      <c r="DX9" s="530"/>
      <c r="DY9" s="530"/>
      <c r="DZ9" s="530"/>
      <c r="EA9" s="530"/>
      <c r="EB9" s="530"/>
      <c r="EC9" s="530"/>
      <c r="ED9" s="530"/>
      <c r="EE9" s="530"/>
      <c r="EF9" s="530"/>
      <c r="EG9" s="530"/>
      <c r="EH9" s="530"/>
      <c r="EI9" s="530"/>
      <c r="EJ9" s="530"/>
      <c r="EK9" s="530"/>
      <c r="EL9" s="530"/>
      <c r="EM9" s="530"/>
      <c r="EN9" s="530"/>
      <c r="EO9" s="530"/>
      <c r="EP9" s="530"/>
      <c r="EQ9" s="530"/>
      <c r="ER9" s="530"/>
      <c r="ES9" s="530"/>
      <c r="ET9" s="530"/>
      <c r="EU9" s="530"/>
      <c r="EV9" s="530"/>
      <c r="EW9" s="530"/>
      <c r="EX9" s="530"/>
      <c r="EY9" s="530"/>
      <c r="EZ9" s="530"/>
      <c r="FA9" s="530"/>
      <c r="FB9" s="530"/>
      <c r="FC9" s="530"/>
      <c r="FD9" s="530"/>
      <c r="FE9" s="530"/>
      <c r="FF9" s="530"/>
      <c r="FG9" s="530"/>
      <c r="FH9" s="530"/>
      <c r="FI9" s="530"/>
      <c r="FJ9" s="530"/>
      <c r="FK9" s="530"/>
      <c r="FL9" s="530"/>
      <c r="FM9" s="530"/>
      <c r="FN9" s="530"/>
      <c r="FO9" s="530"/>
      <c r="FP9" s="530"/>
      <c r="FQ9" s="530"/>
      <c r="FR9" s="530"/>
      <c r="FS9" s="530"/>
      <c r="FT9" s="530"/>
      <c r="FU9" s="530"/>
      <c r="FV9" s="530"/>
      <c r="FW9" s="530"/>
      <c r="FX9" s="530"/>
      <c r="FY9" s="530"/>
      <c r="FZ9" s="530"/>
      <c r="GA9" s="530"/>
      <c r="GB9" s="530"/>
      <c r="GC9" s="530"/>
      <c r="GD9" s="530"/>
      <c r="GE9" s="530"/>
      <c r="GF9" s="530"/>
      <c r="GG9" s="530"/>
      <c r="GH9" s="530"/>
      <c r="GI9" s="530"/>
      <c r="GJ9" s="530"/>
      <c r="GK9" s="530"/>
      <c r="GL9" s="530"/>
      <c r="GM9" s="530"/>
      <c r="GN9" s="530"/>
      <c r="GO9" s="530"/>
      <c r="GP9" s="530"/>
      <c r="GQ9" s="530"/>
      <c r="GR9" s="530"/>
      <c r="GS9" s="530"/>
      <c r="GT9" s="530"/>
      <c r="GU9" s="530"/>
      <c r="GV9" s="530"/>
      <c r="GW9" s="530"/>
      <c r="GX9" s="530"/>
      <c r="GY9" s="530"/>
      <c r="GZ9" s="530"/>
      <c r="HA9" s="530"/>
      <c r="HB9" s="530"/>
      <c r="HC9" s="530"/>
      <c r="HD9" s="530"/>
      <c r="HE9" s="530"/>
      <c r="HF9" s="530"/>
      <c r="HG9" s="530"/>
      <c r="HH9" s="530"/>
      <c r="HI9" s="530"/>
      <c r="HJ9" s="530"/>
      <c r="HK9" s="530"/>
      <c r="HL9" s="530"/>
      <c r="HM9" s="530"/>
      <c r="HN9" s="530"/>
      <c r="HO9" s="530"/>
      <c r="HP9" s="530"/>
      <c r="HQ9" s="530"/>
      <c r="HR9" s="530"/>
      <c r="HS9" s="530"/>
      <c r="HT9" s="530"/>
      <c r="HU9" s="530"/>
      <c r="HV9" s="530"/>
      <c r="HW9" s="530"/>
      <c r="HX9" s="530"/>
      <c r="HY9" s="530"/>
      <c r="HZ9" s="530"/>
      <c r="IA9" s="530"/>
      <c r="IB9" s="530"/>
      <c r="IC9" s="530"/>
      <c r="ID9" s="530"/>
      <c r="IE9" s="530"/>
      <c r="IF9" s="530"/>
      <c r="IG9" s="530"/>
      <c r="IH9" s="530"/>
      <c r="II9" s="530"/>
      <c r="IJ9" s="530"/>
      <c r="IK9" s="530"/>
      <c r="IL9" s="530"/>
      <c r="IM9" s="530"/>
      <c r="IN9" s="530"/>
      <c r="IO9" s="530"/>
      <c r="IP9" s="530"/>
      <c r="IQ9" s="530"/>
      <c r="IR9" s="530"/>
      <c r="IS9" s="530"/>
      <c r="IT9" s="530"/>
      <c r="IU9" s="530"/>
      <c r="IV9" s="530"/>
      <c r="IW9" s="530"/>
      <c r="IX9" s="530"/>
      <c r="IY9" s="530"/>
    </row>
    <row r="10" spans="1:259" ht="187.5" customHeight="1" x14ac:dyDescent="0.2">
      <c r="A10" s="1060" t="s">
        <v>383</v>
      </c>
      <c r="B10" s="1060"/>
      <c r="C10" s="1060"/>
      <c r="D10" s="1060"/>
      <c r="E10" s="1060"/>
      <c r="F10" s="1060"/>
      <c r="G10" s="1060"/>
      <c r="H10" s="1060"/>
      <c r="I10" s="1060"/>
      <c r="J10" s="1060"/>
      <c r="K10" s="1060"/>
      <c r="L10" s="1060"/>
      <c r="M10" s="1060"/>
      <c r="N10" s="1060"/>
      <c r="O10" s="1060"/>
      <c r="P10" s="1060"/>
      <c r="Q10" s="1060"/>
      <c r="R10" s="1060"/>
      <c r="S10" s="1060"/>
      <c r="T10" s="1060"/>
      <c r="U10" s="530"/>
      <c r="V10" s="530"/>
      <c r="W10" s="530"/>
      <c r="X10" s="530"/>
      <c r="Y10" s="530"/>
      <c r="Z10" s="530"/>
      <c r="AA10" s="530"/>
      <c r="AB10" s="530"/>
      <c r="AC10" s="530"/>
      <c r="AD10" s="530"/>
      <c r="AE10" s="530"/>
      <c r="AF10" s="530"/>
      <c r="AG10" s="530"/>
      <c r="AH10" s="530"/>
      <c r="AI10" s="530"/>
      <c r="AJ10" s="530"/>
      <c r="AK10" s="530"/>
      <c r="AL10" s="530"/>
      <c r="AM10" s="530"/>
      <c r="AN10" s="530"/>
      <c r="AO10" s="530"/>
      <c r="AP10" s="530"/>
      <c r="AQ10" s="530"/>
      <c r="AR10" s="530"/>
      <c r="AS10" s="530"/>
      <c r="AT10" s="530"/>
      <c r="AU10" s="530"/>
      <c r="AV10" s="530"/>
      <c r="AW10" s="530"/>
      <c r="AX10" s="530"/>
      <c r="AY10" s="530"/>
      <c r="AZ10" s="530"/>
      <c r="BA10" s="530"/>
      <c r="BB10" s="530"/>
      <c r="BC10" s="530"/>
      <c r="BD10" s="530"/>
      <c r="BE10" s="530"/>
      <c r="BF10" s="530"/>
      <c r="BG10" s="530"/>
      <c r="BH10" s="530"/>
      <c r="BI10" s="530"/>
      <c r="BJ10" s="530"/>
      <c r="BK10" s="530"/>
      <c r="BL10" s="530"/>
      <c r="BM10" s="530"/>
      <c r="BN10" s="530"/>
      <c r="BO10" s="530"/>
      <c r="BP10" s="530"/>
      <c r="BQ10" s="530"/>
      <c r="BR10" s="530"/>
      <c r="BS10" s="530"/>
      <c r="BT10" s="530"/>
      <c r="BU10" s="530"/>
      <c r="BV10" s="530"/>
      <c r="BW10" s="530"/>
      <c r="BX10" s="530"/>
      <c r="BY10" s="530"/>
      <c r="BZ10" s="530"/>
      <c r="CA10" s="530"/>
      <c r="CB10" s="530"/>
      <c r="CC10" s="530"/>
      <c r="CD10" s="530"/>
      <c r="CE10" s="530"/>
      <c r="CF10" s="530"/>
      <c r="CG10" s="530"/>
      <c r="CH10" s="530"/>
      <c r="CI10" s="530"/>
      <c r="CJ10" s="530"/>
      <c r="CK10" s="530"/>
      <c r="CL10" s="530"/>
      <c r="CM10" s="530"/>
      <c r="CN10" s="530"/>
      <c r="CO10" s="530"/>
      <c r="CP10" s="530"/>
      <c r="CQ10" s="530"/>
      <c r="CR10" s="530"/>
      <c r="CS10" s="530"/>
      <c r="CT10" s="530"/>
      <c r="CU10" s="530"/>
      <c r="CV10" s="530"/>
      <c r="CW10" s="530"/>
      <c r="CX10" s="530"/>
      <c r="CY10" s="530"/>
      <c r="CZ10" s="530"/>
      <c r="DA10" s="530"/>
      <c r="DB10" s="530"/>
      <c r="DC10" s="530"/>
      <c r="DD10" s="530"/>
      <c r="DE10" s="530"/>
      <c r="DF10" s="530"/>
      <c r="DG10" s="530"/>
      <c r="DH10" s="530"/>
      <c r="DI10" s="530"/>
      <c r="DJ10" s="530"/>
      <c r="DK10" s="530"/>
      <c r="DL10" s="530"/>
      <c r="DM10" s="530"/>
      <c r="DN10" s="530"/>
      <c r="DO10" s="530"/>
      <c r="DP10" s="530"/>
      <c r="DQ10" s="530"/>
      <c r="DR10" s="530"/>
      <c r="DS10" s="530"/>
      <c r="DT10" s="530"/>
      <c r="DU10" s="530"/>
      <c r="DV10" s="530"/>
      <c r="DW10" s="530"/>
      <c r="DX10" s="530"/>
      <c r="DY10" s="530"/>
      <c r="DZ10" s="530"/>
      <c r="EA10" s="530"/>
      <c r="EB10" s="530"/>
      <c r="EC10" s="530"/>
      <c r="ED10" s="530"/>
      <c r="EE10" s="530"/>
      <c r="EF10" s="530"/>
      <c r="EG10" s="530"/>
      <c r="EH10" s="530"/>
      <c r="EI10" s="530"/>
      <c r="EJ10" s="530"/>
      <c r="EK10" s="530"/>
      <c r="EL10" s="530"/>
      <c r="EM10" s="530"/>
      <c r="EN10" s="530"/>
      <c r="EO10" s="530"/>
      <c r="EP10" s="530"/>
      <c r="EQ10" s="530"/>
      <c r="ER10" s="530"/>
      <c r="ES10" s="530"/>
      <c r="ET10" s="530"/>
      <c r="EU10" s="530"/>
      <c r="EV10" s="530"/>
      <c r="EW10" s="530"/>
      <c r="EX10" s="530"/>
      <c r="EY10" s="530"/>
      <c r="EZ10" s="530"/>
      <c r="FA10" s="530"/>
      <c r="FB10" s="530"/>
      <c r="FC10" s="530"/>
      <c r="FD10" s="530"/>
      <c r="FE10" s="530"/>
      <c r="FF10" s="530"/>
      <c r="FG10" s="530"/>
      <c r="FH10" s="530"/>
      <c r="FI10" s="530"/>
      <c r="FJ10" s="530"/>
      <c r="FK10" s="530"/>
      <c r="FL10" s="530"/>
      <c r="FM10" s="530"/>
      <c r="FN10" s="530"/>
      <c r="FO10" s="530"/>
      <c r="FP10" s="530"/>
      <c r="FQ10" s="530"/>
      <c r="FR10" s="530"/>
      <c r="FS10" s="530"/>
      <c r="FT10" s="530"/>
      <c r="FU10" s="530"/>
      <c r="FV10" s="530"/>
      <c r="FW10" s="530"/>
      <c r="FX10" s="530"/>
      <c r="FY10" s="530"/>
      <c r="FZ10" s="530"/>
      <c r="GA10" s="530"/>
      <c r="GB10" s="530"/>
      <c r="GC10" s="530"/>
      <c r="GD10" s="530"/>
      <c r="GE10" s="530"/>
      <c r="GF10" s="530"/>
      <c r="GG10" s="530"/>
      <c r="GH10" s="530"/>
      <c r="GI10" s="530"/>
      <c r="GJ10" s="530"/>
      <c r="GK10" s="530"/>
      <c r="GL10" s="530"/>
      <c r="GM10" s="530"/>
      <c r="GN10" s="530"/>
      <c r="GO10" s="530"/>
      <c r="GP10" s="530"/>
      <c r="GQ10" s="530"/>
      <c r="GR10" s="530"/>
      <c r="GS10" s="530"/>
      <c r="GT10" s="530"/>
      <c r="GU10" s="530"/>
      <c r="GV10" s="530"/>
      <c r="GW10" s="530"/>
      <c r="GX10" s="530"/>
      <c r="GY10" s="530"/>
      <c r="GZ10" s="530"/>
      <c r="HA10" s="530"/>
      <c r="HB10" s="530"/>
      <c r="HC10" s="530"/>
      <c r="HD10" s="530"/>
      <c r="HE10" s="530"/>
      <c r="HF10" s="530"/>
      <c r="HG10" s="530"/>
      <c r="HH10" s="530"/>
      <c r="HI10" s="530"/>
      <c r="HJ10" s="530"/>
      <c r="HK10" s="530"/>
      <c r="HL10" s="530"/>
      <c r="HM10" s="530"/>
      <c r="HN10" s="530"/>
      <c r="HO10" s="530"/>
      <c r="HP10" s="530"/>
      <c r="HQ10" s="530"/>
      <c r="HR10" s="530"/>
      <c r="HS10" s="530"/>
      <c r="HT10" s="530"/>
      <c r="HU10" s="530"/>
      <c r="HV10" s="530"/>
      <c r="HW10" s="530"/>
      <c r="HX10" s="530"/>
      <c r="HY10" s="530"/>
      <c r="HZ10" s="530"/>
      <c r="IA10" s="530"/>
      <c r="IB10" s="530"/>
      <c r="IC10" s="530"/>
      <c r="ID10" s="530"/>
      <c r="IE10" s="530"/>
      <c r="IF10" s="530"/>
      <c r="IG10" s="530"/>
      <c r="IH10" s="530"/>
      <c r="II10" s="530"/>
      <c r="IJ10" s="530"/>
      <c r="IK10" s="530"/>
      <c r="IL10" s="530"/>
      <c r="IM10" s="530"/>
      <c r="IN10" s="530"/>
      <c r="IO10" s="530"/>
      <c r="IP10" s="530"/>
      <c r="IQ10" s="530"/>
      <c r="IR10" s="530"/>
      <c r="IS10" s="530"/>
      <c r="IT10" s="530"/>
      <c r="IU10" s="530"/>
      <c r="IV10" s="530"/>
      <c r="IW10" s="530"/>
      <c r="IX10" s="530"/>
      <c r="IY10" s="530"/>
    </row>
    <row r="11" spans="1:259" ht="55.2" x14ac:dyDescent="0.2">
      <c r="A11" s="534"/>
      <c r="B11" s="538" t="s">
        <v>3</v>
      </c>
      <c r="C11" s="539"/>
      <c r="D11" s="539" t="s">
        <v>212</v>
      </c>
      <c r="E11" s="538"/>
      <c r="F11" s="538"/>
      <c r="G11" s="538"/>
      <c r="H11" s="538"/>
      <c r="I11" s="538"/>
      <c r="J11" s="538"/>
      <c r="K11" s="538"/>
      <c r="L11" s="540"/>
      <c r="M11" s="538"/>
      <c r="N11" s="1052"/>
      <c r="O11" s="534"/>
      <c r="P11" s="534"/>
      <c r="Q11" s="534"/>
      <c r="R11" s="534"/>
      <c r="S11" s="534"/>
      <c r="T11" s="534"/>
      <c r="U11" s="530"/>
      <c r="V11" s="530"/>
      <c r="W11" s="530"/>
      <c r="X11" s="530"/>
      <c r="Y11" s="530"/>
      <c r="Z11" s="530"/>
      <c r="AA11" s="530"/>
      <c r="AB11" s="530"/>
      <c r="AC11" s="530"/>
      <c r="AD11" s="530"/>
      <c r="AE11" s="530"/>
      <c r="AF11" s="530"/>
      <c r="AG11" s="530"/>
      <c r="AH11" s="530"/>
      <c r="AI11" s="530"/>
      <c r="AJ11" s="530"/>
      <c r="AK11" s="530"/>
      <c r="AL11" s="530"/>
      <c r="AM11" s="530"/>
      <c r="AN11" s="530"/>
      <c r="AO11" s="530"/>
      <c r="AP11" s="530"/>
      <c r="AQ11" s="530"/>
      <c r="AR11" s="530"/>
      <c r="AS11" s="530"/>
      <c r="AT11" s="530"/>
      <c r="AU11" s="530"/>
      <c r="AV11" s="530"/>
      <c r="AW11" s="530"/>
      <c r="AX11" s="530"/>
      <c r="AY11" s="530"/>
      <c r="AZ11" s="530"/>
      <c r="BA11" s="530"/>
      <c r="BB11" s="530"/>
      <c r="BC11" s="530"/>
      <c r="BD11" s="530"/>
      <c r="BE11" s="530"/>
      <c r="BF11" s="530"/>
      <c r="BG11" s="530"/>
      <c r="BH11" s="530"/>
      <c r="BI11" s="530"/>
      <c r="BJ11" s="530"/>
      <c r="BK11" s="530"/>
      <c r="BL11" s="530"/>
      <c r="BM11" s="530"/>
      <c r="BN11" s="530"/>
      <c r="BO11" s="530"/>
      <c r="BP11" s="530"/>
      <c r="BQ11" s="530"/>
      <c r="BR11" s="530"/>
      <c r="BS11" s="530"/>
      <c r="BT11" s="530"/>
      <c r="BU11" s="530"/>
      <c r="BV11" s="530"/>
      <c r="BW11" s="530"/>
      <c r="BX11" s="530"/>
      <c r="BY11" s="530"/>
      <c r="BZ11" s="530"/>
      <c r="CA11" s="530"/>
      <c r="CB11" s="530"/>
      <c r="CC11" s="530"/>
      <c r="CD11" s="530"/>
      <c r="CE11" s="530"/>
      <c r="CF11" s="530"/>
      <c r="CG11" s="530"/>
      <c r="CH11" s="530"/>
      <c r="CI11" s="530"/>
      <c r="CJ11" s="530"/>
      <c r="CK11" s="530"/>
      <c r="CL11" s="530"/>
      <c r="CM11" s="530"/>
      <c r="CN11" s="530"/>
      <c r="CO11" s="530"/>
      <c r="CP11" s="530"/>
      <c r="CQ11" s="530"/>
      <c r="CR11" s="530"/>
      <c r="CS11" s="530"/>
      <c r="CT11" s="530"/>
      <c r="CU11" s="530"/>
      <c r="CV11" s="530"/>
      <c r="CW11" s="530"/>
      <c r="CX11" s="530"/>
      <c r="CY11" s="530"/>
      <c r="CZ11" s="530"/>
      <c r="DA11" s="530"/>
      <c r="DB11" s="530"/>
      <c r="DC11" s="530"/>
      <c r="DD11" s="530"/>
      <c r="DE11" s="530"/>
      <c r="DF11" s="530"/>
      <c r="DG11" s="530"/>
      <c r="DH11" s="530"/>
      <c r="DI11" s="530"/>
      <c r="DJ11" s="530"/>
      <c r="DK11" s="530"/>
      <c r="DL11" s="530"/>
      <c r="DM11" s="530"/>
      <c r="DN11" s="530"/>
      <c r="DO11" s="530"/>
      <c r="DP11" s="530"/>
      <c r="DQ11" s="530"/>
      <c r="DR11" s="530"/>
      <c r="DS11" s="530"/>
      <c r="DT11" s="530"/>
      <c r="DU11" s="530"/>
      <c r="DV11" s="530"/>
      <c r="DW11" s="530"/>
      <c r="DX11" s="530"/>
      <c r="DY11" s="530"/>
      <c r="DZ11" s="530"/>
      <c r="EA11" s="530"/>
      <c r="EB11" s="530"/>
      <c r="EC11" s="530"/>
      <c r="ED11" s="530"/>
      <c r="EE11" s="530"/>
      <c r="EF11" s="530"/>
      <c r="EG11" s="530"/>
      <c r="EH11" s="530"/>
      <c r="EI11" s="530"/>
      <c r="EJ11" s="530"/>
      <c r="EK11" s="530"/>
      <c r="EL11" s="530"/>
      <c r="EM11" s="530"/>
      <c r="EN11" s="530"/>
      <c r="EO11" s="530"/>
      <c r="EP11" s="530"/>
      <c r="EQ11" s="530"/>
      <c r="ER11" s="530"/>
      <c r="ES11" s="530"/>
      <c r="ET11" s="530"/>
      <c r="EU11" s="530"/>
      <c r="EV11" s="530"/>
      <c r="EW11" s="530"/>
      <c r="EX11" s="530"/>
      <c r="EY11" s="530"/>
      <c r="EZ11" s="530"/>
      <c r="FA11" s="530"/>
      <c r="FB11" s="530"/>
      <c r="FC11" s="530"/>
      <c r="FD11" s="530"/>
      <c r="FE11" s="530"/>
      <c r="FF11" s="530"/>
      <c r="FG11" s="530"/>
      <c r="FH11" s="530"/>
      <c r="FI11" s="530"/>
      <c r="FJ11" s="530"/>
      <c r="FK11" s="530"/>
      <c r="FL11" s="530"/>
      <c r="FM11" s="530"/>
      <c r="FN11" s="530"/>
      <c r="FO11" s="530"/>
      <c r="FP11" s="530"/>
      <c r="FQ11" s="530"/>
      <c r="FR11" s="530"/>
      <c r="FS11" s="530"/>
      <c r="FT11" s="530"/>
      <c r="FU11" s="530"/>
      <c r="FV11" s="530"/>
      <c r="FW11" s="530"/>
      <c r="FX11" s="530"/>
      <c r="FY11" s="530"/>
      <c r="FZ11" s="530"/>
      <c r="GA11" s="530"/>
      <c r="GB11" s="530"/>
      <c r="GC11" s="530"/>
      <c r="GD11" s="530"/>
      <c r="GE11" s="530"/>
      <c r="GF11" s="530"/>
      <c r="GG11" s="530"/>
      <c r="GH11" s="530"/>
      <c r="GI11" s="530"/>
      <c r="GJ11" s="530"/>
      <c r="GK11" s="530"/>
      <c r="GL11" s="530"/>
      <c r="GM11" s="530"/>
      <c r="GN11" s="530"/>
      <c r="GO11" s="530"/>
      <c r="GP11" s="530"/>
      <c r="GQ11" s="530"/>
      <c r="GR11" s="530"/>
      <c r="GS11" s="530"/>
      <c r="GT11" s="530"/>
      <c r="GU11" s="530"/>
      <c r="GV11" s="530"/>
      <c r="GW11" s="530"/>
      <c r="GX11" s="530"/>
      <c r="GY11" s="530"/>
      <c r="GZ11" s="530"/>
      <c r="HA11" s="530"/>
      <c r="HB11" s="530"/>
      <c r="HC11" s="530"/>
      <c r="HD11" s="530"/>
      <c r="HE11" s="530"/>
      <c r="HF11" s="530"/>
      <c r="HG11" s="530"/>
      <c r="HH11" s="530"/>
      <c r="HI11" s="530"/>
      <c r="HJ11" s="530"/>
      <c r="HK11" s="530"/>
      <c r="HL11" s="530"/>
      <c r="HM11" s="530"/>
      <c r="HN11" s="530"/>
      <c r="HO11" s="530"/>
      <c r="HP11" s="530"/>
      <c r="HQ11" s="530"/>
      <c r="HR11" s="530"/>
      <c r="HS11" s="530"/>
      <c r="HT11" s="530"/>
      <c r="HU11" s="530"/>
      <c r="HV11" s="530"/>
      <c r="HW11" s="530"/>
      <c r="HX11" s="530"/>
      <c r="HY11" s="530"/>
      <c r="HZ11" s="530"/>
      <c r="IA11" s="530"/>
      <c r="IB11" s="530"/>
      <c r="IC11" s="530"/>
      <c r="ID11" s="530"/>
      <c r="IE11" s="530"/>
      <c r="IF11" s="530"/>
      <c r="IG11" s="530"/>
      <c r="IH11" s="530"/>
      <c r="II11" s="530"/>
      <c r="IJ11" s="530"/>
      <c r="IK11" s="530"/>
      <c r="IL11" s="530"/>
      <c r="IM11" s="530"/>
      <c r="IN11" s="530"/>
      <c r="IO11" s="530"/>
      <c r="IP11" s="530"/>
      <c r="IQ11" s="530"/>
      <c r="IR11" s="530"/>
      <c r="IS11" s="530"/>
      <c r="IT11" s="530"/>
      <c r="IU11" s="530"/>
      <c r="IV11" s="530"/>
      <c r="IW11" s="530"/>
      <c r="IX11" s="530"/>
      <c r="IY11" s="530"/>
    </row>
    <row r="12" spans="1:259" ht="55.2" x14ac:dyDescent="0.2">
      <c r="A12" s="534"/>
      <c r="B12" s="538" t="s">
        <v>5</v>
      </c>
      <c r="C12" s="539"/>
      <c r="D12" s="539" t="s">
        <v>384</v>
      </c>
      <c r="E12" s="538"/>
      <c r="F12" s="538"/>
      <c r="G12" s="538"/>
      <c r="H12" s="538"/>
      <c r="I12" s="538"/>
      <c r="J12" s="538"/>
      <c r="K12" s="538"/>
      <c r="L12" s="540"/>
      <c r="M12" s="538"/>
      <c r="N12" s="1052"/>
      <c r="O12" s="534"/>
      <c r="P12" s="534"/>
      <c r="Q12" s="534"/>
      <c r="R12" s="534"/>
      <c r="S12" s="534"/>
      <c r="T12" s="534"/>
      <c r="U12" s="530"/>
      <c r="V12" s="530"/>
      <c r="W12" s="530"/>
      <c r="X12" s="530"/>
      <c r="Y12" s="530"/>
      <c r="Z12" s="530"/>
      <c r="AA12" s="530"/>
      <c r="AB12" s="530"/>
      <c r="AC12" s="530"/>
      <c r="AD12" s="530"/>
      <c r="AE12" s="530"/>
      <c r="AF12" s="530"/>
      <c r="AG12" s="530"/>
      <c r="AH12" s="530"/>
      <c r="AI12" s="530"/>
      <c r="AJ12" s="530"/>
      <c r="AK12" s="530"/>
      <c r="AL12" s="530"/>
      <c r="AM12" s="530"/>
      <c r="AN12" s="530"/>
      <c r="AO12" s="530"/>
      <c r="AP12" s="530"/>
      <c r="AQ12" s="530"/>
      <c r="AR12" s="530"/>
      <c r="AS12" s="530"/>
      <c r="AT12" s="530"/>
      <c r="AU12" s="530"/>
      <c r="AV12" s="530"/>
      <c r="AW12" s="530"/>
      <c r="AX12" s="530"/>
      <c r="AY12" s="530"/>
      <c r="AZ12" s="530"/>
      <c r="BA12" s="530"/>
      <c r="BB12" s="530"/>
      <c r="BC12" s="530"/>
      <c r="BD12" s="530"/>
      <c r="BE12" s="530"/>
      <c r="BF12" s="530"/>
      <c r="BG12" s="530"/>
      <c r="BH12" s="530"/>
      <c r="BI12" s="530"/>
      <c r="BJ12" s="530"/>
      <c r="BK12" s="530"/>
      <c r="BL12" s="530"/>
      <c r="BM12" s="530"/>
      <c r="BN12" s="530"/>
      <c r="BO12" s="530"/>
      <c r="BP12" s="530"/>
      <c r="BQ12" s="530"/>
      <c r="BR12" s="530"/>
      <c r="BS12" s="530"/>
      <c r="BT12" s="530"/>
      <c r="BU12" s="530"/>
      <c r="BV12" s="530"/>
      <c r="BW12" s="530"/>
      <c r="BX12" s="530"/>
      <c r="BY12" s="530"/>
      <c r="BZ12" s="530"/>
      <c r="CA12" s="530"/>
      <c r="CB12" s="530"/>
      <c r="CC12" s="530"/>
      <c r="CD12" s="530"/>
      <c r="CE12" s="530"/>
      <c r="CF12" s="530"/>
      <c r="CG12" s="530"/>
      <c r="CH12" s="530"/>
      <c r="CI12" s="530"/>
      <c r="CJ12" s="530"/>
      <c r="CK12" s="530"/>
      <c r="CL12" s="530"/>
      <c r="CM12" s="530"/>
      <c r="CN12" s="530"/>
      <c r="CO12" s="530"/>
      <c r="CP12" s="530"/>
      <c r="CQ12" s="530"/>
      <c r="CR12" s="530"/>
      <c r="CS12" s="530"/>
      <c r="CT12" s="530"/>
      <c r="CU12" s="530"/>
      <c r="CV12" s="530"/>
      <c r="CW12" s="530"/>
      <c r="CX12" s="530"/>
      <c r="CY12" s="530"/>
      <c r="CZ12" s="530"/>
      <c r="DA12" s="530"/>
      <c r="DB12" s="530"/>
      <c r="DC12" s="530"/>
      <c r="DD12" s="530"/>
      <c r="DE12" s="530"/>
      <c r="DF12" s="530"/>
      <c r="DG12" s="530"/>
      <c r="DH12" s="530"/>
      <c r="DI12" s="530"/>
      <c r="DJ12" s="530"/>
      <c r="DK12" s="530"/>
      <c r="DL12" s="530"/>
      <c r="DM12" s="530"/>
      <c r="DN12" s="530"/>
      <c r="DO12" s="530"/>
      <c r="DP12" s="530"/>
      <c r="DQ12" s="530"/>
      <c r="DR12" s="530"/>
      <c r="DS12" s="530"/>
      <c r="DT12" s="530"/>
      <c r="DU12" s="530"/>
      <c r="DV12" s="530"/>
      <c r="DW12" s="530"/>
      <c r="DX12" s="530"/>
      <c r="DY12" s="530"/>
      <c r="DZ12" s="530"/>
      <c r="EA12" s="530"/>
      <c r="EB12" s="530"/>
      <c r="EC12" s="530"/>
      <c r="ED12" s="530"/>
      <c r="EE12" s="530"/>
      <c r="EF12" s="530"/>
      <c r="EG12" s="530"/>
      <c r="EH12" s="530"/>
      <c r="EI12" s="530"/>
      <c r="EJ12" s="530"/>
      <c r="EK12" s="530"/>
      <c r="EL12" s="530"/>
      <c r="EM12" s="530"/>
      <c r="EN12" s="530"/>
      <c r="EO12" s="530"/>
      <c r="EP12" s="530"/>
      <c r="EQ12" s="530"/>
      <c r="ER12" s="530"/>
      <c r="ES12" s="530"/>
      <c r="ET12" s="530"/>
      <c r="EU12" s="530"/>
      <c r="EV12" s="530"/>
      <c r="EW12" s="530"/>
      <c r="EX12" s="530"/>
      <c r="EY12" s="530"/>
      <c r="EZ12" s="530"/>
      <c r="FA12" s="530"/>
      <c r="FB12" s="530"/>
      <c r="FC12" s="530"/>
      <c r="FD12" s="530"/>
      <c r="FE12" s="530"/>
      <c r="FF12" s="530"/>
      <c r="FG12" s="530"/>
      <c r="FH12" s="530"/>
      <c r="FI12" s="530"/>
      <c r="FJ12" s="530"/>
      <c r="FK12" s="530"/>
      <c r="FL12" s="530"/>
      <c r="FM12" s="530"/>
      <c r="FN12" s="530"/>
      <c r="FO12" s="530"/>
      <c r="FP12" s="530"/>
      <c r="FQ12" s="530"/>
      <c r="FR12" s="530"/>
      <c r="FS12" s="530"/>
      <c r="FT12" s="530"/>
      <c r="FU12" s="530"/>
      <c r="FV12" s="530"/>
      <c r="FW12" s="530"/>
      <c r="FX12" s="530"/>
      <c r="FY12" s="530"/>
      <c r="FZ12" s="530"/>
      <c r="GA12" s="530"/>
      <c r="GB12" s="530"/>
      <c r="GC12" s="530"/>
      <c r="GD12" s="530"/>
      <c r="GE12" s="530"/>
      <c r="GF12" s="530"/>
      <c r="GG12" s="530"/>
      <c r="GH12" s="530"/>
      <c r="GI12" s="530"/>
      <c r="GJ12" s="530"/>
      <c r="GK12" s="530"/>
      <c r="GL12" s="530"/>
      <c r="GM12" s="530"/>
      <c r="GN12" s="530"/>
      <c r="GO12" s="530"/>
      <c r="GP12" s="530"/>
      <c r="GQ12" s="530"/>
      <c r="GR12" s="530"/>
      <c r="GS12" s="530"/>
      <c r="GT12" s="530"/>
      <c r="GU12" s="530"/>
      <c r="GV12" s="530"/>
      <c r="GW12" s="530"/>
      <c r="GX12" s="530"/>
      <c r="GY12" s="530"/>
      <c r="GZ12" s="530"/>
      <c r="HA12" s="530"/>
      <c r="HB12" s="530"/>
      <c r="HC12" s="530"/>
      <c r="HD12" s="530"/>
      <c r="HE12" s="530"/>
      <c r="HF12" s="530"/>
      <c r="HG12" s="530"/>
      <c r="HH12" s="530"/>
      <c r="HI12" s="530"/>
      <c r="HJ12" s="530"/>
      <c r="HK12" s="530"/>
      <c r="HL12" s="530"/>
      <c r="HM12" s="530"/>
      <c r="HN12" s="530"/>
      <c r="HO12" s="530"/>
      <c r="HP12" s="530"/>
      <c r="HQ12" s="530"/>
      <c r="HR12" s="530"/>
      <c r="HS12" s="530"/>
      <c r="HT12" s="530"/>
      <c r="HU12" s="530"/>
      <c r="HV12" s="530"/>
      <c r="HW12" s="530"/>
      <c r="HX12" s="530"/>
      <c r="HY12" s="530"/>
      <c r="HZ12" s="530"/>
      <c r="IA12" s="530"/>
      <c r="IB12" s="530"/>
      <c r="IC12" s="530"/>
      <c r="ID12" s="530"/>
      <c r="IE12" s="530"/>
      <c r="IF12" s="530"/>
      <c r="IG12" s="530"/>
      <c r="IH12" s="530"/>
      <c r="II12" s="530"/>
      <c r="IJ12" s="530"/>
      <c r="IK12" s="530"/>
      <c r="IL12" s="530"/>
      <c r="IM12" s="530"/>
      <c r="IN12" s="530"/>
      <c r="IO12" s="530"/>
      <c r="IP12" s="530"/>
      <c r="IQ12" s="530"/>
      <c r="IR12" s="530"/>
      <c r="IS12" s="530"/>
      <c r="IT12" s="530"/>
      <c r="IU12" s="530"/>
      <c r="IV12" s="530"/>
      <c r="IW12" s="530"/>
      <c r="IX12" s="530"/>
      <c r="IY12" s="530"/>
    </row>
    <row r="13" spans="1:259" ht="55.2" x14ac:dyDescent="0.2">
      <c r="A13" s="534"/>
      <c r="B13" s="538" t="s">
        <v>7</v>
      </c>
      <c r="C13" s="539"/>
      <c r="D13" s="539" t="s">
        <v>385</v>
      </c>
      <c r="E13" s="538"/>
      <c r="F13" s="538"/>
      <c r="G13" s="538"/>
      <c r="H13" s="538"/>
      <c r="I13" s="538"/>
      <c r="J13" s="538"/>
      <c r="K13" s="538"/>
      <c r="L13" s="540"/>
      <c r="M13" s="538"/>
      <c r="N13" s="1052"/>
      <c r="O13" s="534"/>
      <c r="P13" s="534"/>
      <c r="Q13" s="534"/>
      <c r="R13" s="534"/>
      <c r="S13" s="534"/>
      <c r="T13" s="534"/>
      <c r="U13" s="530"/>
      <c r="V13" s="530"/>
      <c r="W13" s="530"/>
      <c r="X13" s="530"/>
      <c r="Y13" s="530"/>
      <c r="Z13" s="530"/>
      <c r="AA13" s="530"/>
      <c r="AB13" s="530"/>
      <c r="AC13" s="530"/>
      <c r="AD13" s="530"/>
      <c r="AE13" s="530"/>
      <c r="AF13" s="530"/>
      <c r="AG13" s="530"/>
      <c r="AH13" s="530"/>
      <c r="AI13" s="530"/>
      <c r="AJ13" s="530"/>
      <c r="AK13" s="530"/>
      <c r="AL13" s="530"/>
      <c r="AM13" s="530"/>
      <c r="AN13" s="530"/>
      <c r="AO13" s="530"/>
      <c r="AP13" s="530"/>
      <c r="AQ13" s="530"/>
      <c r="AR13" s="530"/>
      <c r="AS13" s="530"/>
      <c r="AT13" s="530"/>
      <c r="AU13" s="530"/>
      <c r="AV13" s="530"/>
      <c r="AW13" s="530"/>
      <c r="AX13" s="530"/>
      <c r="AY13" s="530"/>
      <c r="AZ13" s="530"/>
      <c r="BA13" s="530"/>
      <c r="BB13" s="530"/>
      <c r="BC13" s="530"/>
      <c r="BD13" s="530"/>
      <c r="BE13" s="530"/>
      <c r="BF13" s="530"/>
      <c r="BG13" s="530"/>
      <c r="BH13" s="530"/>
      <c r="BI13" s="530"/>
      <c r="BJ13" s="530"/>
      <c r="BK13" s="530"/>
      <c r="BL13" s="530"/>
      <c r="BM13" s="530"/>
      <c r="BN13" s="530"/>
      <c r="BO13" s="530"/>
      <c r="BP13" s="530"/>
      <c r="BQ13" s="530"/>
      <c r="BR13" s="530"/>
      <c r="BS13" s="530"/>
      <c r="BT13" s="530"/>
      <c r="BU13" s="530"/>
      <c r="BV13" s="530"/>
      <c r="BW13" s="530"/>
      <c r="BX13" s="530"/>
      <c r="BY13" s="530"/>
      <c r="BZ13" s="530"/>
      <c r="CA13" s="530"/>
      <c r="CB13" s="530"/>
      <c r="CC13" s="530"/>
      <c r="CD13" s="530"/>
      <c r="CE13" s="530"/>
      <c r="CF13" s="530"/>
      <c r="CG13" s="530"/>
      <c r="CH13" s="530"/>
      <c r="CI13" s="530"/>
      <c r="CJ13" s="530"/>
      <c r="CK13" s="530"/>
      <c r="CL13" s="530"/>
      <c r="CM13" s="530"/>
      <c r="CN13" s="530"/>
      <c r="CO13" s="530"/>
      <c r="CP13" s="530"/>
      <c r="CQ13" s="530"/>
      <c r="CR13" s="530"/>
      <c r="CS13" s="530"/>
      <c r="CT13" s="530"/>
      <c r="CU13" s="530"/>
      <c r="CV13" s="530"/>
      <c r="CW13" s="530"/>
      <c r="CX13" s="530"/>
      <c r="CY13" s="530"/>
      <c r="CZ13" s="530"/>
      <c r="DA13" s="530"/>
      <c r="DB13" s="530"/>
      <c r="DC13" s="530"/>
      <c r="DD13" s="530"/>
      <c r="DE13" s="530"/>
      <c r="DF13" s="530"/>
      <c r="DG13" s="530"/>
      <c r="DH13" s="530"/>
      <c r="DI13" s="530"/>
      <c r="DJ13" s="530"/>
      <c r="DK13" s="530"/>
      <c r="DL13" s="530"/>
      <c r="DM13" s="530"/>
      <c r="DN13" s="530"/>
      <c r="DO13" s="530"/>
      <c r="DP13" s="530"/>
      <c r="DQ13" s="530"/>
      <c r="DR13" s="530"/>
      <c r="DS13" s="530"/>
      <c r="DT13" s="530"/>
      <c r="DU13" s="530"/>
      <c r="DV13" s="530"/>
      <c r="DW13" s="530"/>
      <c r="DX13" s="530"/>
      <c r="DY13" s="530"/>
      <c r="DZ13" s="530"/>
      <c r="EA13" s="530"/>
      <c r="EB13" s="530"/>
      <c r="EC13" s="530"/>
      <c r="ED13" s="530"/>
      <c r="EE13" s="530"/>
      <c r="EF13" s="530"/>
      <c r="EG13" s="530"/>
      <c r="EH13" s="530"/>
      <c r="EI13" s="530"/>
      <c r="EJ13" s="530"/>
      <c r="EK13" s="530"/>
      <c r="EL13" s="530"/>
      <c r="EM13" s="530"/>
      <c r="EN13" s="530"/>
      <c r="EO13" s="530"/>
      <c r="EP13" s="530"/>
      <c r="EQ13" s="530"/>
      <c r="ER13" s="530"/>
      <c r="ES13" s="530"/>
      <c r="ET13" s="530"/>
      <c r="EU13" s="530"/>
      <c r="EV13" s="530"/>
      <c r="EW13" s="530"/>
      <c r="EX13" s="530"/>
      <c r="EY13" s="530"/>
      <c r="EZ13" s="530"/>
      <c r="FA13" s="530"/>
      <c r="FB13" s="530"/>
      <c r="FC13" s="530"/>
      <c r="FD13" s="530"/>
      <c r="FE13" s="530"/>
      <c r="FF13" s="530"/>
      <c r="FG13" s="530"/>
      <c r="FH13" s="530"/>
      <c r="FI13" s="530"/>
      <c r="FJ13" s="530"/>
      <c r="FK13" s="530"/>
      <c r="FL13" s="530"/>
      <c r="FM13" s="530"/>
      <c r="FN13" s="530"/>
      <c r="FO13" s="530"/>
      <c r="FP13" s="530"/>
      <c r="FQ13" s="530"/>
      <c r="FR13" s="530"/>
      <c r="FS13" s="530"/>
      <c r="FT13" s="530"/>
      <c r="FU13" s="530"/>
      <c r="FV13" s="530"/>
      <c r="FW13" s="530"/>
      <c r="FX13" s="530"/>
      <c r="FY13" s="530"/>
      <c r="FZ13" s="530"/>
      <c r="GA13" s="530"/>
      <c r="GB13" s="530"/>
      <c r="GC13" s="530"/>
      <c r="GD13" s="530"/>
      <c r="GE13" s="530"/>
      <c r="GF13" s="530"/>
      <c r="GG13" s="530"/>
      <c r="GH13" s="530"/>
      <c r="GI13" s="530"/>
      <c r="GJ13" s="530"/>
      <c r="GK13" s="530"/>
      <c r="GL13" s="530"/>
      <c r="GM13" s="530"/>
      <c r="GN13" s="530"/>
      <c r="GO13" s="530"/>
      <c r="GP13" s="530"/>
      <c r="GQ13" s="530"/>
      <c r="GR13" s="530"/>
      <c r="GS13" s="530"/>
      <c r="GT13" s="530"/>
      <c r="GU13" s="530"/>
      <c r="GV13" s="530"/>
      <c r="GW13" s="530"/>
      <c r="GX13" s="530"/>
      <c r="GY13" s="530"/>
      <c r="GZ13" s="530"/>
      <c r="HA13" s="530"/>
      <c r="HB13" s="530"/>
      <c r="HC13" s="530"/>
      <c r="HD13" s="530"/>
      <c r="HE13" s="530"/>
      <c r="HF13" s="530"/>
      <c r="HG13" s="530"/>
      <c r="HH13" s="530"/>
      <c r="HI13" s="530"/>
      <c r="HJ13" s="530"/>
      <c r="HK13" s="530"/>
      <c r="HL13" s="530"/>
      <c r="HM13" s="530"/>
      <c r="HN13" s="530"/>
      <c r="HO13" s="530"/>
      <c r="HP13" s="530"/>
      <c r="HQ13" s="530"/>
      <c r="HR13" s="530"/>
      <c r="HS13" s="530"/>
      <c r="HT13" s="530"/>
      <c r="HU13" s="530"/>
      <c r="HV13" s="530"/>
      <c r="HW13" s="530"/>
      <c r="HX13" s="530"/>
      <c r="HY13" s="530"/>
      <c r="HZ13" s="530"/>
      <c r="IA13" s="530"/>
      <c r="IB13" s="530"/>
      <c r="IC13" s="530"/>
      <c r="ID13" s="530"/>
      <c r="IE13" s="530"/>
      <c r="IF13" s="530"/>
      <c r="IG13" s="530"/>
      <c r="IH13" s="530"/>
      <c r="II13" s="530"/>
      <c r="IJ13" s="530"/>
      <c r="IK13" s="530"/>
      <c r="IL13" s="530"/>
      <c r="IM13" s="530"/>
      <c r="IN13" s="530"/>
      <c r="IO13" s="530"/>
      <c r="IP13" s="530"/>
      <c r="IQ13" s="530"/>
      <c r="IR13" s="530"/>
      <c r="IS13" s="530"/>
      <c r="IT13" s="530"/>
      <c r="IU13" s="530"/>
      <c r="IV13" s="530"/>
      <c r="IW13" s="530"/>
      <c r="IX13" s="530"/>
      <c r="IY13" s="530"/>
    </row>
    <row r="14" spans="1:259" ht="55.2" x14ac:dyDescent="0.2">
      <c r="A14" s="534"/>
      <c r="B14" s="538" t="s">
        <v>9</v>
      </c>
      <c r="C14" s="539"/>
      <c r="D14" s="539" t="s">
        <v>386</v>
      </c>
      <c r="E14" s="538"/>
      <c r="F14" s="538"/>
      <c r="G14" s="538"/>
      <c r="H14" s="538"/>
      <c r="I14" s="538"/>
      <c r="J14" s="538"/>
      <c r="K14" s="538"/>
      <c r="L14" s="540"/>
      <c r="M14" s="538"/>
      <c r="N14" s="1052"/>
      <c r="O14" s="534"/>
      <c r="P14" s="534"/>
      <c r="Q14" s="534"/>
      <c r="R14" s="534"/>
      <c r="S14" s="534"/>
      <c r="T14" s="534"/>
      <c r="U14" s="530"/>
      <c r="V14" s="530"/>
      <c r="W14" s="530"/>
      <c r="X14" s="530"/>
      <c r="Y14" s="530"/>
      <c r="Z14" s="530"/>
      <c r="AA14" s="530"/>
      <c r="AB14" s="530"/>
      <c r="AC14" s="530"/>
      <c r="AD14" s="530"/>
      <c r="AE14" s="530"/>
      <c r="AF14" s="530"/>
      <c r="AG14" s="530"/>
      <c r="AH14" s="530"/>
      <c r="AI14" s="530"/>
      <c r="AJ14" s="530"/>
      <c r="AK14" s="530"/>
      <c r="AL14" s="530"/>
      <c r="AM14" s="530"/>
      <c r="AN14" s="530"/>
      <c r="AO14" s="530"/>
      <c r="AP14" s="530"/>
      <c r="AQ14" s="530"/>
      <c r="AR14" s="530"/>
      <c r="AS14" s="530"/>
      <c r="AT14" s="530"/>
      <c r="AU14" s="530"/>
      <c r="AV14" s="530"/>
      <c r="AW14" s="530"/>
      <c r="AX14" s="530"/>
      <c r="AY14" s="530"/>
      <c r="AZ14" s="530"/>
      <c r="BA14" s="530"/>
      <c r="BB14" s="530"/>
      <c r="BC14" s="530"/>
      <c r="BD14" s="530"/>
      <c r="BE14" s="530"/>
      <c r="BF14" s="530"/>
      <c r="BG14" s="530"/>
      <c r="BH14" s="530"/>
      <c r="BI14" s="530"/>
      <c r="BJ14" s="530"/>
      <c r="BK14" s="530"/>
      <c r="BL14" s="530"/>
      <c r="BM14" s="530"/>
      <c r="BN14" s="530"/>
      <c r="BO14" s="530"/>
      <c r="BP14" s="530"/>
      <c r="BQ14" s="530"/>
      <c r="BR14" s="530"/>
      <c r="BS14" s="530"/>
      <c r="BT14" s="530"/>
      <c r="BU14" s="530"/>
      <c r="BV14" s="530"/>
      <c r="BW14" s="530"/>
      <c r="BX14" s="530"/>
      <c r="BY14" s="530"/>
      <c r="BZ14" s="530"/>
      <c r="CA14" s="530"/>
      <c r="CB14" s="530"/>
      <c r="CC14" s="530"/>
      <c r="CD14" s="530"/>
      <c r="CE14" s="530"/>
      <c r="CF14" s="530"/>
      <c r="CG14" s="530"/>
      <c r="CH14" s="530"/>
      <c r="CI14" s="530"/>
      <c r="CJ14" s="530"/>
      <c r="CK14" s="530"/>
      <c r="CL14" s="530"/>
      <c r="CM14" s="530"/>
      <c r="CN14" s="530"/>
      <c r="CO14" s="530"/>
      <c r="CP14" s="530"/>
      <c r="CQ14" s="530"/>
      <c r="CR14" s="530"/>
      <c r="CS14" s="530"/>
      <c r="CT14" s="530"/>
      <c r="CU14" s="530"/>
      <c r="CV14" s="530"/>
      <c r="CW14" s="530"/>
      <c r="CX14" s="530"/>
      <c r="CY14" s="530"/>
      <c r="CZ14" s="530"/>
      <c r="DA14" s="530"/>
      <c r="DB14" s="530"/>
      <c r="DC14" s="530"/>
      <c r="DD14" s="530"/>
      <c r="DE14" s="530"/>
      <c r="DF14" s="530"/>
      <c r="DG14" s="530"/>
      <c r="DH14" s="530"/>
      <c r="DI14" s="530"/>
      <c r="DJ14" s="530"/>
      <c r="DK14" s="530"/>
      <c r="DL14" s="530"/>
      <c r="DM14" s="530"/>
      <c r="DN14" s="530"/>
      <c r="DO14" s="530"/>
      <c r="DP14" s="530"/>
      <c r="DQ14" s="530"/>
      <c r="DR14" s="530"/>
      <c r="DS14" s="530"/>
      <c r="DT14" s="530"/>
      <c r="DU14" s="530"/>
      <c r="DV14" s="530"/>
      <c r="DW14" s="530"/>
      <c r="DX14" s="530"/>
      <c r="DY14" s="530"/>
      <c r="DZ14" s="530"/>
      <c r="EA14" s="530"/>
      <c r="EB14" s="530"/>
      <c r="EC14" s="530"/>
      <c r="ED14" s="530"/>
      <c r="EE14" s="530"/>
      <c r="EF14" s="530"/>
      <c r="EG14" s="530"/>
      <c r="EH14" s="530"/>
      <c r="EI14" s="530"/>
      <c r="EJ14" s="530"/>
      <c r="EK14" s="530"/>
      <c r="EL14" s="530"/>
      <c r="EM14" s="530"/>
      <c r="EN14" s="530"/>
      <c r="EO14" s="530"/>
      <c r="EP14" s="530"/>
      <c r="EQ14" s="530"/>
      <c r="ER14" s="530"/>
      <c r="ES14" s="530"/>
      <c r="ET14" s="530"/>
      <c r="EU14" s="530"/>
      <c r="EV14" s="530"/>
      <c r="EW14" s="530"/>
      <c r="EX14" s="530"/>
      <c r="EY14" s="530"/>
      <c r="EZ14" s="530"/>
      <c r="FA14" s="530"/>
      <c r="FB14" s="530"/>
      <c r="FC14" s="530"/>
      <c r="FD14" s="530"/>
      <c r="FE14" s="530"/>
      <c r="FF14" s="530"/>
      <c r="FG14" s="530"/>
      <c r="FH14" s="530"/>
      <c r="FI14" s="530"/>
      <c r="FJ14" s="530"/>
      <c r="FK14" s="530"/>
      <c r="FL14" s="530"/>
      <c r="FM14" s="530"/>
      <c r="FN14" s="530"/>
      <c r="FO14" s="530"/>
      <c r="FP14" s="530"/>
      <c r="FQ14" s="530"/>
      <c r="FR14" s="530"/>
      <c r="FS14" s="530"/>
      <c r="FT14" s="530"/>
      <c r="FU14" s="530"/>
      <c r="FV14" s="530"/>
      <c r="FW14" s="530"/>
      <c r="FX14" s="530"/>
      <c r="FY14" s="530"/>
      <c r="FZ14" s="530"/>
      <c r="GA14" s="530"/>
      <c r="GB14" s="530"/>
      <c r="GC14" s="530"/>
      <c r="GD14" s="530"/>
      <c r="GE14" s="530"/>
      <c r="GF14" s="530"/>
      <c r="GG14" s="530"/>
      <c r="GH14" s="530"/>
      <c r="GI14" s="530"/>
      <c r="GJ14" s="530"/>
      <c r="GK14" s="530"/>
      <c r="GL14" s="530"/>
      <c r="GM14" s="530"/>
      <c r="GN14" s="530"/>
      <c r="GO14" s="530"/>
      <c r="GP14" s="530"/>
      <c r="GQ14" s="530"/>
      <c r="GR14" s="530"/>
      <c r="GS14" s="530"/>
      <c r="GT14" s="530"/>
      <c r="GU14" s="530"/>
      <c r="GV14" s="530"/>
      <c r="GW14" s="530"/>
      <c r="GX14" s="530"/>
      <c r="GY14" s="530"/>
      <c r="GZ14" s="530"/>
      <c r="HA14" s="530"/>
      <c r="HB14" s="530"/>
      <c r="HC14" s="530"/>
      <c r="HD14" s="530"/>
      <c r="HE14" s="530"/>
      <c r="HF14" s="530"/>
      <c r="HG14" s="530"/>
      <c r="HH14" s="530"/>
      <c r="HI14" s="530"/>
      <c r="HJ14" s="530"/>
      <c r="HK14" s="530"/>
      <c r="HL14" s="530"/>
      <c r="HM14" s="530"/>
      <c r="HN14" s="530"/>
      <c r="HO14" s="530"/>
      <c r="HP14" s="530"/>
      <c r="HQ14" s="530"/>
      <c r="HR14" s="530"/>
      <c r="HS14" s="530"/>
      <c r="HT14" s="530"/>
      <c r="HU14" s="530"/>
      <c r="HV14" s="530"/>
      <c r="HW14" s="530"/>
      <c r="HX14" s="530"/>
      <c r="HY14" s="530"/>
      <c r="HZ14" s="530"/>
      <c r="IA14" s="530"/>
      <c r="IB14" s="530"/>
      <c r="IC14" s="530"/>
      <c r="ID14" s="530"/>
      <c r="IE14" s="530"/>
      <c r="IF14" s="530"/>
      <c r="IG14" s="530"/>
      <c r="IH14" s="530"/>
      <c r="II14" s="530"/>
      <c r="IJ14" s="530"/>
      <c r="IK14" s="530"/>
      <c r="IL14" s="530"/>
      <c r="IM14" s="530"/>
      <c r="IN14" s="530"/>
      <c r="IO14" s="530"/>
      <c r="IP14" s="530"/>
      <c r="IQ14" s="530"/>
      <c r="IR14" s="530"/>
      <c r="IS14" s="530"/>
      <c r="IT14" s="530"/>
      <c r="IU14" s="530"/>
      <c r="IV14" s="530"/>
      <c r="IW14" s="530"/>
      <c r="IX14" s="530"/>
      <c r="IY14" s="530"/>
    </row>
    <row r="15" spans="1:259" s="546" customFormat="1" ht="64.5" customHeight="1" x14ac:dyDescent="0.55000000000000004">
      <c r="A15" s="542"/>
      <c r="B15" s="543" t="s">
        <v>11</v>
      </c>
      <c r="C15" s="542"/>
      <c r="D15" s="542"/>
      <c r="E15" s="542"/>
      <c r="F15" s="542"/>
      <c r="G15" s="542"/>
      <c r="H15" s="542"/>
      <c r="I15" s="542"/>
      <c r="J15" s="542"/>
      <c r="K15" s="542"/>
      <c r="L15" s="544"/>
      <c r="M15" s="542"/>
      <c r="N15" s="536"/>
      <c r="O15" s="542"/>
      <c r="P15" s="542"/>
      <c r="Q15" s="542"/>
      <c r="R15" s="542"/>
      <c r="S15" s="542"/>
      <c r="T15" s="542"/>
      <c r="U15" s="545"/>
      <c r="V15" s="545"/>
      <c r="W15" s="545"/>
      <c r="X15" s="545"/>
      <c r="Y15" s="545"/>
      <c r="Z15" s="545"/>
      <c r="AA15" s="545"/>
      <c r="AB15" s="545"/>
      <c r="AC15" s="545"/>
      <c r="AD15" s="545"/>
      <c r="AE15" s="545"/>
      <c r="AF15" s="545"/>
      <c r="AG15" s="545"/>
      <c r="AH15" s="545"/>
      <c r="AI15" s="545"/>
      <c r="AJ15" s="545"/>
      <c r="AK15" s="545"/>
      <c r="AL15" s="545"/>
      <c r="AM15" s="545"/>
      <c r="AN15" s="545"/>
      <c r="AO15" s="545"/>
      <c r="AP15" s="545"/>
      <c r="AQ15" s="545"/>
      <c r="AR15" s="545"/>
      <c r="AS15" s="545"/>
      <c r="AT15" s="545"/>
      <c r="AU15" s="545"/>
      <c r="AV15" s="545"/>
      <c r="AW15" s="545"/>
      <c r="AX15" s="545"/>
      <c r="AY15" s="545"/>
      <c r="AZ15" s="545"/>
      <c r="BA15" s="545"/>
      <c r="BB15" s="545"/>
      <c r="BC15" s="545"/>
      <c r="BD15" s="545"/>
      <c r="BE15" s="545"/>
      <c r="BF15" s="545"/>
      <c r="BG15" s="545"/>
      <c r="BH15" s="545"/>
      <c r="BI15" s="545"/>
      <c r="BJ15" s="545"/>
      <c r="BK15" s="545"/>
      <c r="BL15" s="545"/>
      <c r="BM15" s="545"/>
      <c r="BN15" s="545"/>
      <c r="BO15" s="545"/>
      <c r="BP15" s="545"/>
      <c r="BQ15" s="545"/>
      <c r="BR15" s="545"/>
      <c r="BS15" s="545"/>
      <c r="BT15" s="545"/>
      <c r="BU15" s="545"/>
      <c r="BV15" s="545"/>
      <c r="BW15" s="545"/>
      <c r="BX15" s="545"/>
      <c r="BY15" s="545"/>
      <c r="BZ15" s="545"/>
      <c r="CA15" s="545"/>
      <c r="CB15" s="545"/>
      <c r="CC15" s="545"/>
      <c r="CD15" s="545"/>
      <c r="CE15" s="545"/>
      <c r="CF15" s="545"/>
      <c r="CG15" s="545"/>
      <c r="CH15" s="545"/>
      <c r="CI15" s="545"/>
      <c r="CJ15" s="545"/>
      <c r="CK15" s="545"/>
      <c r="CL15" s="545"/>
      <c r="CM15" s="545"/>
      <c r="CN15" s="545"/>
      <c r="CO15" s="545"/>
      <c r="CP15" s="545"/>
      <c r="CQ15" s="545"/>
      <c r="CR15" s="545"/>
      <c r="CS15" s="545"/>
      <c r="CT15" s="545"/>
      <c r="CU15" s="545"/>
      <c r="CV15" s="545"/>
      <c r="CW15" s="545"/>
      <c r="CX15" s="545"/>
      <c r="CY15" s="545"/>
      <c r="CZ15" s="545"/>
      <c r="DA15" s="545"/>
      <c r="DB15" s="545"/>
      <c r="DC15" s="545"/>
      <c r="DD15" s="545"/>
      <c r="DE15" s="545"/>
      <c r="DF15" s="545"/>
      <c r="DG15" s="545"/>
      <c r="DH15" s="545"/>
      <c r="DI15" s="545"/>
      <c r="DJ15" s="545"/>
      <c r="DK15" s="545"/>
      <c r="DL15" s="545"/>
      <c r="DM15" s="545"/>
      <c r="DN15" s="545"/>
      <c r="DO15" s="545"/>
      <c r="DP15" s="545"/>
      <c r="DQ15" s="545"/>
      <c r="DR15" s="545"/>
      <c r="DS15" s="545"/>
      <c r="DT15" s="545"/>
      <c r="DU15" s="545"/>
      <c r="DV15" s="545"/>
      <c r="DW15" s="545"/>
      <c r="DX15" s="545"/>
      <c r="DY15" s="545"/>
      <c r="DZ15" s="545"/>
      <c r="EA15" s="545"/>
      <c r="EB15" s="545"/>
      <c r="EC15" s="545"/>
      <c r="ED15" s="545"/>
      <c r="EE15" s="545"/>
      <c r="EF15" s="545"/>
      <c r="EG15" s="545"/>
      <c r="EH15" s="545"/>
      <c r="EI15" s="545"/>
      <c r="EJ15" s="545"/>
      <c r="EK15" s="545"/>
      <c r="EL15" s="545"/>
      <c r="EM15" s="545"/>
      <c r="EN15" s="545"/>
      <c r="EO15" s="545"/>
      <c r="EP15" s="545"/>
      <c r="EQ15" s="545"/>
      <c r="ER15" s="545"/>
      <c r="ES15" s="545"/>
      <c r="ET15" s="545"/>
      <c r="EU15" s="545"/>
      <c r="EV15" s="545"/>
      <c r="EW15" s="545"/>
      <c r="EX15" s="545"/>
      <c r="EY15" s="545"/>
      <c r="EZ15" s="545"/>
      <c r="FA15" s="545"/>
      <c r="FB15" s="545"/>
      <c r="FC15" s="545"/>
      <c r="FD15" s="545"/>
      <c r="FE15" s="545"/>
      <c r="FF15" s="545"/>
      <c r="FG15" s="545"/>
      <c r="FH15" s="545"/>
      <c r="FI15" s="545"/>
      <c r="FJ15" s="545"/>
      <c r="FK15" s="545"/>
      <c r="FL15" s="545"/>
      <c r="FM15" s="545"/>
      <c r="FN15" s="545"/>
      <c r="FO15" s="545"/>
      <c r="FP15" s="545"/>
      <c r="FQ15" s="545"/>
      <c r="FR15" s="545"/>
      <c r="FS15" s="545"/>
      <c r="FT15" s="545"/>
      <c r="FU15" s="545"/>
      <c r="FV15" s="545"/>
      <c r="FW15" s="545"/>
      <c r="FX15" s="545"/>
      <c r="FY15" s="545"/>
      <c r="FZ15" s="545"/>
      <c r="GA15" s="545"/>
      <c r="GB15" s="545"/>
      <c r="GC15" s="545"/>
      <c r="GD15" s="545"/>
      <c r="GE15" s="545"/>
      <c r="GF15" s="545"/>
      <c r="GG15" s="545"/>
      <c r="GH15" s="545"/>
      <c r="GI15" s="545"/>
      <c r="GJ15" s="545"/>
      <c r="GK15" s="545"/>
      <c r="GL15" s="545"/>
      <c r="GM15" s="545"/>
      <c r="GN15" s="545"/>
      <c r="GO15" s="545"/>
      <c r="GP15" s="545"/>
      <c r="GQ15" s="545"/>
      <c r="GR15" s="545"/>
      <c r="GS15" s="545"/>
      <c r="GT15" s="545"/>
      <c r="GU15" s="545"/>
      <c r="GV15" s="545"/>
      <c r="GW15" s="545"/>
      <c r="GX15" s="545"/>
      <c r="GY15" s="545"/>
      <c r="GZ15" s="545"/>
      <c r="HA15" s="545"/>
      <c r="HB15" s="545"/>
      <c r="HC15" s="545"/>
      <c r="HD15" s="545"/>
      <c r="HE15" s="545"/>
      <c r="HF15" s="545"/>
      <c r="HG15" s="545"/>
      <c r="HH15" s="545"/>
      <c r="HI15" s="545"/>
      <c r="HJ15" s="545"/>
      <c r="HK15" s="545"/>
      <c r="HL15" s="545"/>
      <c r="HM15" s="545"/>
      <c r="HN15" s="545"/>
      <c r="HO15" s="545"/>
      <c r="HP15" s="545"/>
      <c r="HQ15" s="545"/>
      <c r="HR15" s="545"/>
      <c r="HS15" s="545"/>
      <c r="HT15" s="545"/>
      <c r="HU15" s="545"/>
      <c r="HV15" s="545"/>
      <c r="HW15" s="545"/>
      <c r="HX15" s="545"/>
      <c r="HY15" s="545"/>
      <c r="HZ15" s="545"/>
      <c r="IA15" s="545"/>
      <c r="IB15" s="545"/>
      <c r="IC15" s="545"/>
      <c r="ID15" s="545"/>
      <c r="IE15" s="545"/>
      <c r="IF15" s="545"/>
      <c r="IG15" s="545"/>
      <c r="IH15" s="545"/>
      <c r="II15" s="545"/>
      <c r="IJ15" s="545"/>
      <c r="IK15" s="545"/>
      <c r="IL15" s="545"/>
      <c r="IM15" s="545"/>
      <c r="IN15" s="545"/>
      <c r="IO15" s="545"/>
      <c r="IP15" s="545"/>
      <c r="IQ15" s="545"/>
      <c r="IR15" s="545"/>
      <c r="IS15" s="545"/>
      <c r="IT15" s="545"/>
      <c r="IU15" s="545"/>
      <c r="IV15" s="545"/>
      <c r="IW15" s="545"/>
      <c r="IX15" s="545"/>
      <c r="IY15" s="545"/>
    </row>
    <row r="16" spans="1:259" ht="64.5" customHeight="1" x14ac:dyDescent="0.2">
      <c r="A16" s="534"/>
      <c r="B16" s="534"/>
      <c r="C16" s="534"/>
      <c r="D16" s="534"/>
      <c r="E16" s="534"/>
      <c r="F16" s="534"/>
      <c r="G16" s="534"/>
      <c r="H16" s="534"/>
      <c r="I16" s="534"/>
      <c r="J16" s="534"/>
      <c r="K16" s="534"/>
      <c r="L16" s="535"/>
      <c r="M16" s="534"/>
      <c r="N16" s="536"/>
      <c r="O16" s="534"/>
      <c r="P16" s="534"/>
      <c r="Q16" s="534"/>
      <c r="R16" s="534"/>
      <c r="S16" s="534"/>
      <c r="T16" s="534"/>
      <c r="U16" s="530"/>
      <c r="V16" s="530"/>
      <c r="W16" s="530"/>
      <c r="X16" s="530"/>
      <c r="Y16" s="530"/>
      <c r="Z16" s="530"/>
      <c r="AA16" s="530"/>
      <c r="AB16" s="530"/>
      <c r="AC16" s="530"/>
      <c r="AD16" s="530"/>
      <c r="AE16" s="530"/>
      <c r="AF16" s="530"/>
      <c r="AG16" s="530"/>
      <c r="AH16" s="530"/>
      <c r="AI16" s="530"/>
      <c r="AJ16" s="530"/>
      <c r="AK16" s="530"/>
      <c r="AL16" s="530"/>
      <c r="AM16" s="530"/>
      <c r="AN16" s="530"/>
      <c r="AO16" s="530"/>
      <c r="AP16" s="530"/>
      <c r="AQ16" s="530"/>
      <c r="AR16" s="530"/>
      <c r="AS16" s="530"/>
      <c r="AT16" s="530"/>
      <c r="AU16" s="530"/>
      <c r="AV16" s="530"/>
      <c r="AW16" s="530"/>
      <c r="AX16" s="530"/>
      <c r="AY16" s="530"/>
      <c r="AZ16" s="530"/>
      <c r="BA16" s="530"/>
      <c r="BB16" s="530"/>
      <c r="BC16" s="530"/>
      <c r="BD16" s="530"/>
      <c r="BE16" s="530"/>
      <c r="BF16" s="530"/>
      <c r="BG16" s="530"/>
      <c r="BH16" s="530"/>
      <c r="BI16" s="530"/>
      <c r="BJ16" s="530"/>
      <c r="BK16" s="530"/>
      <c r="BL16" s="530"/>
      <c r="BM16" s="530"/>
      <c r="BN16" s="530"/>
      <c r="BO16" s="530"/>
      <c r="BP16" s="530"/>
      <c r="BQ16" s="530"/>
      <c r="BR16" s="530"/>
      <c r="BS16" s="530"/>
      <c r="BT16" s="530"/>
      <c r="BU16" s="530"/>
      <c r="BV16" s="530"/>
      <c r="BW16" s="530"/>
      <c r="BX16" s="530"/>
      <c r="BY16" s="530"/>
      <c r="BZ16" s="530"/>
      <c r="CA16" s="530"/>
      <c r="CB16" s="530"/>
      <c r="CC16" s="530"/>
      <c r="CD16" s="530"/>
      <c r="CE16" s="530"/>
      <c r="CF16" s="530"/>
      <c r="CG16" s="530"/>
      <c r="CH16" s="530"/>
      <c r="CI16" s="530"/>
      <c r="CJ16" s="530"/>
      <c r="CK16" s="530"/>
      <c r="CL16" s="530"/>
      <c r="CM16" s="530"/>
      <c r="CN16" s="530"/>
      <c r="CO16" s="530"/>
      <c r="CP16" s="530"/>
      <c r="CQ16" s="530"/>
      <c r="CR16" s="530"/>
      <c r="CS16" s="530"/>
      <c r="CT16" s="530"/>
      <c r="CU16" s="530"/>
      <c r="CV16" s="530"/>
      <c r="CW16" s="530"/>
      <c r="CX16" s="530"/>
      <c r="CY16" s="530"/>
      <c r="CZ16" s="530"/>
      <c r="DA16" s="530"/>
      <c r="DB16" s="530"/>
      <c r="DC16" s="530"/>
      <c r="DD16" s="530"/>
      <c r="DE16" s="530"/>
      <c r="DF16" s="530"/>
      <c r="DG16" s="530"/>
      <c r="DH16" s="530"/>
      <c r="DI16" s="530"/>
      <c r="DJ16" s="530"/>
      <c r="DK16" s="530"/>
      <c r="DL16" s="530"/>
      <c r="DM16" s="530"/>
      <c r="DN16" s="530"/>
      <c r="DO16" s="530"/>
      <c r="DP16" s="530"/>
      <c r="DQ16" s="530"/>
      <c r="DR16" s="530"/>
      <c r="DS16" s="530"/>
      <c r="DT16" s="530"/>
      <c r="DU16" s="530"/>
      <c r="DV16" s="530"/>
      <c r="DW16" s="530"/>
      <c r="DX16" s="530"/>
      <c r="DY16" s="530"/>
      <c r="DZ16" s="530"/>
      <c r="EA16" s="530"/>
      <c r="EB16" s="530"/>
      <c r="EC16" s="530"/>
      <c r="ED16" s="530"/>
      <c r="EE16" s="530"/>
      <c r="EF16" s="530"/>
      <c r="EG16" s="530"/>
      <c r="EH16" s="530"/>
      <c r="EI16" s="530"/>
      <c r="EJ16" s="530"/>
      <c r="EK16" s="530"/>
      <c r="EL16" s="530"/>
      <c r="EM16" s="530"/>
      <c r="EN16" s="530"/>
      <c r="EO16" s="530"/>
      <c r="EP16" s="530"/>
      <c r="EQ16" s="530"/>
      <c r="ER16" s="530"/>
      <c r="ES16" s="530"/>
      <c r="ET16" s="530"/>
      <c r="EU16" s="530"/>
      <c r="EV16" s="530"/>
      <c r="EW16" s="530"/>
      <c r="EX16" s="530"/>
      <c r="EY16" s="530"/>
      <c r="EZ16" s="530"/>
      <c r="FA16" s="530"/>
      <c r="FB16" s="530"/>
      <c r="FC16" s="530"/>
      <c r="FD16" s="530"/>
      <c r="FE16" s="530"/>
      <c r="FF16" s="530"/>
      <c r="FG16" s="530"/>
      <c r="FH16" s="530"/>
      <c r="FI16" s="530"/>
      <c r="FJ16" s="530"/>
      <c r="FK16" s="530"/>
      <c r="FL16" s="530"/>
      <c r="FM16" s="530"/>
      <c r="FN16" s="530"/>
      <c r="FO16" s="530"/>
      <c r="FP16" s="530"/>
      <c r="FQ16" s="530"/>
      <c r="FR16" s="530"/>
      <c r="FS16" s="530"/>
      <c r="FT16" s="530"/>
      <c r="FU16" s="530"/>
      <c r="FV16" s="530"/>
      <c r="FW16" s="530"/>
      <c r="FX16" s="530"/>
      <c r="FY16" s="530"/>
      <c r="FZ16" s="530"/>
      <c r="GA16" s="530"/>
      <c r="GB16" s="530"/>
      <c r="GC16" s="530"/>
      <c r="GD16" s="530"/>
      <c r="GE16" s="530"/>
      <c r="GF16" s="530"/>
      <c r="GG16" s="530"/>
      <c r="GH16" s="530"/>
      <c r="GI16" s="530"/>
      <c r="GJ16" s="530"/>
      <c r="GK16" s="530"/>
      <c r="GL16" s="530"/>
      <c r="GM16" s="530"/>
      <c r="GN16" s="530"/>
      <c r="GO16" s="530"/>
      <c r="GP16" s="530"/>
      <c r="GQ16" s="530"/>
      <c r="GR16" s="530"/>
      <c r="GS16" s="530"/>
      <c r="GT16" s="530"/>
      <c r="GU16" s="530"/>
      <c r="GV16" s="530"/>
      <c r="GW16" s="530"/>
      <c r="GX16" s="530"/>
      <c r="GY16" s="530"/>
      <c r="GZ16" s="530"/>
      <c r="HA16" s="530"/>
      <c r="HB16" s="530"/>
      <c r="HC16" s="530"/>
      <c r="HD16" s="530"/>
      <c r="HE16" s="530"/>
      <c r="HF16" s="530"/>
      <c r="HG16" s="530"/>
      <c r="HH16" s="530"/>
      <c r="HI16" s="530"/>
      <c r="HJ16" s="530"/>
      <c r="HK16" s="530"/>
      <c r="HL16" s="530"/>
      <c r="HM16" s="530"/>
      <c r="HN16" s="530"/>
      <c r="HO16" s="530"/>
      <c r="HP16" s="530"/>
      <c r="HQ16" s="530"/>
      <c r="HR16" s="530"/>
      <c r="HS16" s="530"/>
      <c r="HT16" s="530"/>
      <c r="HU16" s="530"/>
      <c r="HV16" s="530"/>
      <c r="HW16" s="530"/>
      <c r="HX16" s="530"/>
      <c r="HY16" s="530"/>
      <c r="HZ16" s="530"/>
      <c r="IA16" s="530"/>
      <c r="IB16" s="530"/>
      <c r="IC16" s="530"/>
      <c r="ID16" s="530"/>
      <c r="IE16" s="530"/>
      <c r="IF16" s="530"/>
      <c r="IG16" s="530"/>
      <c r="IH16" s="530"/>
      <c r="II16" s="530"/>
      <c r="IJ16" s="530"/>
      <c r="IK16" s="530"/>
      <c r="IL16" s="530"/>
      <c r="IM16" s="530"/>
      <c r="IN16" s="530"/>
      <c r="IO16" s="530"/>
      <c r="IP16" s="530"/>
      <c r="IQ16" s="530"/>
      <c r="IR16" s="530"/>
      <c r="IS16" s="530"/>
      <c r="IT16" s="530"/>
      <c r="IU16" s="530"/>
      <c r="IV16" s="530"/>
      <c r="IW16" s="530"/>
      <c r="IX16" s="530"/>
      <c r="IY16" s="530"/>
    </row>
    <row r="17" spans="1:259" ht="301.5" customHeight="1" x14ac:dyDescent="0.2">
      <c r="A17" s="534"/>
      <c r="B17" s="534"/>
      <c r="C17" s="534"/>
      <c r="D17" s="534"/>
      <c r="E17" s="534"/>
      <c r="F17" s="534"/>
      <c r="G17" s="534"/>
      <c r="H17" s="534"/>
      <c r="I17" s="534"/>
      <c r="J17" s="534"/>
      <c r="K17" s="534"/>
      <c r="L17" s="535"/>
      <c r="M17" s="534"/>
      <c r="N17" s="536"/>
      <c r="O17" s="534"/>
      <c r="P17" s="534"/>
      <c r="Q17" s="534"/>
      <c r="R17" s="534"/>
      <c r="S17" s="534"/>
      <c r="T17" s="534"/>
      <c r="U17" s="530"/>
      <c r="V17" s="530"/>
      <c r="W17" s="530"/>
      <c r="X17" s="530"/>
      <c r="Y17" s="530"/>
      <c r="Z17" s="530"/>
      <c r="AA17" s="530"/>
      <c r="AB17" s="530"/>
      <c r="AC17" s="530"/>
      <c r="AD17" s="530"/>
      <c r="AE17" s="530"/>
      <c r="AF17" s="530"/>
      <c r="AG17" s="530"/>
      <c r="AH17" s="530"/>
      <c r="AI17" s="530"/>
      <c r="AJ17" s="530"/>
      <c r="AK17" s="530"/>
      <c r="AL17" s="530"/>
      <c r="AM17" s="530"/>
      <c r="AN17" s="530"/>
      <c r="AO17" s="530"/>
      <c r="AP17" s="530"/>
      <c r="AQ17" s="530"/>
      <c r="AR17" s="530"/>
      <c r="AS17" s="530"/>
      <c r="AT17" s="530"/>
      <c r="AU17" s="530"/>
      <c r="AV17" s="530"/>
      <c r="AW17" s="530"/>
      <c r="AX17" s="530"/>
      <c r="AY17" s="530"/>
      <c r="AZ17" s="530"/>
      <c r="BA17" s="530"/>
      <c r="BB17" s="530"/>
      <c r="BC17" s="530"/>
      <c r="BD17" s="530"/>
      <c r="BE17" s="530"/>
      <c r="BF17" s="530"/>
      <c r="BG17" s="530"/>
      <c r="BH17" s="530"/>
      <c r="BI17" s="530"/>
      <c r="BJ17" s="530"/>
      <c r="BK17" s="530"/>
      <c r="BL17" s="530"/>
      <c r="BM17" s="530"/>
      <c r="BN17" s="530"/>
      <c r="BO17" s="530"/>
      <c r="BP17" s="530"/>
      <c r="BQ17" s="530"/>
      <c r="BR17" s="530"/>
      <c r="BS17" s="530"/>
      <c r="BT17" s="530"/>
      <c r="BU17" s="530"/>
      <c r="BV17" s="530"/>
      <c r="BW17" s="530"/>
      <c r="BX17" s="530"/>
      <c r="BY17" s="530"/>
      <c r="BZ17" s="530"/>
      <c r="CA17" s="530"/>
      <c r="CB17" s="530"/>
      <c r="CC17" s="530"/>
      <c r="CD17" s="530"/>
      <c r="CE17" s="530"/>
      <c r="CF17" s="530"/>
      <c r="CG17" s="530"/>
      <c r="CH17" s="530"/>
      <c r="CI17" s="530"/>
      <c r="CJ17" s="530"/>
      <c r="CK17" s="530"/>
      <c r="CL17" s="530"/>
      <c r="CM17" s="530"/>
      <c r="CN17" s="530"/>
      <c r="CO17" s="530"/>
      <c r="CP17" s="530"/>
      <c r="CQ17" s="530"/>
      <c r="CR17" s="530"/>
      <c r="CS17" s="530"/>
      <c r="CT17" s="530"/>
      <c r="CU17" s="530"/>
      <c r="CV17" s="530"/>
      <c r="CW17" s="530"/>
      <c r="CX17" s="530"/>
      <c r="CY17" s="530"/>
      <c r="CZ17" s="530"/>
      <c r="DA17" s="530"/>
      <c r="DB17" s="530"/>
      <c r="DC17" s="530"/>
      <c r="DD17" s="530"/>
      <c r="DE17" s="530"/>
      <c r="DF17" s="530"/>
      <c r="DG17" s="530"/>
      <c r="DH17" s="530"/>
      <c r="DI17" s="530"/>
      <c r="DJ17" s="530"/>
      <c r="DK17" s="530"/>
      <c r="DL17" s="530"/>
      <c r="DM17" s="530"/>
      <c r="DN17" s="530"/>
      <c r="DO17" s="530"/>
      <c r="DP17" s="530"/>
      <c r="DQ17" s="530"/>
      <c r="DR17" s="530"/>
      <c r="DS17" s="530"/>
      <c r="DT17" s="530"/>
      <c r="DU17" s="530"/>
      <c r="DV17" s="530"/>
      <c r="DW17" s="530"/>
      <c r="DX17" s="530"/>
      <c r="DY17" s="530"/>
      <c r="DZ17" s="530"/>
      <c r="EA17" s="530"/>
      <c r="EB17" s="530"/>
      <c r="EC17" s="530"/>
      <c r="ED17" s="530"/>
      <c r="EE17" s="530"/>
      <c r="EF17" s="530"/>
      <c r="EG17" s="530"/>
      <c r="EH17" s="530"/>
      <c r="EI17" s="530"/>
      <c r="EJ17" s="530"/>
      <c r="EK17" s="530"/>
      <c r="EL17" s="530"/>
      <c r="EM17" s="530"/>
      <c r="EN17" s="530"/>
      <c r="EO17" s="530"/>
      <c r="EP17" s="530"/>
      <c r="EQ17" s="530"/>
      <c r="ER17" s="530"/>
      <c r="ES17" s="530"/>
      <c r="ET17" s="530"/>
      <c r="EU17" s="530"/>
      <c r="EV17" s="530"/>
      <c r="EW17" s="530"/>
      <c r="EX17" s="530"/>
      <c r="EY17" s="530"/>
      <c r="EZ17" s="530"/>
      <c r="FA17" s="530"/>
      <c r="FB17" s="530"/>
      <c r="FC17" s="530"/>
      <c r="FD17" s="530"/>
      <c r="FE17" s="530"/>
      <c r="FF17" s="530"/>
      <c r="FG17" s="530"/>
      <c r="FH17" s="530"/>
      <c r="FI17" s="530"/>
      <c r="FJ17" s="530"/>
      <c r="FK17" s="530"/>
      <c r="FL17" s="530"/>
      <c r="FM17" s="530"/>
      <c r="FN17" s="530"/>
      <c r="FO17" s="530"/>
      <c r="FP17" s="530"/>
      <c r="FQ17" s="530"/>
      <c r="FR17" s="530"/>
      <c r="FS17" s="530"/>
      <c r="FT17" s="530"/>
      <c r="FU17" s="530"/>
      <c r="FV17" s="530"/>
      <c r="FW17" s="530"/>
      <c r="FX17" s="530"/>
      <c r="FY17" s="530"/>
      <c r="FZ17" s="530"/>
      <c r="GA17" s="530"/>
      <c r="GB17" s="530"/>
      <c r="GC17" s="530"/>
      <c r="GD17" s="530"/>
      <c r="GE17" s="530"/>
      <c r="GF17" s="530"/>
      <c r="GG17" s="530"/>
      <c r="GH17" s="530"/>
      <c r="GI17" s="530"/>
      <c r="GJ17" s="530"/>
      <c r="GK17" s="530"/>
      <c r="GL17" s="530"/>
      <c r="GM17" s="530"/>
      <c r="GN17" s="530"/>
      <c r="GO17" s="530"/>
      <c r="GP17" s="530"/>
      <c r="GQ17" s="530"/>
      <c r="GR17" s="530"/>
      <c r="GS17" s="530"/>
      <c r="GT17" s="530"/>
      <c r="GU17" s="530"/>
      <c r="GV17" s="530"/>
      <c r="GW17" s="530"/>
      <c r="GX17" s="530"/>
      <c r="GY17" s="530"/>
      <c r="GZ17" s="530"/>
      <c r="HA17" s="530"/>
      <c r="HB17" s="530"/>
      <c r="HC17" s="530"/>
      <c r="HD17" s="530"/>
      <c r="HE17" s="530"/>
      <c r="HF17" s="530"/>
      <c r="HG17" s="530"/>
      <c r="HH17" s="530"/>
      <c r="HI17" s="530"/>
      <c r="HJ17" s="530"/>
      <c r="HK17" s="530"/>
      <c r="HL17" s="530"/>
      <c r="HM17" s="530"/>
      <c r="HN17" s="530"/>
      <c r="HO17" s="530"/>
      <c r="HP17" s="530"/>
      <c r="HQ17" s="530"/>
      <c r="HR17" s="530"/>
      <c r="HS17" s="530"/>
      <c r="HT17" s="530"/>
      <c r="HU17" s="530"/>
      <c r="HV17" s="530"/>
      <c r="HW17" s="530"/>
      <c r="HX17" s="530"/>
      <c r="HY17" s="530"/>
      <c r="HZ17" s="530"/>
      <c r="IA17" s="530"/>
      <c r="IB17" s="530"/>
      <c r="IC17" s="530"/>
      <c r="ID17" s="530"/>
      <c r="IE17" s="530"/>
      <c r="IF17" s="530"/>
      <c r="IG17" s="530"/>
      <c r="IH17" s="530"/>
      <c r="II17" s="530"/>
      <c r="IJ17" s="530"/>
      <c r="IK17" s="530"/>
      <c r="IL17" s="530"/>
      <c r="IM17" s="530"/>
      <c r="IN17" s="530"/>
      <c r="IO17" s="530"/>
      <c r="IP17" s="530"/>
      <c r="IQ17" s="530"/>
      <c r="IR17" s="530"/>
      <c r="IS17" s="530"/>
      <c r="IT17" s="530"/>
      <c r="IU17" s="530"/>
      <c r="IV17" s="530"/>
      <c r="IW17" s="530"/>
      <c r="IX17" s="530"/>
      <c r="IY17" s="530"/>
    </row>
    <row r="18" spans="1:259" ht="370.5" customHeight="1" x14ac:dyDescent="0.2">
      <c r="A18" s="534"/>
      <c r="B18" s="534"/>
      <c r="C18" s="534"/>
      <c r="D18" s="534"/>
      <c r="E18" s="534"/>
      <c r="F18" s="534"/>
      <c r="G18" s="534"/>
      <c r="H18" s="534"/>
      <c r="I18" s="534"/>
      <c r="J18" s="534"/>
      <c r="K18" s="534"/>
      <c r="L18" s="535"/>
      <c r="M18" s="534"/>
      <c r="N18" s="536"/>
      <c r="O18" s="534"/>
      <c r="P18" s="534"/>
      <c r="Q18" s="534"/>
      <c r="R18" s="534"/>
      <c r="S18" s="534"/>
      <c r="T18" s="534"/>
      <c r="U18" s="530"/>
      <c r="V18" s="530"/>
      <c r="W18" s="530"/>
      <c r="X18" s="530"/>
      <c r="Y18" s="530"/>
      <c r="Z18" s="530"/>
      <c r="AA18" s="530"/>
      <c r="AB18" s="530"/>
      <c r="AC18" s="530"/>
      <c r="AD18" s="530"/>
      <c r="AE18" s="530"/>
      <c r="AF18" s="530"/>
      <c r="AG18" s="530"/>
      <c r="AH18" s="530"/>
      <c r="AI18" s="530"/>
      <c r="AJ18" s="530"/>
      <c r="AK18" s="530"/>
      <c r="AL18" s="530"/>
      <c r="AM18" s="530"/>
      <c r="AN18" s="530"/>
      <c r="AO18" s="530"/>
      <c r="AP18" s="530"/>
      <c r="AQ18" s="530"/>
      <c r="AR18" s="530"/>
      <c r="AS18" s="530"/>
      <c r="AT18" s="530"/>
      <c r="AU18" s="530"/>
      <c r="AV18" s="530"/>
      <c r="AW18" s="530"/>
      <c r="AX18" s="530"/>
      <c r="AY18" s="530"/>
      <c r="AZ18" s="530"/>
      <c r="BA18" s="530"/>
      <c r="BB18" s="530"/>
      <c r="BC18" s="530"/>
      <c r="BD18" s="530"/>
      <c r="BE18" s="530"/>
      <c r="BF18" s="530"/>
      <c r="BG18" s="530"/>
      <c r="BH18" s="530"/>
      <c r="BI18" s="530"/>
      <c r="BJ18" s="530"/>
      <c r="BK18" s="530"/>
      <c r="BL18" s="530"/>
      <c r="BM18" s="530"/>
      <c r="BN18" s="530"/>
      <c r="BO18" s="530"/>
      <c r="BP18" s="530"/>
      <c r="BQ18" s="530"/>
      <c r="BR18" s="530"/>
      <c r="BS18" s="530"/>
      <c r="BT18" s="530"/>
      <c r="BU18" s="530"/>
      <c r="BV18" s="530"/>
      <c r="BW18" s="530"/>
      <c r="BX18" s="530"/>
      <c r="BY18" s="530"/>
      <c r="BZ18" s="530"/>
      <c r="CA18" s="530"/>
      <c r="CB18" s="530"/>
      <c r="CC18" s="530"/>
      <c r="CD18" s="530"/>
      <c r="CE18" s="530"/>
      <c r="CF18" s="530"/>
      <c r="CG18" s="530"/>
      <c r="CH18" s="530"/>
      <c r="CI18" s="530"/>
      <c r="CJ18" s="530"/>
      <c r="CK18" s="530"/>
      <c r="CL18" s="530"/>
      <c r="CM18" s="530"/>
      <c r="CN18" s="530"/>
      <c r="CO18" s="530"/>
      <c r="CP18" s="530"/>
      <c r="CQ18" s="530"/>
      <c r="CR18" s="530"/>
      <c r="CS18" s="530"/>
      <c r="CT18" s="530"/>
      <c r="CU18" s="530"/>
      <c r="CV18" s="530"/>
      <c r="CW18" s="530"/>
      <c r="CX18" s="530"/>
      <c r="CY18" s="530"/>
      <c r="CZ18" s="530"/>
      <c r="DA18" s="530"/>
      <c r="DB18" s="530"/>
      <c r="DC18" s="530"/>
      <c r="DD18" s="530"/>
      <c r="DE18" s="530"/>
      <c r="DF18" s="530"/>
      <c r="DG18" s="530"/>
      <c r="DH18" s="530"/>
      <c r="DI18" s="530"/>
      <c r="DJ18" s="530"/>
      <c r="DK18" s="530"/>
      <c r="DL18" s="530"/>
      <c r="DM18" s="530"/>
      <c r="DN18" s="530"/>
      <c r="DO18" s="530"/>
      <c r="DP18" s="530"/>
      <c r="DQ18" s="530"/>
      <c r="DR18" s="530"/>
      <c r="DS18" s="530"/>
      <c r="DT18" s="530"/>
      <c r="DU18" s="530"/>
      <c r="DV18" s="530"/>
      <c r="DW18" s="530"/>
      <c r="DX18" s="530"/>
      <c r="DY18" s="530"/>
      <c r="DZ18" s="530"/>
      <c r="EA18" s="530"/>
      <c r="EB18" s="530"/>
      <c r="EC18" s="530"/>
      <c r="ED18" s="530"/>
      <c r="EE18" s="530"/>
      <c r="EF18" s="530"/>
      <c r="EG18" s="530"/>
      <c r="EH18" s="530"/>
      <c r="EI18" s="530"/>
      <c r="EJ18" s="530"/>
      <c r="EK18" s="530"/>
      <c r="EL18" s="530"/>
      <c r="EM18" s="530"/>
      <c r="EN18" s="530"/>
      <c r="EO18" s="530"/>
      <c r="EP18" s="530"/>
      <c r="EQ18" s="530"/>
      <c r="ER18" s="530"/>
      <c r="ES18" s="530"/>
      <c r="ET18" s="530"/>
      <c r="EU18" s="530"/>
      <c r="EV18" s="530"/>
      <c r="EW18" s="530"/>
      <c r="EX18" s="530"/>
      <c r="EY18" s="530"/>
      <c r="EZ18" s="530"/>
      <c r="FA18" s="530"/>
      <c r="FB18" s="530"/>
      <c r="FC18" s="530"/>
      <c r="FD18" s="530"/>
      <c r="FE18" s="530"/>
      <c r="FF18" s="530"/>
      <c r="FG18" s="530"/>
      <c r="FH18" s="530"/>
      <c r="FI18" s="530"/>
      <c r="FJ18" s="530"/>
      <c r="FK18" s="530"/>
      <c r="FL18" s="530"/>
      <c r="FM18" s="530"/>
      <c r="FN18" s="530"/>
      <c r="FO18" s="530"/>
      <c r="FP18" s="530"/>
      <c r="FQ18" s="530"/>
      <c r="FR18" s="530"/>
      <c r="FS18" s="530"/>
      <c r="FT18" s="530"/>
      <c r="FU18" s="530"/>
      <c r="FV18" s="530"/>
      <c r="FW18" s="530"/>
      <c r="FX18" s="530"/>
      <c r="FY18" s="530"/>
      <c r="FZ18" s="530"/>
      <c r="GA18" s="530"/>
      <c r="GB18" s="530"/>
      <c r="GC18" s="530"/>
      <c r="GD18" s="530"/>
      <c r="GE18" s="530"/>
      <c r="GF18" s="530"/>
      <c r="GG18" s="530"/>
      <c r="GH18" s="530"/>
      <c r="GI18" s="530"/>
      <c r="GJ18" s="530"/>
      <c r="GK18" s="530"/>
      <c r="GL18" s="530"/>
      <c r="GM18" s="530"/>
      <c r="GN18" s="530"/>
      <c r="GO18" s="530"/>
      <c r="GP18" s="530"/>
      <c r="GQ18" s="530"/>
      <c r="GR18" s="530"/>
      <c r="GS18" s="530"/>
      <c r="GT18" s="530"/>
      <c r="GU18" s="530"/>
      <c r="GV18" s="530"/>
      <c r="GW18" s="530"/>
      <c r="GX18" s="530"/>
      <c r="GY18" s="530"/>
      <c r="GZ18" s="530"/>
      <c r="HA18" s="530"/>
      <c r="HB18" s="530"/>
      <c r="HC18" s="530"/>
      <c r="HD18" s="530"/>
      <c r="HE18" s="530"/>
      <c r="HF18" s="530"/>
      <c r="HG18" s="530"/>
      <c r="HH18" s="530"/>
      <c r="HI18" s="530"/>
      <c r="HJ18" s="530"/>
      <c r="HK18" s="530"/>
      <c r="HL18" s="530"/>
      <c r="HM18" s="530"/>
      <c r="HN18" s="530"/>
      <c r="HO18" s="530"/>
      <c r="HP18" s="530"/>
      <c r="HQ18" s="530"/>
      <c r="HR18" s="530"/>
      <c r="HS18" s="530"/>
      <c r="HT18" s="530"/>
      <c r="HU18" s="530"/>
      <c r="HV18" s="530"/>
      <c r="HW18" s="530"/>
      <c r="HX18" s="530"/>
      <c r="HY18" s="530"/>
      <c r="HZ18" s="530"/>
      <c r="IA18" s="530"/>
      <c r="IB18" s="530"/>
      <c r="IC18" s="530"/>
      <c r="ID18" s="530"/>
      <c r="IE18" s="530"/>
      <c r="IF18" s="530"/>
      <c r="IG18" s="530"/>
      <c r="IH18" s="530"/>
      <c r="II18" s="530"/>
      <c r="IJ18" s="530"/>
      <c r="IK18" s="530"/>
      <c r="IL18" s="530"/>
      <c r="IM18" s="530"/>
      <c r="IN18" s="530"/>
      <c r="IO18" s="530"/>
      <c r="IP18" s="530"/>
      <c r="IQ18" s="530"/>
      <c r="IR18" s="530"/>
      <c r="IS18" s="530"/>
      <c r="IT18" s="530"/>
      <c r="IU18" s="530"/>
      <c r="IV18" s="530"/>
      <c r="IW18" s="530"/>
      <c r="IX18" s="530"/>
      <c r="IY18" s="530"/>
    </row>
    <row r="19" spans="1:259" ht="301.5" customHeight="1" thickBot="1" x14ac:dyDescent="0.25">
      <c r="A19" s="534"/>
      <c r="B19" s="534"/>
      <c r="C19" s="534"/>
      <c r="D19" s="534"/>
      <c r="E19" s="534"/>
      <c r="F19" s="534"/>
      <c r="G19" s="534"/>
      <c r="H19" s="534"/>
      <c r="I19" s="534"/>
      <c r="J19" s="534"/>
      <c r="K19" s="534"/>
      <c r="L19" s="535"/>
      <c r="M19" s="534"/>
      <c r="N19" s="536"/>
      <c r="O19" s="534"/>
      <c r="P19" s="534"/>
      <c r="Q19" s="534"/>
      <c r="R19" s="534"/>
      <c r="S19" s="534"/>
      <c r="T19" s="534"/>
      <c r="U19" s="530"/>
      <c r="V19" s="530"/>
      <c r="W19" s="530"/>
      <c r="X19" s="530"/>
      <c r="Y19" s="530"/>
      <c r="Z19" s="530"/>
      <c r="AA19" s="530"/>
      <c r="AB19" s="530"/>
      <c r="AC19" s="530"/>
      <c r="AD19" s="530"/>
      <c r="AE19" s="530"/>
      <c r="AF19" s="530"/>
      <c r="AG19" s="530"/>
      <c r="AH19" s="530"/>
      <c r="AI19" s="530"/>
      <c r="AJ19" s="530"/>
      <c r="AK19" s="530"/>
      <c r="AL19" s="530"/>
      <c r="AM19" s="530"/>
      <c r="AN19" s="530"/>
      <c r="AO19" s="530"/>
      <c r="AP19" s="530"/>
      <c r="AQ19" s="530"/>
      <c r="AR19" s="530"/>
      <c r="AS19" s="530"/>
      <c r="AT19" s="530"/>
      <c r="AU19" s="530"/>
      <c r="AV19" s="530"/>
      <c r="AW19" s="530"/>
      <c r="AX19" s="530"/>
      <c r="AY19" s="530"/>
      <c r="AZ19" s="530"/>
      <c r="BA19" s="530"/>
      <c r="BB19" s="530"/>
      <c r="BC19" s="530"/>
      <c r="BD19" s="530"/>
      <c r="BE19" s="530"/>
      <c r="BF19" s="530"/>
      <c r="BG19" s="530"/>
      <c r="BH19" s="530"/>
      <c r="BI19" s="530"/>
      <c r="BJ19" s="530"/>
      <c r="BK19" s="530"/>
      <c r="BL19" s="530"/>
      <c r="BM19" s="530"/>
      <c r="BN19" s="530"/>
      <c r="BO19" s="530"/>
      <c r="BP19" s="530"/>
      <c r="BQ19" s="530"/>
      <c r="BR19" s="530"/>
      <c r="BS19" s="530"/>
      <c r="BT19" s="530"/>
      <c r="BU19" s="530"/>
      <c r="BV19" s="530"/>
      <c r="BW19" s="530"/>
      <c r="BX19" s="530"/>
      <c r="BY19" s="530"/>
      <c r="BZ19" s="530"/>
      <c r="CA19" s="530"/>
      <c r="CB19" s="530"/>
      <c r="CC19" s="530"/>
      <c r="CD19" s="530"/>
      <c r="CE19" s="530"/>
      <c r="CF19" s="530"/>
      <c r="CG19" s="530"/>
      <c r="CH19" s="530"/>
      <c r="CI19" s="530"/>
      <c r="CJ19" s="530"/>
      <c r="CK19" s="530"/>
      <c r="CL19" s="530"/>
      <c r="CM19" s="530"/>
      <c r="CN19" s="530"/>
      <c r="CO19" s="530"/>
      <c r="CP19" s="530"/>
      <c r="CQ19" s="530"/>
      <c r="CR19" s="530"/>
      <c r="CS19" s="530"/>
      <c r="CT19" s="530"/>
      <c r="CU19" s="530"/>
      <c r="CV19" s="530"/>
      <c r="CW19" s="530"/>
      <c r="CX19" s="530"/>
      <c r="CY19" s="530"/>
      <c r="CZ19" s="530"/>
      <c r="DA19" s="530"/>
      <c r="DB19" s="530"/>
      <c r="DC19" s="530"/>
      <c r="DD19" s="530"/>
      <c r="DE19" s="530"/>
      <c r="DF19" s="530"/>
      <c r="DG19" s="530"/>
      <c r="DH19" s="530"/>
      <c r="DI19" s="530"/>
      <c r="DJ19" s="530"/>
      <c r="DK19" s="530"/>
      <c r="DL19" s="530"/>
      <c r="DM19" s="530"/>
      <c r="DN19" s="530"/>
      <c r="DO19" s="530"/>
      <c r="DP19" s="530"/>
      <c r="DQ19" s="530"/>
      <c r="DR19" s="530"/>
      <c r="DS19" s="530"/>
      <c r="DT19" s="530"/>
      <c r="DU19" s="530"/>
      <c r="DV19" s="530"/>
      <c r="DW19" s="530"/>
      <c r="DX19" s="530"/>
      <c r="DY19" s="530"/>
      <c r="DZ19" s="530"/>
      <c r="EA19" s="530"/>
      <c r="EB19" s="530"/>
      <c r="EC19" s="530"/>
      <c r="ED19" s="530"/>
      <c r="EE19" s="530"/>
      <c r="EF19" s="530"/>
      <c r="EG19" s="530"/>
      <c r="EH19" s="530"/>
      <c r="EI19" s="530"/>
      <c r="EJ19" s="530"/>
      <c r="EK19" s="530"/>
      <c r="EL19" s="530"/>
      <c r="EM19" s="530"/>
      <c r="EN19" s="530"/>
      <c r="EO19" s="530"/>
      <c r="EP19" s="530"/>
      <c r="EQ19" s="530"/>
      <c r="ER19" s="530"/>
      <c r="ES19" s="530"/>
      <c r="ET19" s="530"/>
      <c r="EU19" s="530"/>
      <c r="EV19" s="530"/>
      <c r="EW19" s="530"/>
      <c r="EX19" s="530"/>
      <c r="EY19" s="530"/>
      <c r="EZ19" s="530"/>
      <c r="FA19" s="530"/>
      <c r="FB19" s="530"/>
      <c r="FC19" s="530"/>
      <c r="FD19" s="530"/>
      <c r="FE19" s="530"/>
      <c r="FF19" s="530"/>
      <c r="FG19" s="530"/>
      <c r="FH19" s="530"/>
      <c r="FI19" s="530"/>
      <c r="FJ19" s="530"/>
      <c r="FK19" s="530"/>
      <c r="FL19" s="530"/>
      <c r="FM19" s="530"/>
      <c r="FN19" s="530"/>
      <c r="FO19" s="530"/>
      <c r="FP19" s="530"/>
      <c r="FQ19" s="530"/>
      <c r="FR19" s="530"/>
      <c r="FS19" s="530"/>
      <c r="FT19" s="530"/>
      <c r="FU19" s="530"/>
      <c r="FV19" s="530"/>
      <c r="FW19" s="530"/>
      <c r="FX19" s="530"/>
      <c r="FY19" s="530"/>
      <c r="FZ19" s="530"/>
      <c r="GA19" s="530"/>
      <c r="GB19" s="530"/>
      <c r="GC19" s="530"/>
      <c r="GD19" s="530"/>
      <c r="GE19" s="530"/>
      <c r="GF19" s="530"/>
      <c r="GG19" s="530"/>
      <c r="GH19" s="530"/>
      <c r="GI19" s="530"/>
      <c r="GJ19" s="530"/>
      <c r="GK19" s="530"/>
      <c r="GL19" s="530"/>
      <c r="GM19" s="530"/>
      <c r="GN19" s="530"/>
      <c r="GO19" s="530"/>
      <c r="GP19" s="530"/>
      <c r="GQ19" s="530"/>
      <c r="GR19" s="530"/>
      <c r="GS19" s="530"/>
      <c r="GT19" s="530"/>
      <c r="GU19" s="530"/>
      <c r="GV19" s="530"/>
      <c r="GW19" s="530"/>
      <c r="GX19" s="530"/>
      <c r="GY19" s="530"/>
      <c r="GZ19" s="530"/>
      <c r="HA19" s="530"/>
      <c r="HB19" s="530"/>
      <c r="HC19" s="530"/>
      <c r="HD19" s="530"/>
      <c r="HE19" s="530"/>
      <c r="HF19" s="530"/>
      <c r="HG19" s="530"/>
      <c r="HH19" s="530"/>
      <c r="HI19" s="530"/>
      <c r="HJ19" s="530"/>
      <c r="HK19" s="530"/>
      <c r="HL19" s="530"/>
      <c r="HM19" s="530"/>
      <c r="HN19" s="530"/>
      <c r="HO19" s="530"/>
      <c r="HP19" s="530"/>
      <c r="HQ19" s="530"/>
      <c r="HR19" s="530"/>
      <c r="HS19" s="530"/>
      <c r="HT19" s="530"/>
      <c r="HU19" s="530"/>
      <c r="HV19" s="530"/>
      <c r="HW19" s="530"/>
      <c r="HX19" s="530"/>
      <c r="HY19" s="530"/>
      <c r="HZ19" s="530"/>
      <c r="IA19" s="530"/>
      <c r="IB19" s="530"/>
      <c r="IC19" s="530"/>
      <c r="ID19" s="530"/>
      <c r="IE19" s="530"/>
      <c r="IF19" s="530"/>
      <c r="IG19" s="530"/>
      <c r="IH19" s="530"/>
      <c r="II19" s="530"/>
      <c r="IJ19" s="530"/>
      <c r="IK19" s="530"/>
      <c r="IL19" s="530"/>
      <c r="IM19" s="530"/>
      <c r="IN19" s="530"/>
      <c r="IO19" s="530"/>
      <c r="IP19" s="530"/>
      <c r="IQ19" s="530"/>
      <c r="IR19" s="530"/>
      <c r="IS19" s="530"/>
      <c r="IT19" s="530"/>
      <c r="IU19" s="530"/>
      <c r="IV19" s="530"/>
      <c r="IW19" s="530"/>
      <c r="IX19" s="530"/>
      <c r="IY19" s="530"/>
    </row>
    <row r="20" spans="1:259" ht="135" customHeight="1" thickBot="1" x14ac:dyDescent="0.8">
      <c r="A20" s="547"/>
      <c r="B20" s="548" t="s">
        <v>12</v>
      </c>
      <c r="C20" s="549"/>
      <c r="D20" s="549"/>
      <c r="E20" s="549"/>
      <c r="F20" s="549"/>
      <c r="G20" s="549"/>
      <c r="H20" s="549"/>
      <c r="I20" s="550" t="str">
        <f>IF('[1]表紙（定期報告）'!AC22 = "","",'[1]表紙（定期報告）'!AC22)</f>
        <v/>
      </c>
      <c r="J20" s="549"/>
      <c r="K20" s="549"/>
      <c r="L20" s="551"/>
      <c r="M20" s="1062"/>
      <c r="N20" s="24" t="s">
        <v>13</v>
      </c>
      <c r="O20" s="25"/>
      <c r="P20" s="25"/>
      <c r="Q20" s="26"/>
      <c r="R20" s="547"/>
      <c r="S20" s="547"/>
      <c r="T20" s="1063" t="s">
        <v>387</v>
      </c>
      <c r="U20" s="530"/>
      <c r="V20" s="530"/>
      <c r="W20" s="530"/>
      <c r="X20" s="530"/>
      <c r="Y20" s="530"/>
      <c r="Z20" s="530"/>
      <c r="AA20" s="530"/>
      <c r="AB20" s="530"/>
      <c r="AC20" s="530"/>
      <c r="AD20" s="530"/>
      <c r="AE20" s="530"/>
      <c r="AF20" s="530"/>
      <c r="AG20" s="530"/>
      <c r="AH20" s="530"/>
      <c r="AI20" s="530"/>
      <c r="AJ20" s="530"/>
      <c r="AK20" s="530"/>
      <c r="AL20" s="530"/>
      <c r="AM20" s="530"/>
      <c r="AN20" s="530"/>
      <c r="AO20" s="530"/>
      <c r="AP20" s="530"/>
      <c r="AQ20" s="530"/>
      <c r="AR20" s="530"/>
      <c r="AS20" s="530"/>
      <c r="AT20" s="530"/>
      <c r="AU20" s="530"/>
      <c r="AV20" s="530"/>
      <c r="AW20" s="530"/>
      <c r="AX20" s="530"/>
      <c r="AY20" s="530"/>
      <c r="AZ20" s="530"/>
      <c r="BA20" s="530"/>
      <c r="BB20" s="530"/>
      <c r="BC20" s="530"/>
      <c r="BD20" s="530"/>
      <c r="BE20" s="530"/>
      <c r="BF20" s="530"/>
      <c r="BG20" s="530"/>
      <c r="BH20" s="530"/>
      <c r="BI20" s="530"/>
      <c r="BJ20" s="530"/>
      <c r="BK20" s="530"/>
      <c r="BL20" s="530"/>
      <c r="BM20" s="530"/>
      <c r="BN20" s="530"/>
      <c r="BO20" s="530"/>
      <c r="BP20" s="530"/>
      <c r="BQ20" s="530"/>
      <c r="BR20" s="530"/>
      <c r="BS20" s="530"/>
      <c r="BT20" s="530"/>
      <c r="BU20" s="530"/>
      <c r="BV20" s="530"/>
      <c r="BW20" s="530"/>
      <c r="BX20" s="530"/>
      <c r="BY20" s="530"/>
      <c r="BZ20" s="530"/>
      <c r="CA20" s="530"/>
      <c r="CB20" s="530"/>
      <c r="CC20" s="530"/>
      <c r="CD20" s="530"/>
      <c r="CE20" s="530"/>
      <c r="CF20" s="530"/>
      <c r="CG20" s="530"/>
      <c r="CH20" s="530"/>
      <c r="CI20" s="530"/>
      <c r="CJ20" s="530"/>
      <c r="CK20" s="530"/>
      <c r="CL20" s="530"/>
      <c r="CM20" s="530"/>
      <c r="CN20" s="530"/>
      <c r="CO20" s="530"/>
      <c r="CP20" s="530"/>
      <c r="CQ20" s="530"/>
      <c r="CR20" s="530"/>
      <c r="CS20" s="530"/>
      <c r="CT20" s="530"/>
      <c r="CU20" s="530"/>
      <c r="CV20" s="530"/>
      <c r="CW20" s="530"/>
      <c r="CX20" s="530"/>
      <c r="CY20" s="530"/>
      <c r="CZ20" s="530"/>
      <c r="DA20" s="530"/>
      <c r="DB20" s="530"/>
      <c r="DC20" s="530"/>
      <c r="DD20" s="530"/>
      <c r="DE20" s="530"/>
      <c r="DF20" s="530"/>
      <c r="DG20" s="530"/>
      <c r="DH20" s="530"/>
      <c r="DI20" s="530"/>
      <c r="DJ20" s="530"/>
      <c r="DK20" s="530"/>
      <c r="DL20" s="530"/>
      <c r="DM20" s="530"/>
      <c r="DN20" s="530"/>
      <c r="DO20" s="530"/>
      <c r="DP20" s="530"/>
      <c r="DQ20" s="530"/>
      <c r="DR20" s="530"/>
      <c r="DS20" s="530"/>
      <c r="DT20" s="530"/>
      <c r="DU20" s="530"/>
      <c r="DV20" s="530"/>
      <c r="DW20" s="530"/>
      <c r="DX20" s="530"/>
      <c r="DY20" s="530"/>
      <c r="DZ20" s="530"/>
      <c r="EA20" s="530"/>
      <c r="EB20" s="530"/>
      <c r="EC20" s="530"/>
      <c r="ED20" s="530"/>
      <c r="EE20" s="530"/>
      <c r="EF20" s="530"/>
      <c r="EG20" s="530"/>
      <c r="EH20" s="530"/>
      <c r="EI20" s="530"/>
      <c r="EJ20" s="530"/>
      <c r="EK20" s="530"/>
      <c r="EL20" s="530"/>
      <c r="EM20" s="530"/>
      <c r="EN20" s="530"/>
      <c r="EO20" s="530"/>
      <c r="EP20" s="530"/>
      <c r="EQ20" s="530"/>
      <c r="ER20" s="530"/>
      <c r="ES20" s="530"/>
      <c r="ET20" s="530"/>
      <c r="EU20" s="530"/>
      <c r="EV20" s="530"/>
      <c r="EW20" s="530"/>
      <c r="EX20" s="530"/>
      <c r="EY20" s="530"/>
      <c r="EZ20" s="530"/>
      <c r="FA20" s="530"/>
      <c r="FB20" s="530"/>
      <c r="FC20" s="530"/>
      <c r="FD20" s="530"/>
      <c r="FE20" s="530"/>
      <c r="FF20" s="530"/>
      <c r="FG20" s="530"/>
      <c r="FH20" s="530"/>
      <c r="FI20" s="530"/>
      <c r="FJ20" s="530"/>
      <c r="FK20" s="530"/>
      <c r="FL20" s="530"/>
      <c r="FM20" s="530"/>
      <c r="FN20" s="530"/>
      <c r="FO20" s="530"/>
      <c r="FP20" s="530"/>
      <c r="FQ20" s="530"/>
      <c r="FR20" s="530"/>
      <c r="FS20" s="530"/>
      <c r="FT20" s="530"/>
      <c r="FU20" s="530"/>
      <c r="FV20" s="530"/>
      <c r="FW20" s="530"/>
      <c r="FX20" s="530"/>
      <c r="FY20" s="530"/>
      <c r="FZ20" s="530"/>
      <c r="GA20" s="530"/>
      <c r="GB20" s="530"/>
      <c r="GC20" s="530"/>
      <c r="GD20" s="530"/>
      <c r="GE20" s="530"/>
      <c r="GF20" s="530"/>
      <c r="GG20" s="530"/>
      <c r="GH20" s="530"/>
      <c r="GI20" s="530"/>
      <c r="GJ20" s="530"/>
      <c r="GK20" s="530"/>
      <c r="GL20" s="530"/>
      <c r="GM20" s="530"/>
      <c r="GN20" s="530"/>
      <c r="GO20" s="530"/>
      <c r="GP20" s="530"/>
      <c r="GQ20" s="530"/>
      <c r="GR20" s="530"/>
      <c r="GS20" s="530"/>
      <c r="GT20" s="530"/>
      <c r="GU20" s="530"/>
      <c r="GV20" s="530"/>
      <c r="GW20" s="530"/>
      <c r="GX20" s="530"/>
      <c r="GY20" s="530"/>
      <c r="GZ20" s="530"/>
      <c r="HA20" s="530"/>
      <c r="HB20" s="530"/>
      <c r="HC20" s="530"/>
      <c r="HD20" s="530"/>
      <c r="HE20" s="530"/>
      <c r="HF20" s="530"/>
      <c r="HG20" s="530"/>
      <c r="HH20" s="530"/>
      <c r="HI20" s="530"/>
      <c r="HJ20" s="530"/>
      <c r="HK20" s="530"/>
      <c r="HL20" s="530"/>
      <c r="HM20" s="530"/>
      <c r="HN20" s="530"/>
      <c r="HO20" s="530"/>
      <c r="HP20" s="530"/>
      <c r="HQ20" s="530"/>
      <c r="HR20" s="530"/>
      <c r="HS20" s="530"/>
      <c r="HT20" s="530"/>
      <c r="HU20" s="530"/>
      <c r="HV20" s="530"/>
      <c r="HW20" s="530"/>
      <c r="HX20" s="530"/>
      <c r="HY20" s="530"/>
      <c r="HZ20" s="530"/>
      <c r="IA20" s="530"/>
      <c r="IB20" s="530"/>
      <c r="IC20" s="530"/>
      <c r="ID20" s="530"/>
      <c r="IE20" s="530"/>
      <c r="IF20" s="530"/>
      <c r="IG20" s="530"/>
      <c r="IH20" s="530"/>
      <c r="II20" s="530"/>
      <c r="IJ20" s="530"/>
      <c r="IK20" s="530"/>
      <c r="IL20" s="530"/>
      <c r="IM20" s="530"/>
      <c r="IN20" s="530"/>
      <c r="IO20" s="530"/>
      <c r="IP20" s="530"/>
      <c r="IQ20" s="530"/>
      <c r="IR20" s="530"/>
      <c r="IS20" s="530"/>
      <c r="IT20" s="530"/>
      <c r="IU20" s="530"/>
      <c r="IV20" s="530"/>
      <c r="IW20" s="530"/>
      <c r="IX20" s="530"/>
      <c r="IY20" s="530"/>
    </row>
    <row r="21" spans="1:259" ht="39" customHeight="1" x14ac:dyDescent="0.75">
      <c r="A21" s="547"/>
      <c r="B21" s="547"/>
      <c r="C21" s="547"/>
      <c r="D21" s="547"/>
      <c r="E21" s="547"/>
      <c r="F21" s="547"/>
      <c r="G21" s="547"/>
      <c r="H21" s="547"/>
      <c r="I21" s="547"/>
      <c r="J21" s="547"/>
      <c r="K21" s="547"/>
      <c r="L21" s="551"/>
      <c r="M21" s="28" t="s">
        <v>15</v>
      </c>
      <c r="N21" s="1064"/>
      <c r="O21" s="552"/>
      <c r="P21" s="552"/>
      <c r="Q21" s="552"/>
      <c r="R21" s="547"/>
      <c r="S21" s="547"/>
      <c r="T21" s="547"/>
      <c r="U21" s="530"/>
      <c r="V21" s="530"/>
      <c r="W21" s="530"/>
      <c r="X21" s="530"/>
      <c r="Y21" s="530"/>
      <c r="Z21" s="530"/>
      <c r="AA21" s="530"/>
      <c r="AB21" s="530"/>
      <c r="AC21" s="530"/>
      <c r="AD21" s="530"/>
      <c r="AE21" s="530"/>
      <c r="AF21" s="530"/>
      <c r="AG21" s="530"/>
      <c r="AH21" s="530"/>
      <c r="AI21" s="530"/>
      <c r="AJ21" s="530"/>
      <c r="AK21" s="530"/>
      <c r="AL21" s="530"/>
      <c r="AM21" s="530"/>
      <c r="AN21" s="530"/>
      <c r="AO21" s="530"/>
      <c r="AP21" s="530"/>
      <c r="AQ21" s="530"/>
      <c r="AR21" s="530"/>
      <c r="AS21" s="530"/>
      <c r="AT21" s="530"/>
      <c r="AU21" s="530"/>
      <c r="AV21" s="530"/>
      <c r="AW21" s="530"/>
      <c r="AX21" s="530"/>
      <c r="AY21" s="530"/>
      <c r="AZ21" s="530"/>
      <c r="BA21" s="530"/>
      <c r="BB21" s="530"/>
      <c r="BC21" s="530"/>
      <c r="BD21" s="530"/>
      <c r="BE21" s="530"/>
      <c r="BF21" s="530"/>
      <c r="BG21" s="530"/>
      <c r="BH21" s="530"/>
      <c r="BI21" s="530"/>
      <c r="BJ21" s="530"/>
      <c r="BK21" s="530"/>
      <c r="BL21" s="530"/>
      <c r="BM21" s="530"/>
      <c r="BN21" s="530"/>
      <c r="BO21" s="530"/>
      <c r="BP21" s="530"/>
      <c r="BQ21" s="530"/>
      <c r="BR21" s="530"/>
      <c r="BS21" s="530"/>
      <c r="BT21" s="530"/>
      <c r="BU21" s="530"/>
      <c r="BV21" s="530"/>
      <c r="BW21" s="530"/>
      <c r="BX21" s="530"/>
      <c r="BY21" s="530"/>
      <c r="BZ21" s="530"/>
      <c r="CA21" s="530"/>
      <c r="CB21" s="530"/>
      <c r="CC21" s="530"/>
      <c r="CD21" s="530"/>
      <c r="CE21" s="530"/>
      <c r="CF21" s="530"/>
      <c r="CG21" s="530"/>
      <c r="CH21" s="530"/>
      <c r="CI21" s="530"/>
      <c r="CJ21" s="530"/>
      <c r="CK21" s="530"/>
      <c r="CL21" s="530"/>
      <c r="CM21" s="530"/>
      <c r="CN21" s="530"/>
      <c r="CO21" s="530"/>
      <c r="CP21" s="530"/>
      <c r="CQ21" s="530"/>
      <c r="CR21" s="530"/>
      <c r="CS21" s="530"/>
      <c r="CT21" s="530"/>
      <c r="CU21" s="530"/>
      <c r="CV21" s="530"/>
      <c r="CW21" s="530"/>
      <c r="CX21" s="530"/>
      <c r="CY21" s="530"/>
      <c r="CZ21" s="530"/>
      <c r="DA21" s="530"/>
      <c r="DB21" s="530"/>
      <c r="DC21" s="530"/>
      <c r="DD21" s="530"/>
      <c r="DE21" s="530"/>
      <c r="DF21" s="530"/>
      <c r="DG21" s="530"/>
      <c r="DH21" s="530"/>
      <c r="DI21" s="530"/>
      <c r="DJ21" s="530"/>
      <c r="DK21" s="530"/>
      <c r="DL21" s="530"/>
      <c r="DM21" s="530"/>
      <c r="DN21" s="530"/>
      <c r="DO21" s="530"/>
      <c r="DP21" s="530"/>
      <c r="DQ21" s="530"/>
      <c r="DR21" s="530"/>
      <c r="DS21" s="530"/>
      <c r="DT21" s="530"/>
      <c r="DU21" s="530"/>
      <c r="DV21" s="530"/>
      <c r="DW21" s="530"/>
      <c r="DX21" s="530"/>
      <c r="DY21" s="530"/>
      <c r="DZ21" s="530"/>
      <c r="EA21" s="530"/>
      <c r="EB21" s="530"/>
      <c r="EC21" s="530"/>
      <c r="ED21" s="530"/>
      <c r="EE21" s="530"/>
      <c r="EF21" s="530"/>
      <c r="EG21" s="530"/>
      <c r="EH21" s="530"/>
      <c r="EI21" s="530"/>
      <c r="EJ21" s="530"/>
      <c r="EK21" s="530"/>
      <c r="EL21" s="530"/>
      <c r="EM21" s="530"/>
      <c r="EN21" s="530"/>
      <c r="EO21" s="530"/>
      <c r="EP21" s="530"/>
      <c r="EQ21" s="530"/>
      <c r="ER21" s="530"/>
      <c r="ES21" s="530"/>
      <c r="ET21" s="530"/>
      <c r="EU21" s="530"/>
      <c r="EV21" s="530"/>
      <c r="EW21" s="530"/>
      <c r="EX21" s="530"/>
      <c r="EY21" s="530"/>
      <c r="EZ21" s="530"/>
      <c r="FA21" s="530"/>
      <c r="FB21" s="530"/>
      <c r="FC21" s="530"/>
      <c r="FD21" s="530"/>
      <c r="FE21" s="530"/>
      <c r="FF21" s="530"/>
      <c r="FG21" s="530"/>
      <c r="FH21" s="530"/>
      <c r="FI21" s="530"/>
      <c r="FJ21" s="530"/>
      <c r="FK21" s="530"/>
      <c r="FL21" s="530"/>
      <c r="FM21" s="530"/>
      <c r="FN21" s="530"/>
      <c r="FO21" s="530"/>
      <c r="FP21" s="530"/>
      <c r="FQ21" s="530"/>
      <c r="FR21" s="530"/>
      <c r="FS21" s="530"/>
      <c r="FT21" s="530"/>
      <c r="FU21" s="530"/>
      <c r="FV21" s="530"/>
      <c r="FW21" s="530"/>
      <c r="FX21" s="530"/>
      <c r="FY21" s="530"/>
      <c r="FZ21" s="530"/>
      <c r="GA21" s="530"/>
      <c r="GB21" s="530"/>
      <c r="GC21" s="530"/>
      <c r="GD21" s="530"/>
      <c r="GE21" s="530"/>
      <c r="GF21" s="530"/>
      <c r="GG21" s="530"/>
      <c r="GH21" s="530"/>
      <c r="GI21" s="530"/>
      <c r="GJ21" s="530"/>
      <c r="GK21" s="530"/>
      <c r="GL21" s="530"/>
      <c r="GM21" s="530"/>
      <c r="GN21" s="530"/>
      <c r="GO21" s="530"/>
      <c r="GP21" s="530"/>
      <c r="GQ21" s="530"/>
      <c r="GR21" s="530"/>
      <c r="GS21" s="530"/>
      <c r="GT21" s="530"/>
      <c r="GU21" s="530"/>
      <c r="GV21" s="530"/>
      <c r="GW21" s="530"/>
      <c r="GX21" s="530"/>
      <c r="GY21" s="530"/>
      <c r="GZ21" s="530"/>
      <c r="HA21" s="530"/>
      <c r="HB21" s="530"/>
      <c r="HC21" s="530"/>
      <c r="HD21" s="530"/>
      <c r="HE21" s="530"/>
      <c r="HF21" s="530"/>
      <c r="HG21" s="530"/>
      <c r="HH21" s="530"/>
      <c r="HI21" s="530"/>
      <c r="HJ21" s="530"/>
      <c r="HK21" s="530"/>
      <c r="HL21" s="530"/>
      <c r="HM21" s="530"/>
      <c r="HN21" s="530"/>
      <c r="HO21" s="530"/>
      <c r="HP21" s="530"/>
      <c r="HQ21" s="530"/>
      <c r="HR21" s="530"/>
      <c r="HS21" s="530"/>
      <c r="HT21" s="530"/>
      <c r="HU21" s="530"/>
      <c r="HV21" s="530"/>
      <c r="HW21" s="530"/>
      <c r="HX21" s="530"/>
      <c r="HY21" s="530"/>
      <c r="HZ21" s="530"/>
      <c r="IA21" s="530"/>
      <c r="IB21" s="530"/>
      <c r="IC21" s="530"/>
      <c r="ID21" s="530"/>
      <c r="IE21" s="530"/>
      <c r="IF21" s="530"/>
      <c r="IG21" s="530"/>
      <c r="IH21" s="530"/>
      <c r="II21" s="530"/>
      <c r="IJ21" s="530"/>
      <c r="IK21" s="530"/>
      <c r="IL21" s="530"/>
      <c r="IM21" s="530"/>
      <c r="IN21" s="530"/>
      <c r="IO21" s="530"/>
      <c r="IP21" s="530"/>
      <c r="IQ21" s="530"/>
      <c r="IR21" s="530"/>
      <c r="IS21" s="530"/>
      <c r="IT21" s="530"/>
      <c r="IU21" s="530"/>
      <c r="IV21" s="530"/>
      <c r="IW21" s="530"/>
      <c r="IX21" s="530"/>
      <c r="IY21" s="530"/>
    </row>
    <row r="22" spans="1:259" ht="21.6" customHeight="1" thickBot="1" x14ac:dyDescent="0.8">
      <c r="A22" s="547"/>
      <c r="B22" s="547"/>
      <c r="C22" s="547"/>
      <c r="D22" s="547"/>
      <c r="E22" s="547"/>
      <c r="F22" s="547"/>
      <c r="G22" s="547"/>
      <c r="H22" s="547"/>
      <c r="I22" s="547"/>
      <c r="J22" s="547"/>
      <c r="K22" s="547"/>
      <c r="L22" s="551"/>
      <c r="M22" s="552"/>
      <c r="N22" s="1064"/>
      <c r="O22" s="552"/>
      <c r="P22" s="552"/>
      <c r="Q22" s="552"/>
      <c r="R22" s="547"/>
      <c r="S22" s="547"/>
      <c r="T22" s="547"/>
      <c r="U22" s="530"/>
      <c r="V22" s="530"/>
      <c r="W22" s="530"/>
      <c r="X22" s="530"/>
      <c r="Y22" s="530"/>
      <c r="Z22" s="530"/>
      <c r="AA22" s="530"/>
      <c r="AB22" s="530"/>
      <c r="AC22" s="530"/>
      <c r="AD22" s="530"/>
      <c r="AE22" s="530"/>
      <c r="AF22" s="530"/>
      <c r="AG22" s="530"/>
      <c r="AH22" s="530"/>
      <c r="AI22" s="530"/>
      <c r="AJ22" s="530"/>
      <c r="AK22" s="530"/>
      <c r="AL22" s="530"/>
      <c r="AM22" s="530"/>
      <c r="AN22" s="530"/>
      <c r="AO22" s="530"/>
      <c r="AP22" s="530"/>
      <c r="AQ22" s="530"/>
      <c r="AR22" s="530"/>
      <c r="AS22" s="530"/>
      <c r="AT22" s="530"/>
      <c r="AU22" s="530"/>
      <c r="AV22" s="530"/>
      <c r="AW22" s="530"/>
      <c r="AX22" s="530"/>
      <c r="AY22" s="530"/>
      <c r="AZ22" s="530"/>
      <c r="BA22" s="530"/>
      <c r="BB22" s="530"/>
      <c r="BC22" s="530"/>
      <c r="BD22" s="530"/>
      <c r="BE22" s="530"/>
      <c r="BF22" s="530"/>
      <c r="BG22" s="530"/>
      <c r="BH22" s="530"/>
      <c r="BI22" s="530"/>
      <c r="BJ22" s="530"/>
      <c r="BK22" s="530"/>
      <c r="BL22" s="530"/>
      <c r="BM22" s="530"/>
      <c r="BN22" s="530"/>
      <c r="BO22" s="530"/>
      <c r="BP22" s="530"/>
      <c r="BQ22" s="530"/>
      <c r="BR22" s="530"/>
      <c r="BS22" s="530"/>
      <c r="BT22" s="530"/>
      <c r="BU22" s="530"/>
      <c r="BV22" s="530"/>
      <c r="BW22" s="530"/>
      <c r="BX22" s="530"/>
      <c r="BY22" s="530"/>
      <c r="BZ22" s="530"/>
      <c r="CA22" s="530"/>
      <c r="CB22" s="530"/>
      <c r="CC22" s="530"/>
      <c r="CD22" s="530"/>
      <c r="CE22" s="530"/>
      <c r="CF22" s="530"/>
      <c r="CG22" s="530"/>
      <c r="CH22" s="530"/>
      <c r="CI22" s="530"/>
      <c r="CJ22" s="530"/>
      <c r="CK22" s="530"/>
      <c r="CL22" s="530"/>
      <c r="CM22" s="530"/>
      <c r="CN22" s="530"/>
      <c r="CO22" s="530"/>
      <c r="CP22" s="530"/>
      <c r="CQ22" s="530"/>
      <c r="CR22" s="530"/>
      <c r="CS22" s="530"/>
      <c r="CT22" s="530"/>
      <c r="CU22" s="530"/>
      <c r="CV22" s="530"/>
      <c r="CW22" s="530"/>
      <c r="CX22" s="530"/>
      <c r="CY22" s="530"/>
      <c r="CZ22" s="530"/>
      <c r="DA22" s="530"/>
      <c r="DB22" s="530"/>
      <c r="DC22" s="530"/>
      <c r="DD22" s="530"/>
      <c r="DE22" s="530"/>
      <c r="DF22" s="530"/>
      <c r="DG22" s="530"/>
      <c r="DH22" s="530"/>
      <c r="DI22" s="530"/>
      <c r="DJ22" s="530"/>
      <c r="DK22" s="530"/>
      <c r="DL22" s="530"/>
      <c r="DM22" s="530"/>
      <c r="DN22" s="530"/>
      <c r="DO22" s="530"/>
      <c r="DP22" s="530"/>
      <c r="DQ22" s="530"/>
      <c r="DR22" s="530"/>
      <c r="DS22" s="530"/>
      <c r="DT22" s="530"/>
      <c r="DU22" s="530"/>
      <c r="DV22" s="530"/>
      <c r="DW22" s="530"/>
      <c r="DX22" s="530"/>
      <c r="DY22" s="530"/>
      <c r="DZ22" s="530"/>
      <c r="EA22" s="530"/>
      <c r="EB22" s="530"/>
      <c r="EC22" s="530"/>
      <c r="ED22" s="530"/>
      <c r="EE22" s="530"/>
      <c r="EF22" s="530"/>
      <c r="EG22" s="530"/>
      <c r="EH22" s="530"/>
      <c r="EI22" s="530"/>
      <c r="EJ22" s="530"/>
      <c r="EK22" s="530"/>
      <c r="EL22" s="530"/>
      <c r="EM22" s="530"/>
      <c r="EN22" s="530"/>
      <c r="EO22" s="530"/>
      <c r="EP22" s="530"/>
      <c r="EQ22" s="530"/>
      <c r="ER22" s="530"/>
      <c r="ES22" s="530"/>
      <c r="ET22" s="530"/>
      <c r="EU22" s="530"/>
      <c r="EV22" s="530"/>
      <c r="EW22" s="530"/>
      <c r="EX22" s="530"/>
      <c r="EY22" s="530"/>
      <c r="EZ22" s="530"/>
      <c r="FA22" s="530"/>
      <c r="FB22" s="530"/>
      <c r="FC22" s="530"/>
      <c r="FD22" s="530"/>
      <c r="FE22" s="530"/>
      <c r="FF22" s="530"/>
      <c r="FG22" s="530"/>
      <c r="FH22" s="530"/>
      <c r="FI22" s="530"/>
      <c r="FJ22" s="530"/>
      <c r="FK22" s="530"/>
      <c r="FL22" s="530"/>
      <c r="FM22" s="530"/>
      <c r="FN22" s="530"/>
      <c r="FO22" s="530"/>
      <c r="FP22" s="530"/>
      <c r="FQ22" s="530"/>
      <c r="FR22" s="530"/>
      <c r="FS22" s="530"/>
      <c r="FT22" s="530"/>
      <c r="FU22" s="530"/>
      <c r="FV22" s="530"/>
      <c r="FW22" s="530"/>
      <c r="FX22" s="530"/>
      <c r="FY22" s="530"/>
      <c r="FZ22" s="530"/>
      <c r="GA22" s="530"/>
      <c r="GB22" s="530"/>
      <c r="GC22" s="530"/>
      <c r="GD22" s="530"/>
      <c r="GE22" s="530"/>
      <c r="GF22" s="530"/>
      <c r="GG22" s="530"/>
      <c r="GH22" s="530"/>
      <c r="GI22" s="530"/>
      <c r="GJ22" s="530"/>
      <c r="GK22" s="530"/>
      <c r="GL22" s="530"/>
      <c r="GM22" s="530"/>
      <c r="GN22" s="530"/>
      <c r="GO22" s="530"/>
      <c r="GP22" s="530"/>
      <c r="GQ22" s="530"/>
      <c r="GR22" s="530"/>
      <c r="GS22" s="530"/>
      <c r="GT22" s="530"/>
      <c r="GU22" s="530"/>
      <c r="GV22" s="530"/>
      <c r="GW22" s="530"/>
      <c r="GX22" s="530"/>
      <c r="GY22" s="530"/>
      <c r="GZ22" s="530"/>
      <c r="HA22" s="530"/>
      <c r="HB22" s="530"/>
      <c r="HC22" s="530"/>
      <c r="HD22" s="530"/>
      <c r="HE22" s="530"/>
      <c r="HF22" s="530"/>
      <c r="HG22" s="530"/>
      <c r="HH22" s="530"/>
      <c r="HI22" s="530"/>
      <c r="HJ22" s="530"/>
      <c r="HK22" s="530"/>
      <c r="HL22" s="530"/>
      <c r="HM22" s="530"/>
      <c r="HN22" s="530"/>
      <c r="HO22" s="530"/>
      <c r="HP22" s="530"/>
      <c r="HQ22" s="530"/>
      <c r="HR22" s="530"/>
      <c r="HS22" s="530"/>
      <c r="HT22" s="530"/>
      <c r="HU22" s="530"/>
      <c r="HV22" s="530"/>
      <c r="HW22" s="530"/>
      <c r="HX22" s="530"/>
      <c r="HY22" s="530"/>
      <c r="HZ22" s="530"/>
      <c r="IA22" s="530"/>
      <c r="IB22" s="530"/>
      <c r="IC22" s="530"/>
      <c r="ID22" s="530"/>
      <c r="IE22" s="530"/>
      <c r="IF22" s="530"/>
      <c r="IG22" s="530"/>
      <c r="IH22" s="530"/>
      <c r="II22" s="530"/>
      <c r="IJ22" s="530"/>
      <c r="IK22" s="530"/>
      <c r="IL22" s="530"/>
      <c r="IM22" s="530"/>
      <c r="IN22" s="530"/>
      <c r="IO22" s="530"/>
      <c r="IP22" s="530"/>
      <c r="IQ22" s="530"/>
      <c r="IR22" s="530"/>
      <c r="IS22" s="530"/>
      <c r="IT22" s="530"/>
      <c r="IU22" s="530"/>
      <c r="IV22" s="530"/>
      <c r="IW22" s="530"/>
      <c r="IX22" s="530"/>
      <c r="IY22" s="530"/>
    </row>
    <row r="23" spans="1:259" s="546" customFormat="1" ht="69.900000000000006" customHeight="1" thickBot="1" x14ac:dyDescent="0.25">
      <c r="A23" s="1065" t="s">
        <v>16</v>
      </c>
      <c r="B23" s="1066"/>
      <c r="C23" s="1066"/>
      <c r="D23" s="1066"/>
      <c r="E23" s="1066"/>
      <c r="F23" s="1066"/>
      <c r="G23" s="1066"/>
      <c r="H23" s="1066"/>
      <c r="I23" s="1066"/>
      <c r="J23" s="1066"/>
      <c r="K23" s="1066"/>
      <c r="L23" s="1066"/>
      <c r="M23" s="1066"/>
      <c r="N23" s="1066"/>
      <c r="O23" s="1066"/>
      <c r="P23" s="1066"/>
      <c r="Q23" s="1067"/>
      <c r="R23" s="1068"/>
      <c r="S23" s="561"/>
      <c r="T23" s="562" t="s">
        <v>388</v>
      </c>
    </row>
    <row r="24" spans="1:259" s="546" customFormat="1" ht="69.900000000000006" customHeight="1" thickBot="1" x14ac:dyDescent="0.25">
      <c r="A24" s="1069" t="s">
        <v>389</v>
      </c>
      <c r="B24" s="1070"/>
      <c r="C24" s="1070"/>
      <c r="D24" s="1070"/>
      <c r="E24" s="1070"/>
      <c r="F24" s="1070"/>
      <c r="G24" s="1070"/>
      <c r="H24" s="1070"/>
      <c r="I24" s="1070"/>
      <c r="J24" s="1070"/>
      <c r="K24" s="1070"/>
      <c r="L24" s="1070"/>
      <c r="M24" s="1070"/>
      <c r="N24" s="1070"/>
      <c r="O24" s="1070"/>
      <c r="P24" s="1070"/>
      <c r="Q24" s="1071"/>
      <c r="R24" s="1068"/>
      <c r="S24" s="561"/>
      <c r="T24" s="562"/>
    </row>
    <row r="25" spans="1:259" s="570" customFormat="1" ht="345" customHeight="1" thickTop="1" thickBot="1" x14ac:dyDescent="0.25">
      <c r="A25" s="566" t="s">
        <v>390</v>
      </c>
      <c r="B25" s="567"/>
      <c r="C25" s="567"/>
      <c r="D25" s="567"/>
      <c r="E25" s="567"/>
      <c r="F25" s="567"/>
      <c r="G25" s="567"/>
      <c r="H25" s="567"/>
      <c r="I25" s="567"/>
      <c r="J25" s="567"/>
      <c r="K25" s="567"/>
      <c r="L25" s="568"/>
      <c r="M25" s="567"/>
      <c r="N25" s="567"/>
      <c r="O25" s="52" t="s">
        <v>20</v>
      </c>
      <c r="P25" s="53" t="s">
        <v>21</v>
      </c>
      <c r="Q25" s="54" t="s">
        <v>22</v>
      </c>
      <c r="R25" s="1028"/>
      <c r="S25" s="561"/>
      <c r="T25" s="569"/>
      <c r="U25" s="546"/>
    </row>
    <row r="26" spans="1:259" s="570" customFormat="1" ht="242.4" customHeight="1" thickTop="1" thickBot="1" x14ac:dyDescent="0.25">
      <c r="A26" s="571" t="s">
        <v>391</v>
      </c>
      <c r="B26" s="572"/>
      <c r="C26" s="572"/>
      <c r="D26" s="572"/>
      <c r="E26" s="572"/>
      <c r="F26" s="572"/>
      <c r="G26" s="572"/>
      <c r="H26" s="572"/>
      <c r="I26" s="572"/>
      <c r="J26" s="572"/>
      <c r="K26" s="572"/>
      <c r="L26" s="231"/>
      <c r="M26" s="572"/>
      <c r="N26" s="572"/>
      <c r="O26" s="53" t="s">
        <v>24</v>
      </c>
      <c r="P26" s="61" t="s">
        <v>25</v>
      </c>
      <c r="Q26" s="62" t="s">
        <v>22</v>
      </c>
      <c r="R26" s="1028"/>
      <c r="S26" s="561"/>
      <c r="T26" s="569"/>
      <c r="U26" s="546"/>
    </row>
    <row r="27" spans="1:259" s="570" customFormat="1" ht="228.6" customHeight="1" thickTop="1" thickBot="1" x14ac:dyDescent="0.25">
      <c r="A27" s="573" t="s">
        <v>220</v>
      </c>
      <c r="B27" s="183"/>
      <c r="C27" s="183"/>
      <c r="D27" s="183"/>
      <c r="E27" s="183"/>
      <c r="F27" s="183"/>
      <c r="G27" s="183"/>
      <c r="H27" s="183"/>
      <c r="I27" s="183"/>
      <c r="J27" s="183"/>
      <c r="K27" s="183"/>
      <c r="L27" s="184"/>
      <c r="M27" s="183"/>
      <c r="N27" s="1072" t="s">
        <v>27</v>
      </c>
      <c r="O27" s="67" t="s">
        <v>20</v>
      </c>
      <c r="P27" s="68" t="s">
        <v>25</v>
      </c>
      <c r="Q27" s="69" t="s">
        <v>22</v>
      </c>
      <c r="R27" s="1028"/>
      <c r="S27" s="561"/>
      <c r="T27" s="569"/>
      <c r="U27" s="546"/>
    </row>
    <row r="28" spans="1:259" s="546" customFormat="1" ht="69.900000000000006" customHeight="1" thickTop="1" x14ac:dyDescent="0.2">
      <c r="A28" s="70" t="s">
        <v>28</v>
      </c>
      <c r="B28" s="72"/>
      <c r="C28" s="72"/>
      <c r="D28" s="72"/>
      <c r="E28" s="72"/>
      <c r="F28" s="72"/>
      <c r="G28" s="72"/>
      <c r="H28" s="72"/>
      <c r="I28" s="72"/>
      <c r="J28" s="72"/>
      <c r="K28" s="72"/>
      <c r="L28" s="72"/>
      <c r="M28" s="72"/>
      <c r="N28" s="72"/>
      <c r="O28" s="72"/>
      <c r="P28" s="72"/>
      <c r="Q28" s="202"/>
      <c r="R28" s="1068"/>
      <c r="S28" s="561"/>
      <c r="T28" s="199"/>
    </row>
    <row r="29" spans="1:259" s="570" customFormat="1" ht="75" customHeight="1" x14ac:dyDescent="0.2">
      <c r="A29" s="575"/>
      <c r="B29" s="576"/>
      <c r="C29" s="576"/>
      <c r="D29" s="576"/>
      <c r="E29" s="576"/>
      <c r="F29" s="576"/>
      <c r="G29" s="576"/>
      <c r="H29" s="576"/>
      <c r="I29" s="576"/>
      <c r="J29" s="576"/>
      <c r="K29" s="576"/>
      <c r="L29" s="577"/>
      <c r="M29" s="576"/>
      <c r="N29" s="576"/>
      <c r="O29" s="576"/>
      <c r="P29" s="576"/>
      <c r="Q29" s="578"/>
      <c r="R29" s="1028"/>
      <c r="S29" s="561"/>
      <c r="T29" s="579"/>
      <c r="U29" s="546"/>
    </row>
    <row r="30" spans="1:259" s="570" customFormat="1" ht="75" customHeight="1" thickBot="1" x14ac:dyDescent="0.25">
      <c r="A30" s="606"/>
      <c r="B30" s="607"/>
      <c r="C30" s="607"/>
      <c r="D30" s="607"/>
      <c r="E30" s="607"/>
      <c r="F30" s="607"/>
      <c r="G30" s="607"/>
      <c r="H30" s="607"/>
      <c r="I30" s="607"/>
      <c r="J30" s="607"/>
      <c r="K30" s="607"/>
      <c r="L30" s="608"/>
      <c r="M30" s="607"/>
      <c r="N30" s="607"/>
      <c r="O30" s="607"/>
      <c r="P30" s="607"/>
      <c r="Q30" s="609"/>
      <c r="R30" s="1028"/>
      <c r="S30" s="561"/>
      <c r="T30" s="579"/>
      <c r="U30" s="546"/>
    </row>
    <row r="31" spans="1:259" s="546" customFormat="1" ht="69.900000000000006" customHeight="1" thickBot="1" x14ac:dyDescent="0.25">
      <c r="A31" s="584" t="s">
        <v>29</v>
      </c>
      <c r="B31" s="585"/>
      <c r="C31" s="585"/>
      <c r="D31" s="585"/>
      <c r="E31" s="585"/>
      <c r="F31" s="585"/>
      <c r="G31" s="585"/>
      <c r="H31" s="585"/>
      <c r="I31" s="585"/>
      <c r="J31" s="585"/>
      <c r="K31" s="585"/>
      <c r="L31" s="586"/>
      <c r="M31" s="585"/>
      <c r="N31" s="585"/>
      <c r="O31" s="585"/>
      <c r="P31" s="585"/>
      <c r="Q31" s="587"/>
      <c r="R31" s="1068"/>
      <c r="S31" s="561"/>
      <c r="T31" s="561"/>
    </row>
    <row r="32" spans="1:259" s="570" customFormat="1" ht="321.75" customHeight="1" thickTop="1" thickBot="1" x14ac:dyDescent="0.25">
      <c r="A32" s="588" t="s">
        <v>223</v>
      </c>
      <c r="B32" s="442"/>
      <c r="C32" s="442"/>
      <c r="D32" s="442"/>
      <c r="E32" s="442"/>
      <c r="F32" s="442"/>
      <c r="G32" s="442"/>
      <c r="H32" s="442"/>
      <c r="I32" s="442"/>
      <c r="J32" s="442"/>
      <c r="K32" s="442"/>
      <c r="L32" s="443"/>
      <c r="M32" s="442"/>
      <c r="N32" s="442"/>
      <c r="O32" s="52" t="s">
        <v>20</v>
      </c>
      <c r="P32" s="53" t="s">
        <v>21</v>
      </c>
      <c r="Q32" s="54" t="s">
        <v>22</v>
      </c>
      <c r="R32" s="1028"/>
      <c r="S32" s="561"/>
      <c r="T32" s="569"/>
      <c r="U32" s="546"/>
    </row>
    <row r="33" spans="1:57" s="570" customFormat="1" ht="140.1" customHeight="1" thickTop="1" thickBot="1" x14ac:dyDescent="0.25">
      <c r="A33" s="571" t="s">
        <v>392</v>
      </c>
      <c r="B33" s="572"/>
      <c r="C33" s="572"/>
      <c r="D33" s="572"/>
      <c r="E33" s="572"/>
      <c r="F33" s="572"/>
      <c r="G33" s="572"/>
      <c r="H33" s="572"/>
      <c r="I33" s="572"/>
      <c r="J33" s="572"/>
      <c r="K33" s="572"/>
      <c r="L33" s="710"/>
      <c r="M33" s="572"/>
      <c r="N33" s="572"/>
      <c r="O33" s="53" t="s">
        <v>24</v>
      </c>
      <c r="P33" s="61" t="s">
        <v>25</v>
      </c>
      <c r="Q33" s="62" t="s">
        <v>22</v>
      </c>
      <c r="R33" s="1028"/>
      <c r="S33" s="561"/>
      <c r="T33" s="569"/>
      <c r="U33" s="546"/>
    </row>
    <row r="34" spans="1:57" s="570" customFormat="1" ht="132" customHeight="1" thickTop="1" thickBot="1" x14ac:dyDescent="0.25">
      <c r="A34" s="613" t="s">
        <v>32</v>
      </c>
      <c r="B34" s="614"/>
      <c r="C34" s="614"/>
      <c r="D34" s="614"/>
      <c r="E34" s="614"/>
      <c r="F34" s="614"/>
      <c r="G34" s="614"/>
      <c r="H34" s="614"/>
      <c r="I34" s="614"/>
      <c r="J34" s="614"/>
      <c r="K34" s="614"/>
      <c r="L34" s="1073"/>
      <c r="M34" s="614"/>
      <c r="N34" s="614"/>
      <c r="O34" s="67" t="s">
        <v>20</v>
      </c>
      <c r="P34" s="68" t="s">
        <v>25</v>
      </c>
      <c r="Q34" s="69" t="s">
        <v>22</v>
      </c>
      <c r="R34" s="1028"/>
      <c r="S34" s="561"/>
      <c r="T34" s="569"/>
      <c r="U34" s="546"/>
    </row>
    <row r="35" spans="1:57" s="546" customFormat="1" ht="69.900000000000006" customHeight="1" thickTop="1" x14ac:dyDescent="0.2">
      <c r="A35" s="70" t="s">
        <v>28</v>
      </c>
      <c r="B35" s="72"/>
      <c r="C35" s="72"/>
      <c r="D35" s="72"/>
      <c r="E35" s="72"/>
      <c r="F35" s="72"/>
      <c r="G35" s="72"/>
      <c r="H35" s="72"/>
      <c r="I35" s="72"/>
      <c r="J35" s="72"/>
      <c r="K35" s="72"/>
      <c r="L35" s="72"/>
      <c r="M35" s="72"/>
      <c r="N35" s="72"/>
      <c r="O35" s="72"/>
      <c r="P35" s="72"/>
      <c r="Q35" s="202"/>
      <c r="R35" s="1068"/>
      <c r="S35" s="561"/>
      <c r="T35" s="199"/>
    </row>
    <row r="36" spans="1:57" s="570" customFormat="1" ht="75" customHeight="1" x14ac:dyDescent="0.2">
      <c r="A36" s="575"/>
      <c r="B36" s="576"/>
      <c r="C36" s="576"/>
      <c r="D36" s="576"/>
      <c r="E36" s="576"/>
      <c r="F36" s="576"/>
      <c r="G36" s="576"/>
      <c r="H36" s="576"/>
      <c r="I36" s="576"/>
      <c r="J36" s="576"/>
      <c r="K36" s="576"/>
      <c r="L36" s="577"/>
      <c r="M36" s="576"/>
      <c r="N36" s="576"/>
      <c r="O36" s="576"/>
      <c r="P36" s="576"/>
      <c r="Q36" s="578"/>
      <c r="R36" s="1028"/>
      <c r="S36" s="561"/>
      <c r="T36" s="579"/>
      <c r="U36" s="546"/>
    </row>
    <row r="37" spans="1:57" s="570" customFormat="1" ht="75" customHeight="1" thickBot="1" x14ac:dyDescent="0.25">
      <c r="A37" s="606"/>
      <c r="B37" s="607"/>
      <c r="C37" s="607"/>
      <c r="D37" s="607"/>
      <c r="E37" s="607"/>
      <c r="F37" s="607"/>
      <c r="G37" s="607"/>
      <c r="H37" s="607"/>
      <c r="I37" s="607"/>
      <c r="J37" s="607"/>
      <c r="K37" s="607"/>
      <c r="L37" s="608"/>
      <c r="M37" s="607"/>
      <c r="N37" s="607"/>
      <c r="O37" s="607"/>
      <c r="P37" s="607"/>
      <c r="Q37" s="609"/>
      <c r="R37" s="1028"/>
      <c r="S37" s="561"/>
      <c r="T37" s="579"/>
      <c r="U37" s="546"/>
    </row>
    <row r="38" spans="1:57" s="546" customFormat="1" ht="69.900000000000006" customHeight="1" thickBot="1" x14ac:dyDescent="0.25">
      <c r="A38" s="584" t="s">
        <v>34</v>
      </c>
      <c r="B38" s="585"/>
      <c r="C38" s="585"/>
      <c r="D38" s="585"/>
      <c r="E38" s="585"/>
      <c r="F38" s="585"/>
      <c r="G38" s="585"/>
      <c r="H38" s="585"/>
      <c r="I38" s="585"/>
      <c r="J38" s="585"/>
      <c r="K38" s="585"/>
      <c r="L38" s="586"/>
      <c r="M38" s="585"/>
      <c r="N38" s="585"/>
      <c r="O38" s="585"/>
      <c r="P38" s="585"/>
      <c r="Q38" s="587"/>
      <c r="R38" s="1028"/>
      <c r="S38" s="561"/>
      <c r="T38" s="595"/>
      <c r="U38" s="596"/>
      <c r="V38" s="596"/>
      <c r="W38" s="596"/>
      <c r="X38" s="596"/>
      <c r="Y38" s="596"/>
      <c r="Z38" s="596"/>
      <c r="AA38" s="596"/>
      <c r="AB38" s="596"/>
      <c r="AC38" s="596"/>
      <c r="AD38" s="596"/>
      <c r="AE38" s="596"/>
      <c r="AF38" s="596"/>
      <c r="AG38" s="596"/>
      <c r="AH38" s="596"/>
      <c r="AI38" s="596"/>
      <c r="AJ38" s="596"/>
      <c r="AK38" s="596"/>
      <c r="AL38" s="596"/>
      <c r="AM38" s="596"/>
      <c r="AN38" s="596"/>
      <c r="AO38" s="596"/>
      <c r="AP38" s="596"/>
      <c r="AQ38" s="596"/>
      <c r="AR38" s="596"/>
      <c r="AS38" s="596"/>
      <c r="AT38" s="596"/>
      <c r="AU38" s="596"/>
      <c r="AV38" s="596"/>
      <c r="AW38" s="596"/>
      <c r="AX38" s="596"/>
      <c r="AY38" s="596"/>
      <c r="AZ38" s="596"/>
      <c r="BA38" s="596"/>
      <c r="BB38" s="596"/>
      <c r="BC38" s="596"/>
      <c r="BD38" s="596"/>
      <c r="BE38" s="596"/>
    </row>
    <row r="39" spans="1:57" s="570" customFormat="1" ht="409.6" customHeight="1" thickTop="1" thickBot="1" x14ac:dyDescent="0.25">
      <c r="A39" s="99" t="s">
        <v>35</v>
      </c>
      <c r="B39" s="100"/>
      <c r="C39" s="100"/>
      <c r="D39" s="100"/>
      <c r="E39" s="100"/>
      <c r="F39" s="100"/>
      <c r="G39" s="100"/>
      <c r="H39" s="100"/>
      <c r="I39" s="100"/>
      <c r="J39" s="100"/>
      <c r="K39" s="100"/>
      <c r="L39" s="101"/>
      <c r="M39" s="100"/>
      <c r="N39" s="100"/>
      <c r="O39" s="247" t="s">
        <v>20</v>
      </c>
      <c r="P39" s="247" t="s">
        <v>21</v>
      </c>
      <c r="Q39" s="248" t="s">
        <v>22</v>
      </c>
      <c r="R39" s="1028"/>
      <c r="S39" s="561"/>
      <c r="T39" s="599"/>
      <c r="U39" s="596"/>
      <c r="V39" s="600"/>
      <c r="W39" s="600"/>
      <c r="X39" s="600"/>
      <c r="Y39" s="600"/>
      <c r="Z39" s="600"/>
      <c r="AA39" s="600"/>
      <c r="AB39" s="600"/>
      <c r="AC39" s="600"/>
      <c r="AD39" s="600"/>
      <c r="AE39" s="600"/>
      <c r="AF39" s="600"/>
      <c r="AG39" s="600"/>
      <c r="AH39" s="600"/>
      <c r="AI39" s="600"/>
      <c r="AJ39" s="600"/>
      <c r="AK39" s="600"/>
      <c r="AL39" s="600"/>
      <c r="AM39" s="600"/>
      <c r="AN39" s="600"/>
      <c r="AO39" s="600"/>
      <c r="AP39" s="600"/>
      <c r="AQ39" s="600"/>
      <c r="AR39" s="600"/>
      <c r="AS39" s="600"/>
      <c r="AT39" s="600"/>
      <c r="AU39" s="600"/>
      <c r="AV39" s="600"/>
      <c r="AW39" s="600"/>
      <c r="AX39" s="600"/>
      <c r="AY39" s="600"/>
      <c r="AZ39" s="600"/>
      <c r="BA39" s="600"/>
      <c r="BB39" s="600"/>
      <c r="BC39" s="600"/>
      <c r="BD39" s="600"/>
      <c r="BE39" s="600"/>
    </row>
    <row r="40" spans="1:57" s="570" customFormat="1" ht="322.5" customHeight="1" thickTop="1" thickBot="1" x14ac:dyDescent="0.25">
      <c r="A40" s="107"/>
      <c r="B40" s="108"/>
      <c r="C40" s="108"/>
      <c r="D40" s="108"/>
      <c r="E40" s="108"/>
      <c r="F40" s="108"/>
      <c r="G40" s="108"/>
      <c r="H40" s="108"/>
      <c r="I40" s="108"/>
      <c r="J40" s="108"/>
      <c r="K40" s="108"/>
      <c r="L40" s="101"/>
      <c r="M40" s="108"/>
      <c r="N40" s="108"/>
      <c r="O40" s="1074"/>
      <c r="P40" s="1074"/>
      <c r="Q40" s="1075"/>
      <c r="R40" s="1028"/>
      <c r="S40" s="561"/>
      <c r="T40" s="602"/>
      <c r="U40" s="596"/>
      <c r="V40" s="600"/>
      <c r="W40" s="600"/>
      <c r="X40" s="600"/>
      <c r="Y40" s="600"/>
      <c r="Z40" s="600"/>
      <c r="AA40" s="600"/>
      <c r="AB40" s="600"/>
      <c r="AC40" s="600"/>
      <c r="AD40" s="600"/>
      <c r="AE40" s="600"/>
      <c r="AF40" s="600"/>
      <c r="AG40" s="600"/>
      <c r="AH40" s="600"/>
      <c r="AI40" s="600"/>
      <c r="AJ40" s="600"/>
      <c r="AK40" s="600"/>
      <c r="AL40" s="600"/>
      <c r="AM40" s="600"/>
      <c r="AN40" s="600"/>
      <c r="AO40" s="600"/>
      <c r="AP40" s="600"/>
      <c r="AQ40" s="600"/>
      <c r="AR40" s="600"/>
      <c r="AS40" s="600"/>
      <c r="AT40" s="600"/>
      <c r="AU40" s="600"/>
      <c r="AV40" s="600"/>
      <c r="AW40" s="600"/>
      <c r="AX40" s="600"/>
      <c r="AY40" s="600"/>
      <c r="AZ40" s="600"/>
      <c r="BA40" s="600"/>
      <c r="BB40" s="600"/>
      <c r="BC40" s="600"/>
      <c r="BD40" s="600"/>
      <c r="BE40" s="600"/>
    </row>
    <row r="41" spans="1:57" s="570" customFormat="1" ht="140.1" customHeight="1" thickTop="1" thickBot="1" x14ac:dyDescent="0.25">
      <c r="A41" s="603" t="s">
        <v>36</v>
      </c>
      <c r="B41" s="572"/>
      <c r="C41" s="572"/>
      <c r="D41" s="572"/>
      <c r="E41" s="572"/>
      <c r="F41" s="572"/>
      <c r="G41" s="572"/>
      <c r="H41" s="572"/>
      <c r="I41" s="572"/>
      <c r="J41" s="572"/>
      <c r="K41" s="572"/>
      <c r="L41" s="231"/>
      <c r="M41" s="572"/>
      <c r="N41" s="572"/>
      <c r="O41" s="53" t="s">
        <v>24</v>
      </c>
      <c r="P41" s="61" t="s">
        <v>25</v>
      </c>
      <c r="Q41" s="62" t="s">
        <v>22</v>
      </c>
      <c r="R41" s="1028"/>
      <c r="S41" s="561"/>
      <c r="T41" s="569"/>
      <c r="U41" s="596"/>
      <c r="V41" s="600"/>
      <c r="W41" s="600"/>
      <c r="X41" s="600"/>
      <c r="Y41" s="600"/>
      <c r="Z41" s="600"/>
      <c r="AA41" s="600"/>
      <c r="AB41" s="600"/>
      <c r="AC41" s="600"/>
      <c r="AD41" s="600"/>
      <c r="AE41" s="600"/>
      <c r="AF41" s="600"/>
      <c r="AG41" s="600"/>
      <c r="AH41" s="600"/>
      <c r="AI41" s="600"/>
      <c r="AJ41" s="600"/>
      <c r="AK41" s="600"/>
      <c r="AL41" s="600"/>
      <c r="AM41" s="600"/>
      <c r="AN41" s="600"/>
      <c r="AO41" s="600"/>
      <c r="AP41" s="600"/>
      <c r="AQ41" s="600"/>
      <c r="AR41" s="600"/>
      <c r="AS41" s="600"/>
      <c r="AT41" s="600"/>
      <c r="AU41" s="600"/>
      <c r="AV41" s="600"/>
      <c r="AW41" s="600"/>
      <c r="AX41" s="600"/>
      <c r="AY41" s="600"/>
      <c r="AZ41" s="600"/>
      <c r="BA41" s="600"/>
      <c r="BB41" s="600"/>
      <c r="BC41" s="600"/>
      <c r="BD41" s="600"/>
      <c r="BE41" s="600"/>
    </row>
    <row r="42" spans="1:57" s="570" customFormat="1" ht="140.1" customHeight="1" thickTop="1" thickBot="1" x14ac:dyDescent="0.25">
      <c r="A42" s="604" t="s">
        <v>393</v>
      </c>
      <c r="B42" s="605"/>
      <c r="C42" s="605"/>
      <c r="D42" s="605"/>
      <c r="E42" s="605"/>
      <c r="F42" s="605"/>
      <c r="G42" s="605"/>
      <c r="H42" s="605"/>
      <c r="I42" s="605"/>
      <c r="J42" s="605"/>
      <c r="K42" s="605"/>
      <c r="L42" s="184"/>
      <c r="M42" s="605"/>
      <c r="N42" s="605"/>
      <c r="O42" s="67" t="s">
        <v>20</v>
      </c>
      <c r="P42" s="68" t="s">
        <v>25</v>
      </c>
      <c r="Q42" s="69" t="s">
        <v>22</v>
      </c>
      <c r="R42" s="1028"/>
      <c r="S42" s="561"/>
      <c r="T42" s="569"/>
      <c r="U42" s="596"/>
      <c r="V42" s="600"/>
      <c r="W42" s="600"/>
      <c r="X42" s="600"/>
      <c r="Y42" s="600"/>
      <c r="Z42" s="600"/>
      <c r="AA42" s="600"/>
      <c r="AB42" s="600"/>
      <c r="AC42" s="600"/>
      <c r="AD42" s="600"/>
      <c r="AE42" s="600"/>
      <c r="AF42" s="600"/>
      <c r="AG42" s="600"/>
      <c r="AH42" s="600"/>
      <c r="AI42" s="600"/>
      <c r="AJ42" s="600"/>
      <c r="AK42" s="600"/>
      <c r="AL42" s="600"/>
      <c r="AM42" s="600"/>
      <c r="AN42" s="600"/>
      <c r="AO42" s="600"/>
      <c r="AP42" s="600"/>
      <c r="AQ42" s="600"/>
      <c r="AR42" s="600"/>
      <c r="AS42" s="600"/>
      <c r="AT42" s="600"/>
      <c r="AU42" s="600"/>
      <c r="AV42" s="600"/>
      <c r="AW42" s="600"/>
      <c r="AX42" s="600"/>
      <c r="AY42" s="600"/>
      <c r="AZ42" s="600"/>
      <c r="BA42" s="600"/>
      <c r="BB42" s="600"/>
      <c r="BC42" s="600"/>
      <c r="BD42" s="600"/>
      <c r="BE42" s="600"/>
    </row>
    <row r="43" spans="1:57" s="546" customFormat="1" ht="69.900000000000006" customHeight="1" thickTop="1" x14ac:dyDescent="0.2">
      <c r="A43" s="70" t="s">
        <v>28</v>
      </c>
      <c r="B43" s="72"/>
      <c r="C43" s="72"/>
      <c r="D43" s="72"/>
      <c r="E43" s="72"/>
      <c r="F43" s="72"/>
      <c r="G43" s="72"/>
      <c r="H43" s="72"/>
      <c r="I43" s="72"/>
      <c r="J43" s="72"/>
      <c r="K43" s="72"/>
      <c r="L43" s="72"/>
      <c r="M43" s="72"/>
      <c r="N43" s="72"/>
      <c r="O43" s="72"/>
      <c r="P43" s="72"/>
      <c r="Q43" s="202"/>
      <c r="R43" s="1068"/>
      <c r="S43" s="561"/>
      <c r="T43" s="199"/>
    </row>
    <row r="44" spans="1:57" s="570" customFormat="1" ht="75" customHeight="1" x14ac:dyDescent="0.2">
      <c r="A44" s="575"/>
      <c r="B44" s="576"/>
      <c r="C44" s="576"/>
      <c r="D44" s="576"/>
      <c r="E44" s="576"/>
      <c r="F44" s="576"/>
      <c r="G44" s="576"/>
      <c r="H44" s="576"/>
      <c r="I44" s="576"/>
      <c r="J44" s="576"/>
      <c r="K44" s="576"/>
      <c r="L44" s="577"/>
      <c r="M44" s="576"/>
      <c r="N44" s="576"/>
      <c r="O44" s="576"/>
      <c r="P44" s="576"/>
      <c r="Q44" s="578"/>
      <c r="R44" s="1028"/>
      <c r="S44" s="561"/>
      <c r="T44" s="579"/>
      <c r="U44" s="546"/>
    </row>
    <row r="45" spans="1:57" s="570" customFormat="1" ht="75" customHeight="1" thickBot="1" x14ac:dyDescent="0.25">
      <c r="A45" s="606"/>
      <c r="B45" s="607"/>
      <c r="C45" s="607"/>
      <c r="D45" s="607"/>
      <c r="E45" s="607"/>
      <c r="F45" s="607"/>
      <c r="G45" s="607"/>
      <c r="H45" s="607"/>
      <c r="I45" s="607"/>
      <c r="J45" s="607"/>
      <c r="K45" s="607"/>
      <c r="L45" s="608"/>
      <c r="M45" s="607"/>
      <c r="N45" s="607"/>
      <c r="O45" s="607"/>
      <c r="P45" s="607"/>
      <c r="Q45" s="609"/>
      <c r="R45" s="1028"/>
      <c r="S45" s="561"/>
      <c r="T45" s="579"/>
      <c r="U45" s="546"/>
    </row>
    <row r="46" spans="1:57" s="546" customFormat="1" ht="69.900000000000006" customHeight="1" thickBot="1" x14ac:dyDescent="0.25">
      <c r="A46" s="584" t="s">
        <v>38</v>
      </c>
      <c r="B46" s="585"/>
      <c r="C46" s="585"/>
      <c r="D46" s="585"/>
      <c r="E46" s="585"/>
      <c r="F46" s="585"/>
      <c r="G46" s="585"/>
      <c r="H46" s="585"/>
      <c r="I46" s="585"/>
      <c r="J46" s="585"/>
      <c r="K46" s="585"/>
      <c r="L46" s="586"/>
      <c r="M46" s="585"/>
      <c r="N46" s="585"/>
      <c r="O46" s="585"/>
      <c r="P46" s="585"/>
      <c r="Q46" s="587"/>
      <c r="R46" s="1028"/>
      <c r="S46" s="561"/>
      <c r="T46" s="1063" t="s">
        <v>394</v>
      </c>
      <c r="U46" s="596"/>
      <c r="V46" s="596"/>
      <c r="W46" s="596"/>
      <c r="X46" s="596"/>
      <c r="Y46" s="596"/>
      <c r="Z46" s="596"/>
      <c r="AA46" s="596"/>
      <c r="AB46" s="596"/>
      <c r="AC46" s="596"/>
      <c r="AD46" s="596"/>
      <c r="AE46" s="596"/>
      <c r="AF46" s="596"/>
      <c r="AG46" s="596"/>
      <c r="AH46" s="596"/>
      <c r="AI46" s="596"/>
      <c r="AJ46" s="596"/>
      <c r="AK46" s="596"/>
      <c r="AL46" s="596"/>
      <c r="AM46" s="596"/>
      <c r="AN46" s="596"/>
      <c r="AO46" s="596"/>
      <c r="AP46" s="596"/>
      <c r="AQ46" s="596"/>
      <c r="AR46" s="596"/>
      <c r="AS46" s="596"/>
      <c r="AT46" s="596"/>
      <c r="AU46" s="596"/>
      <c r="AV46" s="596"/>
      <c r="AW46" s="596"/>
      <c r="AX46" s="596"/>
      <c r="AY46" s="596"/>
      <c r="AZ46" s="596"/>
      <c r="BA46" s="596"/>
      <c r="BB46" s="596"/>
      <c r="BC46" s="596"/>
      <c r="BD46" s="596"/>
      <c r="BE46" s="596"/>
    </row>
    <row r="47" spans="1:57" s="570" customFormat="1" ht="69.900000000000006" customHeight="1" thickBot="1" x14ac:dyDescent="0.25">
      <c r="A47" s="610" t="s">
        <v>40</v>
      </c>
      <c r="B47" s="611"/>
      <c r="C47" s="611"/>
      <c r="D47" s="611"/>
      <c r="E47" s="611"/>
      <c r="F47" s="611"/>
      <c r="G47" s="611"/>
      <c r="H47" s="611"/>
      <c r="I47" s="611"/>
      <c r="J47" s="611"/>
      <c r="K47" s="611"/>
      <c r="L47" s="568"/>
      <c r="M47" s="611"/>
      <c r="N47" s="611"/>
      <c r="O47" s="611"/>
      <c r="P47" s="611"/>
      <c r="Q47" s="612"/>
      <c r="R47" s="1028"/>
      <c r="S47" s="561"/>
      <c r="T47" s="595"/>
      <c r="U47" s="596"/>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row>
    <row r="48" spans="1:57" s="570" customFormat="1" ht="409.5" customHeight="1" thickTop="1" x14ac:dyDescent="0.2">
      <c r="A48" s="604" t="s">
        <v>395</v>
      </c>
      <c r="B48" s="605"/>
      <c r="C48" s="605"/>
      <c r="D48" s="605"/>
      <c r="E48" s="605"/>
      <c r="F48" s="605"/>
      <c r="G48" s="605"/>
      <c r="H48" s="605"/>
      <c r="I48" s="605"/>
      <c r="J48" s="605"/>
      <c r="K48" s="605"/>
      <c r="L48" s="184"/>
      <c r="M48" s="605"/>
      <c r="N48" s="605"/>
      <c r="O48" s="116" t="s">
        <v>20</v>
      </c>
      <c r="P48" s="117" t="s">
        <v>21</v>
      </c>
      <c r="Q48" s="1076" t="s">
        <v>22</v>
      </c>
      <c r="R48" s="1028"/>
      <c r="S48" s="561"/>
      <c r="T48" s="599"/>
      <c r="U48" s="596"/>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row>
    <row r="49" spans="1:57" s="570" customFormat="1" ht="140.1" customHeight="1" thickBot="1" x14ac:dyDescent="0.25">
      <c r="A49" s="603" t="s">
        <v>42</v>
      </c>
      <c r="B49" s="572"/>
      <c r="C49" s="572"/>
      <c r="D49" s="572"/>
      <c r="E49" s="572"/>
      <c r="F49" s="572"/>
      <c r="G49" s="572"/>
      <c r="H49" s="572"/>
      <c r="I49" s="572"/>
      <c r="J49" s="572"/>
      <c r="K49" s="572"/>
      <c r="L49" s="231"/>
      <c r="M49" s="572"/>
      <c r="N49" s="572"/>
      <c r="O49" s="109"/>
      <c r="P49" s="120"/>
      <c r="Q49" s="601"/>
      <c r="R49" s="1028"/>
      <c r="S49" s="561"/>
      <c r="T49" s="619"/>
      <c r="U49" s="596"/>
      <c r="V49" s="600"/>
      <c r="W49" s="600"/>
      <c r="X49" s="600"/>
      <c r="Y49" s="600"/>
      <c r="Z49" s="600"/>
      <c r="AA49" s="600"/>
      <c r="AB49" s="600"/>
      <c r="AC49" s="600"/>
      <c r="AD49" s="600"/>
      <c r="AE49" s="600"/>
      <c r="AF49" s="600"/>
      <c r="AG49" s="600"/>
      <c r="AH49" s="600"/>
      <c r="AI49" s="600"/>
      <c r="AJ49" s="600"/>
      <c r="AK49" s="600"/>
      <c r="AL49" s="600"/>
      <c r="AM49" s="600"/>
      <c r="AN49" s="600"/>
      <c r="AO49" s="600"/>
      <c r="AP49" s="600"/>
      <c r="AQ49" s="600"/>
      <c r="AR49" s="600"/>
      <c r="AS49" s="600"/>
      <c r="AT49" s="600"/>
      <c r="AU49" s="600"/>
      <c r="AV49" s="600"/>
      <c r="AW49" s="600"/>
      <c r="AX49" s="600"/>
      <c r="AY49" s="600"/>
      <c r="AZ49" s="600"/>
      <c r="BA49" s="600"/>
      <c r="BB49" s="600"/>
      <c r="BC49" s="600"/>
      <c r="BD49" s="600"/>
      <c r="BE49" s="600"/>
    </row>
    <row r="50" spans="1:57" s="570" customFormat="1" ht="216" customHeight="1" thickTop="1" thickBot="1" x14ac:dyDescent="0.25">
      <c r="A50" s="603" t="s">
        <v>396</v>
      </c>
      <c r="B50" s="572"/>
      <c r="C50" s="572"/>
      <c r="D50" s="572"/>
      <c r="E50" s="572"/>
      <c r="F50" s="572"/>
      <c r="G50" s="572"/>
      <c r="H50" s="572"/>
      <c r="I50" s="572"/>
      <c r="J50" s="572"/>
      <c r="K50" s="572"/>
      <c r="L50" s="231"/>
      <c r="M50" s="572"/>
      <c r="N50" s="620" t="s">
        <v>27</v>
      </c>
      <c r="O50" s="52" t="s">
        <v>20</v>
      </c>
      <c r="P50" s="53" t="s">
        <v>21</v>
      </c>
      <c r="Q50" s="54" t="s">
        <v>22</v>
      </c>
      <c r="R50" s="1028"/>
      <c r="S50" s="561"/>
      <c r="T50" s="569"/>
      <c r="U50" s="596"/>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row>
    <row r="51" spans="1:57" s="570" customFormat="1" ht="140.1" customHeight="1" thickTop="1" thickBot="1" x14ac:dyDescent="0.25">
      <c r="A51" s="603" t="s">
        <v>397</v>
      </c>
      <c r="B51" s="572"/>
      <c r="C51" s="572"/>
      <c r="D51" s="572"/>
      <c r="E51" s="572"/>
      <c r="F51" s="572"/>
      <c r="G51" s="572"/>
      <c r="H51" s="572"/>
      <c r="I51" s="572"/>
      <c r="J51" s="572"/>
      <c r="K51" s="572"/>
      <c r="L51" s="231"/>
      <c r="M51" s="572"/>
      <c r="N51" s="620" t="s">
        <v>27</v>
      </c>
      <c r="O51" s="52" t="s">
        <v>20</v>
      </c>
      <c r="P51" s="53" t="s">
        <v>21</v>
      </c>
      <c r="Q51" s="54" t="s">
        <v>22</v>
      </c>
      <c r="R51" s="1028"/>
      <c r="S51" s="561"/>
      <c r="T51" s="569"/>
      <c r="U51" s="596"/>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row>
    <row r="52" spans="1:57" s="570" customFormat="1" ht="265.5" customHeight="1" thickTop="1" thickBot="1" x14ac:dyDescent="0.25">
      <c r="A52" s="119" t="s">
        <v>398</v>
      </c>
      <c r="B52" s="92"/>
      <c r="C52" s="92"/>
      <c r="D52" s="92"/>
      <c r="E52" s="92"/>
      <c r="F52" s="92"/>
      <c r="G52" s="92"/>
      <c r="H52" s="92"/>
      <c r="I52" s="92"/>
      <c r="J52" s="92"/>
      <c r="K52" s="92"/>
      <c r="L52" s="93"/>
      <c r="M52" s="92"/>
      <c r="N52" s="620" t="s">
        <v>27</v>
      </c>
      <c r="O52" s="52" t="s">
        <v>20</v>
      </c>
      <c r="P52" s="53" t="s">
        <v>21</v>
      </c>
      <c r="Q52" s="54" t="s">
        <v>22</v>
      </c>
      <c r="R52" s="1028"/>
      <c r="S52" s="561"/>
      <c r="T52" s="569"/>
      <c r="U52" s="596"/>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row>
    <row r="53" spans="1:57" s="570" customFormat="1" ht="140.1" customHeight="1" thickTop="1" thickBot="1" x14ac:dyDescent="0.25">
      <c r="A53" s="603" t="s">
        <v>399</v>
      </c>
      <c r="B53" s="572"/>
      <c r="C53" s="572"/>
      <c r="D53" s="572"/>
      <c r="E53" s="572"/>
      <c r="F53" s="572"/>
      <c r="G53" s="572"/>
      <c r="H53" s="572"/>
      <c r="I53" s="572"/>
      <c r="J53" s="572"/>
      <c r="K53" s="572"/>
      <c r="L53" s="231"/>
      <c r="M53" s="572"/>
      <c r="N53" s="572"/>
      <c r="O53" s="52" t="s">
        <v>20</v>
      </c>
      <c r="P53" s="53" t="s">
        <v>21</v>
      </c>
      <c r="Q53" s="54" t="s">
        <v>22</v>
      </c>
      <c r="R53" s="1028"/>
      <c r="S53" s="561"/>
      <c r="T53" s="569"/>
      <c r="U53" s="596"/>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row>
    <row r="54" spans="1:57" s="570" customFormat="1" ht="140.1" customHeight="1" thickTop="1" thickBot="1" x14ac:dyDescent="0.25">
      <c r="A54" s="604" t="s">
        <v>230</v>
      </c>
      <c r="B54" s="605"/>
      <c r="C54" s="605"/>
      <c r="D54" s="605"/>
      <c r="E54" s="605"/>
      <c r="F54" s="605"/>
      <c r="G54" s="605"/>
      <c r="H54" s="605"/>
      <c r="I54" s="605"/>
      <c r="J54" s="605"/>
      <c r="K54" s="605"/>
      <c r="L54" s="184"/>
      <c r="M54" s="605"/>
      <c r="N54" s="605"/>
      <c r="O54" s="67" t="s">
        <v>20</v>
      </c>
      <c r="P54" s="68" t="s">
        <v>25</v>
      </c>
      <c r="Q54" s="69" t="s">
        <v>22</v>
      </c>
      <c r="R54" s="1028"/>
      <c r="S54" s="561"/>
      <c r="T54" s="569"/>
      <c r="U54" s="596"/>
      <c r="V54" s="600"/>
      <c r="W54" s="600"/>
      <c r="X54" s="600"/>
      <c r="Y54" s="600"/>
      <c r="Z54" s="600"/>
      <c r="AA54" s="600"/>
      <c r="AB54" s="600"/>
      <c r="AC54" s="600"/>
      <c r="AD54" s="600"/>
      <c r="AE54" s="600"/>
      <c r="AF54" s="600"/>
      <c r="AG54" s="600"/>
      <c r="AH54" s="600"/>
      <c r="AI54" s="600"/>
      <c r="AJ54" s="600"/>
      <c r="AK54" s="600"/>
      <c r="AL54" s="600"/>
      <c r="AM54" s="600"/>
      <c r="AN54" s="600"/>
      <c r="AO54" s="600"/>
      <c r="AP54" s="600"/>
      <c r="AQ54" s="600"/>
      <c r="AR54" s="600"/>
      <c r="AS54" s="600"/>
      <c r="AT54" s="600"/>
      <c r="AU54" s="600"/>
      <c r="AV54" s="600"/>
      <c r="AW54" s="600"/>
      <c r="AX54" s="600"/>
      <c r="AY54" s="600"/>
      <c r="AZ54" s="600"/>
      <c r="BA54" s="600"/>
      <c r="BB54" s="600"/>
      <c r="BC54" s="600"/>
      <c r="BD54" s="600"/>
      <c r="BE54" s="600"/>
    </row>
    <row r="55" spans="1:57" s="546" customFormat="1" ht="69.900000000000006" customHeight="1" thickTop="1" x14ac:dyDescent="0.2">
      <c r="A55" s="70" t="s">
        <v>28</v>
      </c>
      <c r="B55" s="72"/>
      <c r="C55" s="72"/>
      <c r="D55" s="72"/>
      <c r="E55" s="72"/>
      <c r="F55" s="72"/>
      <c r="G55" s="72"/>
      <c r="H55" s="72"/>
      <c r="I55" s="72"/>
      <c r="J55" s="72"/>
      <c r="K55" s="72"/>
      <c r="L55" s="72"/>
      <c r="M55" s="72"/>
      <c r="N55" s="72"/>
      <c r="O55" s="72"/>
      <c r="P55" s="72"/>
      <c r="Q55" s="202"/>
      <c r="R55" s="1068"/>
      <c r="S55" s="561"/>
      <c r="T55" s="199"/>
    </row>
    <row r="56" spans="1:57" s="570" customFormat="1" ht="75" customHeight="1" x14ac:dyDescent="0.2">
      <c r="A56" s="575"/>
      <c r="B56" s="576"/>
      <c r="C56" s="576"/>
      <c r="D56" s="576"/>
      <c r="E56" s="576"/>
      <c r="F56" s="576"/>
      <c r="G56" s="576"/>
      <c r="H56" s="576"/>
      <c r="I56" s="576"/>
      <c r="J56" s="576"/>
      <c r="K56" s="576"/>
      <c r="L56" s="577"/>
      <c r="M56" s="576"/>
      <c r="N56" s="576"/>
      <c r="O56" s="576"/>
      <c r="P56" s="576"/>
      <c r="Q56" s="578"/>
      <c r="R56" s="1028"/>
      <c r="S56" s="561"/>
      <c r="T56" s="579"/>
      <c r="U56" s="546"/>
    </row>
    <row r="57" spans="1:57" s="570" customFormat="1" ht="75" customHeight="1" thickBot="1" x14ac:dyDescent="0.25">
      <c r="A57" s="606"/>
      <c r="B57" s="607"/>
      <c r="C57" s="607"/>
      <c r="D57" s="607"/>
      <c r="E57" s="607"/>
      <c r="F57" s="607"/>
      <c r="G57" s="607"/>
      <c r="H57" s="607"/>
      <c r="I57" s="607"/>
      <c r="J57" s="607"/>
      <c r="K57" s="607"/>
      <c r="L57" s="608"/>
      <c r="M57" s="607"/>
      <c r="N57" s="607"/>
      <c r="O57" s="607"/>
      <c r="P57" s="607"/>
      <c r="Q57" s="609"/>
      <c r="R57" s="1028"/>
      <c r="S57" s="561"/>
      <c r="T57" s="579"/>
      <c r="U57" s="546"/>
    </row>
    <row r="58" spans="1:57" s="546" customFormat="1" ht="69.900000000000006" customHeight="1" thickBot="1" x14ac:dyDescent="0.25">
      <c r="A58" s="584" t="s">
        <v>48</v>
      </c>
      <c r="B58" s="585"/>
      <c r="C58" s="585"/>
      <c r="D58" s="585"/>
      <c r="E58" s="585"/>
      <c r="F58" s="585"/>
      <c r="G58" s="585"/>
      <c r="H58" s="585"/>
      <c r="I58" s="585"/>
      <c r="J58" s="585"/>
      <c r="K58" s="585"/>
      <c r="L58" s="586"/>
      <c r="M58" s="585"/>
      <c r="N58" s="585"/>
      <c r="O58" s="585"/>
      <c r="P58" s="585"/>
      <c r="Q58" s="587"/>
      <c r="R58" s="1028"/>
      <c r="S58" s="561"/>
      <c r="T58" s="595"/>
      <c r="V58" s="596"/>
      <c r="W58" s="596"/>
      <c r="X58" s="596"/>
      <c r="Y58" s="596"/>
      <c r="Z58" s="596"/>
      <c r="AA58" s="596"/>
      <c r="AB58" s="596"/>
      <c r="AC58" s="596"/>
      <c r="AD58" s="596"/>
      <c r="AE58" s="596"/>
      <c r="AF58" s="596"/>
      <c r="AG58" s="596"/>
      <c r="AH58" s="596"/>
      <c r="AI58" s="596"/>
      <c r="AJ58" s="596"/>
      <c r="AK58" s="596"/>
      <c r="AL58" s="596"/>
      <c r="AM58" s="596"/>
      <c r="AN58" s="596"/>
      <c r="AO58" s="596"/>
      <c r="AP58" s="596"/>
      <c r="AQ58" s="596"/>
      <c r="AR58" s="596"/>
      <c r="AS58" s="596"/>
      <c r="AT58" s="596"/>
      <c r="AU58" s="596"/>
      <c r="AV58" s="596"/>
      <c r="AW58" s="596"/>
      <c r="AX58" s="596"/>
      <c r="AY58" s="596"/>
      <c r="AZ58" s="596"/>
      <c r="BA58" s="596"/>
      <c r="BB58" s="596"/>
      <c r="BC58" s="596"/>
      <c r="BD58" s="596"/>
      <c r="BE58" s="596"/>
    </row>
    <row r="59" spans="1:57" s="627" customFormat="1" ht="409.6" customHeight="1" thickTop="1" thickBot="1" x14ac:dyDescent="0.25">
      <c r="A59" s="610" t="s">
        <v>400</v>
      </c>
      <c r="B59" s="611"/>
      <c r="C59" s="611"/>
      <c r="D59" s="611"/>
      <c r="E59" s="611"/>
      <c r="F59" s="611"/>
      <c r="G59" s="611"/>
      <c r="H59" s="611"/>
      <c r="I59" s="611"/>
      <c r="J59" s="611"/>
      <c r="K59" s="611"/>
      <c r="L59" s="568"/>
      <c r="M59" s="611"/>
      <c r="N59" s="621" t="s">
        <v>27</v>
      </c>
      <c r="O59" s="52" t="s">
        <v>20</v>
      </c>
      <c r="P59" s="53" t="s">
        <v>21</v>
      </c>
      <c r="Q59" s="54" t="s">
        <v>22</v>
      </c>
      <c r="R59" s="1077"/>
      <c r="S59" s="624"/>
      <c r="T59" s="625"/>
      <c r="U59" s="1078"/>
      <c r="V59" s="626"/>
      <c r="W59" s="626"/>
      <c r="X59" s="626"/>
      <c r="Y59" s="626"/>
      <c r="Z59" s="626"/>
      <c r="AA59" s="626"/>
      <c r="AB59" s="626"/>
      <c r="AC59" s="626"/>
      <c r="AD59" s="626"/>
      <c r="AE59" s="626"/>
      <c r="AF59" s="626"/>
      <c r="AG59" s="626"/>
      <c r="AH59" s="626"/>
      <c r="AI59" s="626"/>
      <c r="AJ59" s="626"/>
      <c r="AK59" s="626"/>
      <c r="AL59" s="626"/>
      <c r="AM59" s="626"/>
      <c r="AN59" s="626"/>
      <c r="AO59" s="626"/>
      <c r="AP59" s="626"/>
      <c r="AQ59" s="626"/>
      <c r="AR59" s="626"/>
      <c r="AS59" s="626"/>
      <c r="AT59" s="626"/>
      <c r="AU59" s="626"/>
      <c r="AV59" s="626"/>
      <c r="AW59" s="626"/>
      <c r="AX59" s="626"/>
      <c r="AY59" s="626"/>
      <c r="AZ59" s="626"/>
      <c r="BA59" s="626"/>
      <c r="BB59" s="626"/>
      <c r="BC59" s="626"/>
      <c r="BD59" s="626"/>
      <c r="BE59" s="626"/>
    </row>
    <row r="60" spans="1:57" s="630" customFormat="1" ht="252.6" customHeight="1" thickTop="1" thickBot="1" x14ac:dyDescent="0.25">
      <c r="A60" s="1079" t="s">
        <v>401</v>
      </c>
      <c r="B60" s="434"/>
      <c r="C60" s="434"/>
      <c r="D60" s="434"/>
      <c r="E60" s="434"/>
      <c r="F60" s="434"/>
      <c r="G60" s="434"/>
      <c r="H60" s="434"/>
      <c r="I60" s="434"/>
      <c r="J60" s="434"/>
      <c r="K60" s="434"/>
      <c r="L60" s="435"/>
      <c r="M60" s="434"/>
      <c r="N60" s="1080" t="s">
        <v>27</v>
      </c>
      <c r="O60" s="145" t="s">
        <v>20</v>
      </c>
      <c r="P60" s="145" t="s">
        <v>21</v>
      </c>
      <c r="Q60" s="146" t="s">
        <v>22</v>
      </c>
      <c r="R60" s="1077"/>
      <c r="S60" s="628"/>
      <c r="T60" s="569"/>
      <c r="U60" s="1081"/>
      <c r="V60" s="629"/>
      <c r="W60" s="629"/>
      <c r="X60" s="629"/>
      <c r="Y60" s="629"/>
      <c r="Z60" s="629"/>
      <c r="AA60" s="629"/>
      <c r="AB60" s="629"/>
      <c r="AC60" s="629"/>
      <c r="AD60" s="629"/>
      <c r="AE60" s="629"/>
      <c r="AF60" s="629"/>
      <c r="AG60" s="629"/>
      <c r="AH60" s="629"/>
      <c r="AI60" s="629"/>
      <c r="AJ60" s="629"/>
      <c r="AK60" s="629"/>
      <c r="AL60" s="629"/>
      <c r="AM60" s="629"/>
      <c r="AN60" s="629"/>
      <c r="AO60" s="629"/>
      <c r="AP60" s="629"/>
      <c r="AQ60" s="629"/>
      <c r="AR60" s="629"/>
      <c r="AS60" s="629"/>
      <c r="AT60" s="629"/>
      <c r="AU60" s="629"/>
      <c r="AV60" s="629"/>
      <c r="AW60" s="629"/>
      <c r="AX60" s="629"/>
      <c r="AY60" s="629"/>
      <c r="AZ60" s="629"/>
      <c r="BA60" s="629"/>
      <c r="BB60" s="629"/>
      <c r="BC60" s="629"/>
      <c r="BD60" s="629"/>
      <c r="BE60" s="629"/>
    </row>
    <row r="61" spans="1:57" s="191" customFormat="1" ht="160.5" customHeight="1" thickTop="1" thickBot="1" x14ac:dyDescent="0.25">
      <c r="A61" s="1082" t="s">
        <v>402</v>
      </c>
      <c r="B61" s="1083"/>
      <c r="C61" s="1083"/>
      <c r="D61" s="1083"/>
      <c r="E61" s="1083"/>
      <c r="F61" s="1083"/>
      <c r="G61" s="1083"/>
      <c r="H61" s="1083"/>
      <c r="I61" s="1083"/>
      <c r="J61" s="1083"/>
      <c r="K61" s="1083"/>
      <c r="L61" s="1083"/>
      <c r="M61" s="1083"/>
      <c r="N61" s="1083"/>
      <c r="O61" s="1083"/>
      <c r="P61" s="1083"/>
      <c r="Q61" s="1084"/>
      <c r="R61" s="186"/>
      <c r="S61" s="187"/>
      <c r="T61" s="569"/>
      <c r="U61" s="818"/>
      <c r="V61" s="190"/>
      <c r="W61" s="190"/>
      <c r="X61" s="190"/>
      <c r="Y61" s="818"/>
      <c r="Z61" s="818"/>
      <c r="AA61" s="818"/>
      <c r="AB61" s="818"/>
      <c r="AC61" s="818"/>
      <c r="AD61" s="818"/>
      <c r="AE61" s="818"/>
      <c r="AF61" s="818"/>
      <c r="AG61" s="818"/>
      <c r="AH61" s="818"/>
      <c r="AI61" s="818"/>
      <c r="AJ61" s="818"/>
      <c r="AK61" s="818"/>
      <c r="AL61" s="818"/>
      <c r="AM61" s="818"/>
      <c r="AN61" s="818"/>
      <c r="AO61" s="190"/>
      <c r="AP61" s="190"/>
      <c r="AQ61" s="190"/>
      <c r="AR61" s="190"/>
      <c r="AS61" s="190"/>
      <c r="AT61" s="190"/>
      <c r="AU61" s="190"/>
      <c r="AV61" s="190"/>
      <c r="AW61" s="190"/>
      <c r="AX61" s="190"/>
      <c r="AY61" s="190"/>
      <c r="AZ61" s="190"/>
      <c r="BA61" s="190"/>
      <c r="BB61" s="190"/>
      <c r="BC61" s="190"/>
      <c r="BD61" s="190"/>
      <c r="BE61" s="190"/>
    </row>
    <row r="62" spans="1:57" s="630" customFormat="1" ht="198" customHeight="1" thickTop="1" thickBot="1" x14ac:dyDescent="0.25">
      <c r="A62" s="589" t="s">
        <v>403</v>
      </c>
      <c r="B62" s="591"/>
      <c r="C62" s="591"/>
      <c r="D62" s="591"/>
      <c r="E62" s="591"/>
      <c r="F62" s="591"/>
      <c r="G62" s="591"/>
      <c r="H62" s="591"/>
      <c r="I62" s="591"/>
      <c r="J62" s="591"/>
      <c r="K62" s="591"/>
      <c r="L62" s="591"/>
      <c r="M62" s="1085"/>
      <c r="N62" s="1086" t="s">
        <v>27</v>
      </c>
      <c r="O62" s="145" t="s">
        <v>20</v>
      </c>
      <c r="P62" s="145" t="s">
        <v>21</v>
      </c>
      <c r="Q62" s="146" t="s">
        <v>22</v>
      </c>
      <c r="R62" s="1077"/>
      <c r="S62" s="628"/>
      <c r="T62" s="569"/>
      <c r="U62" s="1081"/>
      <c r="V62" s="629"/>
      <c r="W62" s="629"/>
      <c r="X62" s="629"/>
      <c r="Y62" s="629"/>
      <c r="Z62" s="629"/>
      <c r="AA62" s="629"/>
      <c r="AB62" s="629"/>
      <c r="AC62" s="629"/>
      <c r="AD62" s="629"/>
      <c r="AE62" s="629"/>
      <c r="AF62" s="629"/>
      <c r="AG62" s="629"/>
      <c r="AH62" s="629"/>
      <c r="AI62" s="629"/>
      <c r="AJ62" s="629"/>
      <c r="AK62" s="629"/>
      <c r="AL62" s="629"/>
      <c r="AM62" s="629"/>
      <c r="AN62" s="629"/>
      <c r="AO62" s="629"/>
      <c r="AP62" s="629"/>
      <c r="AQ62" s="629"/>
      <c r="AR62" s="629"/>
      <c r="AS62" s="629"/>
      <c r="AT62" s="629"/>
      <c r="AU62" s="629"/>
      <c r="AV62" s="629"/>
      <c r="AW62" s="629"/>
      <c r="AX62" s="629"/>
      <c r="AY62" s="629"/>
      <c r="AZ62" s="629"/>
      <c r="BA62" s="629"/>
      <c r="BB62" s="629"/>
      <c r="BC62" s="629"/>
      <c r="BD62" s="629"/>
      <c r="BE62" s="629"/>
    </row>
    <row r="63" spans="1:57" s="630" customFormat="1" ht="153" customHeight="1" thickTop="1" thickBot="1" x14ac:dyDescent="0.25">
      <c r="A63" s="955" t="s">
        <v>404</v>
      </c>
      <c r="B63" s="1087"/>
      <c r="C63" s="1087"/>
      <c r="D63" s="1087"/>
      <c r="E63" s="1087"/>
      <c r="F63" s="1087"/>
      <c r="G63" s="1087"/>
      <c r="H63" s="1087"/>
      <c r="I63" s="1087"/>
      <c r="J63" s="1087"/>
      <c r="K63" s="1087"/>
      <c r="L63" s="1087"/>
      <c r="M63" s="1088"/>
      <c r="N63" s="1080" t="s">
        <v>27</v>
      </c>
      <c r="O63" s="145" t="s">
        <v>20</v>
      </c>
      <c r="P63" s="145" t="s">
        <v>21</v>
      </c>
      <c r="Q63" s="146" t="s">
        <v>22</v>
      </c>
      <c r="R63" s="1077"/>
      <c r="S63" s="628"/>
      <c r="T63" s="569"/>
      <c r="U63" s="1081"/>
      <c r="V63" s="629"/>
      <c r="W63" s="629"/>
      <c r="X63" s="629"/>
      <c r="Y63" s="629"/>
      <c r="Z63" s="629"/>
      <c r="AA63" s="629"/>
      <c r="AB63" s="629"/>
      <c r="AC63" s="629"/>
      <c r="AD63" s="629"/>
      <c r="AE63" s="629"/>
      <c r="AF63" s="629"/>
      <c r="AG63" s="629"/>
      <c r="AH63" s="629"/>
      <c r="AI63" s="629"/>
      <c r="AJ63" s="629"/>
      <c r="AK63" s="629"/>
      <c r="AL63" s="629"/>
      <c r="AM63" s="629"/>
      <c r="AN63" s="629"/>
      <c r="AO63" s="629"/>
      <c r="AP63" s="629"/>
      <c r="AQ63" s="629"/>
      <c r="AR63" s="629"/>
      <c r="AS63" s="629"/>
      <c r="AT63" s="629"/>
      <c r="AU63" s="629"/>
      <c r="AV63" s="629"/>
      <c r="AW63" s="629"/>
      <c r="AX63" s="629"/>
      <c r="AY63" s="629"/>
      <c r="AZ63" s="629"/>
      <c r="BA63" s="629"/>
      <c r="BB63" s="629"/>
      <c r="BC63" s="629"/>
      <c r="BD63" s="629"/>
      <c r="BE63" s="629"/>
    </row>
    <row r="64" spans="1:57" s="546" customFormat="1" ht="69.900000000000006" customHeight="1" thickTop="1" x14ac:dyDescent="0.2">
      <c r="A64" s="70" t="s">
        <v>28</v>
      </c>
      <c r="B64" s="72"/>
      <c r="C64" s="72"/>
      <c r="D64" s="72"/>
      <c r="E64" s="72"/>
      <c r="F64" s="72"/>
      <c r="G64" s="72"/>
      <c r="H64" s="72"/>
      <c r="I64" s="72"/>
      <c r="J64" s="72"/>
      <c r="K64" s="72"/>
      <c r="L64" s="72"/>
      <c r="M64" s="72"/>
      <c r="N64" s="72"/>
      <c r="O64" s="72"/>
      <c r="P64" s="72"/>
      <c r="Q64" s="202"/>
      <c r="R64" s="1068"/>
      <c r="S64" s="561"/>
      <c r="T64" s="199"/>
    </row>
    <row r="65" spans="1:57" s="570" customFormat="1" ht="75" customHeight="1" x14ac:dyDescent="0.2">
      <c r="A65" s="575"/>
      <c r="B65" s="576"/>
      <c r="C65" s="576"/>
      <c r="D65" s="576"/>
      <c r="E65" s="576"/>
      <c r="F65" s="576"/>
      <c r="G65" s="576"/>
      <c r="H65" s="576"/>
      <c r="I65" s="576"/>
      <c r="J65" s="576"/>
      <c r="K65" s="576"/>
      <c r="L65" s="577"/>
      <c r="M65" s="576"/>
      <c r="N65" s="576"/>
      <c r="O65" s="576"/>
      <c r="P65" s="576"/>
      <c r="Q65" s="578"/>
      <c r="R65" s="1028"/>
      <c r="S65" s="561"/>
      <c r="T65" s="579"/>
      <c r="U65" s="546"/>
    </row>
    <row r="66" spans="1:57" s="570" customFormat="1" ht="75" customHeight="1" thickBot="1" x14ac:dyDescent="0.25">
      <c r="A66" s="606"/>
      <c r="B66" s="607"/>
      <c r="C66" s="607"/>
      <c r="D66" s="607"/>
      <c r="E66" s="607"/>
      <c r="F66" s="607"/>
      <c r="G66" s="607"/>
      <c r="H66" s="607"/>
      <c r="I66" s="607"/>
      <c r="J66" s="607"/>
      <c r="K66" s="607"/>
      <c r="L66" s="608"/>
      <c r="M66" s="607"/>
      <c r="N66" s="607"/>
      <c r="O66" s="607"/>
      <c r="P66" s="607"/>
      <c r="Q66" s="609"/>
      <c r="R66" s="1028"/>
      <c r="S66" s="561"/>
      <c r="T66" s="579"/>
      <c r="U66" s="546"/>
    </row>
    <row r="67" spans="1:57" s="570" customFormat="1" ht="69.75" customHeight="1" thickBot="1" x14ac:dyDescent="0.25">
      <c r="A67" s="724" t="s">
        <v>51</v>
      </c>
      <c r="B67" s="725"/>
      <c r="C67" s="725"/>
      <c r="D67" s="725"/>
      <c r="E67" s="725"/>
      <c r="F67" s="725"/>
      <c r="G67" s="725"/>
      <c r="H67" s="725"/>
      <c r="I67" s="725"/>
      <c r="J67" s="725"/>
      <c r="K67" s="725"/>
      <c r="L67" s="726"/>
      <c r="M67" s="725"/>
      <c r="N67" s="725"/>
      <c r="O67" s="725"/>
      <c r="P67" s="725"/>
      <c r="Q67" s="727"/>
      <c r="R67" s="1089"/>
      <c r="T67" s="600"/>
      <c r="U67" s="1090"/>
      <c r="V67" s="600"/>
      <c r="W67" s="600"/>
      <c r="X67" s="600"/>
      <c r="Y67" s="600"/>
      <c r="Z67" s="600"/>
      <c r="AA67" s="600"/>
      <c r="AB67" s="600"/>
      <c r="AC67" s="600"/>
      <c r="AD67" s="600"/>
      <c r="AE67" s="600"/>
      <c r="AF67" s="600"/>
      <c r="AG67" s="600"/>
      <c r="AH67" s="600"/>
      <c r="AI67" s="600"/>
      <c r="AJ67" s="600"/>
      <c r="AK67" s="600"/>
      <c r="AL67" s="600"/>
      <c r="AM67" s="600"/>
      <c r="AN67" s="600"/>
      <c r="AO67" s="600"/>
      <c r="AP67" s="600"/>
      <c r="AQ67" s="600"/>
      <c r="AR67" s="600"/>
      <c r="AS67" s="600"/>
      <c r="AT67" s="600"/>
      <c r="AU67" s="600"/>
      <c r="AV67" s="600"/>
      <c r="AW67" s="600"/>
      <c r="AX67" s="600"/>
      <c r="AY67" s="600"/>
      <c r="AZ67" s="600"/>
      <c r="BA67" s="600"/>
      <c r="BB67" s="600"/>
      <c r="BC67" s="600"/>
      <c r="BD67" s="600"/>
      <c r="BE67" s="600"/>
    </row>
    <row r="68" spans="1:57" s="570" customFormat="1" ht="199.5" customHeight="1" thickTop="1" thickBot="1" x14ac:dyDescent="0.25">
      <c r="A68" s="1091" t="s">
        <v>405</v>
      </c>
      <c r="B68" s="1092"/>
      <c r="C68" s="1092"/>
      <c r="D68" s="1092"/>
      <c r="E68" s="1092"/>
      <c r="F68" s="1092"/>
      <c r="G68" s="1092"/>
      <c r="H68" s="1092"/>
      <c r="I68" s="1092"/>
      <c r="J68" s="1092"/>
      <c r="K68" s="1092"/>
      <c r="L68" s="1092"/>
      <c r="M68" s="1093"/>
      <c r="N68" s="481" t="s">
        <v>27</v>
      </c>
      <c r="O68" s="1094" t="s">
        <v>20</v>
      </c>
      <c r="P68" s="759" t="s">
        <v>21</v>
      </c>
      <c r="Q68" s="1095" t="s">
        <v>22</v>
      </c>
      <c r="R68" s="1089"/>
      <c r="T68" s="1096"/>
      <c r="U68" s="600"/>
      <c r="V68" s="600"/>
      <c r="W68" s="600"/>
      <c r="X68" s="600"/>
      <c r="Y68" s="600"/>
      <c r="Z68" s="600"/>
      <c r="AA68" s="600"/>
      <c r="AB68" s="600"/>
      <c r="AC68" s="600"/>
      <c r="AD68" s="600"/>
      <c r="AE68" s="600"/>
      <c r="AF68" s="600"/>
      <c r="AG68" s="600"/>
      <c r="AH68" s="600"/>
      <c r="AI68" s="600"/>
      <c r="AJ68" s="600"/>
      <c r="AK68" s="600"/>
      <c r="AL68" s="600"/>
      <c r="AM68" s="600"/>
      <c r="AN68" s="600"/>
      <c r="AO68" s="600"/>
      <c r="AP68" s="600"/>
      <c r="AQ68" s="600"/>
      <c r="AR68" s="600"/>
      <c r="AS68" s="600"/>
      <c r="AT68" s="600"/>
      <c r="AU68" s="600"/>
      <c r="AV68" s="600"/>
      <c r="AW68" s="600"/>
      <c r="AX68" s="600"/>
      <c r="AY68" s="600"/>
      <c r="AZ68" s="600"/>
      <c r="BA68" s="600"/>
      <c r="BB68" s="600"/>
      <c r="BC68" s="600"/>
      <c r="BD68" s="600"/>
      <c r="BE68" s="600"/>
    </row>
    <row r="69" spans="1:57" s="546" customFormat="1" ht="69.900000000000006" customHeight="1" thickTop="1" x14ac:dyDescent="0.2">
      <c r="A69" s="70" t="s">
        <v>28</v>
      </c>
      <c r="B69" s="72"/>
      <c r="C69" s="72"/>
      <c r="D69" s="72"/>
      <c r="E69" s="72"/>
      <c r="F69" s="72"/>
      <c r="G69" s="72"/>
      <c r="H69" s="72"/>
      <c r="I69" s="72"/>
      <c r="J69" s="72"/>
      <c r="K69" s="72"/>
      <c r="L69" s="72"/>
      <c r="M69" s="72"/>
      <c r="N69" s="72"/>
      <c r="O69" s="72"/>
      <c r="P69" s="72"/>
      <c r="Q69" s="202"/>
      <c r="R69" s="1068"/>
      <c r="S69" s="561"/>
      <c r="T69" s="199"/>
    </row>
    <row r="70" spans="1:57" s="570" customFormat="1" ht="75" customHeight="1" x14ac:dyDescent="0.2">
      <c r="A70" s="1097"/>
      <c r="B70" s="1098"/>
      <c r="C70" s="1098"/>
      <c r="D70" s="1098"/>
      <c r="E70" s="1098"/>
      <c r="F70" s="1098"/>
      <c r="G70" s="1098"/>
      <c r="H70" s="1098"/>
      <c r="I70" s="1098"/>
      <c r="J70" s="1098"/>
      <c r="K70" s="1098"/>
      <c r="L70" s="1099"/>
      <c r="M70" s="1098"/>
      <c r="N70" s="1098"/>
      <c r="O70" s="1098"/>
      <c r="P70" s="1098"/>
      <c r="Q70" s="1100"/>
      <c r="R70" s="1028"/>
      <c r="S70" s="561"/>
      <c r="T70" s="579"/>
      <c r="U70" s="546"/>
    </row>
    <row r="71" spans="1:57" s="570" customFormat="1" ht="75" customHeight="1" thickBot="1" x14ac:dyDescent="0.25">
      <c r="A71" s="1101"/>
      <c r="B71" s="1102"/>
      <c r="C71" s="1102"/>
      <c r="D71" s="1102"/>
      <c r="E71" s="1102"/>
      <c r="F71" s="1102"/>
      <c r="G71" s="1102"/>
      <c r="H71" s="1102"/>
      <c r="I71" s="1102"/>
      <c r="J71" s="1102"/>
      <c r="K71" s="1102"/>
      <c r="L71" s="1103"/>
      <c r="M71" s="1102"/>
      <c r="N71" s="1102"/>
      <c r="O71" s="1102"/>
      <c r="P71" s="1102"/>
      <c r="Q71" s="1104"/>
      <c r="R71" s="1028"/>
      <c r="S71" s="561"/>
      <c r="T71" s="579"/>
      <c r="U71" s="546"/>
    </row>
    <row r="72" spans="1:57" s="546" customFormat="1" ht="69.75" customHeight="1" thickBot="1" x14ac:dyDescent="0.25">
      <c r="A72" s="584" t="s">
        <v>53</v>
      </c>
      <c r="B72" s="585"/>
      <c r="C72" s="585"/>
      <c r="D72" s="585"/>
      <c r="E72" s="585"/>
      <c r="F72" s="585"/>
      <c r="G72" s="585"/>
      <c r="H72" s="585"/>
      <c r="I72" s="585"/>
      <c r="J72" s="585"/>
      <c r="K72" s="585"/>
      <c r="L72" s="586"/>
      <c r="M72" s="585"/>
      <c r="N72" s="585"/>
      <c r="O72" s="585"/>
      <c r="P72" s="585"/>
      <c r="Q72" s="587"/>
      <c r="R72" s="1028"/>
      <c r="S72" s="561"/>
      <c r="T72" s="1105" t="s">
        <v>406</v>
      </c>
      <c r="U72" s="596"/>
      <c r="V72" s="596"/>
      <c r="W72" s="596"/>
      <c r="X72" s="596"/>
      <c r="Y72" s="596"/>
      <c r="Z72" s="596"/>
      <c r="AA72" s="596"/>
      <c r="AB72" s="596"/>
      <c r="AC72" s="596"/>
      <c r="AD72" s="596"/>
      <c r="AE72" s="596"/>
      <c r="AF72" s="596"/>
      <c r="AG72" s="596"/>
      <c r="AH72" s="596"/>
      <c r="AI72" s="596"/>
      <c r="AJ72" s="596"/>
      <c r="AK72" s="596"/>
      <c r="AL72" s="596"/>
      <c r="AM72" s="596"/>
      <c r="AN72" s="596"/>
      <c r="AO72" s="596"/>
      <c r="AP72" s="596"/>
      <c r="AQ72" s="596"/>
      <c r="AR72" s="596"/>
      <c r="AS72" s="596"/>
      <c r="AT72" s="596"/>
      <c r="AU72" s="596"/>
      <c r="AV72" s="596"/>
      <c r="AW72" s="596"/>
      <c r="AX72" s="596"/>
      <c r="AY72" s="596"/>
      <c r="AZ72" s="596"/>
      <c r="BA72" s="596"/>
      <c r="BB72" s="596"/>
      <c r="BC72" s="596"/>
      <c r="BD72" s="596"/>
      <c r="BE72" s="596"/>
    </row>
    <row r="73" spans="1:57" s="570" customFormat="1" ht="253.5" customHeight="1" thickTop="1" thickBot="1" x14ac:dyDescent="0.25">
      <c r="A73" s="645" t="s">
        <v>407</v>
      </c>
      <c r="B73" s="646"/>
      <c r="C73" s="646"/>
      <c r="D73" s="646"/>
      <c r="E73" s="646"/>
      <c r="F73" s="646"/>
      <c r="G73" s="646"/>
      <c r="H73" s="646"/>
      <c r="I73" s="646"/>
      <c r="J73" s="646"/>
      <c r="K73" s="646"/>
      <c r="L73" s="646"/>
      <c r="M73" s="646"/>
      <c r="N73" s="647"/>
      <c r="O73" s="52" t="s">
        <v>20</v>
      </c>
      <c r="P73" s="53" t="s">
        <v>21</v>
      </c>
      <c r="Q73" s="54" t="s">
        <v>22</v>
      </c>
      <c r="R73" s="1028"/>
      <c r="S73" s="561"/>
      <c r="T73" s="569"/>
      <c r="U73" s="596"/>
      <c r="V73" s="600"/>
      <c r="W73" s="600"/>
      <c r="X73" s="600"/>
      <c r="Y73" s="600"/>
      <c r="Z73" s="600"/>
      <c r="AA73" s="600"/>
      <c r="AB73" s="600"/>
      <c r="AC73" s="600"/>
      <c r="AD73" s="600"/>
      <c r="AE73" s="600"/>
      <c r="AF73" s="600"/>
      <c r="AG73" s="600"/>
      <c r="AH73" s="600"/>
      <c r="AI73" s="600"/>
      <c r="AJ73" s="600"/>
      <c r="AK73" s="600"/>
      <c r="AL73" s="600"/>
      <c r="AM73" s="600"/>
      <c r="AN73" s="600"/>
      <c r="AO73" s="600"/>
      <c r="AP73" s="600"/>
      <c r="AQ73" s="600"/>
      <c r="AR73" s="600"/>
      <c r="AS73" s="600"/>
      <c r="AT73" s="600"/>
      <c r="AU73" s="600"/>
      <c r="AV73" s="600"/>
      <c r="AW73" s="600"/>
      <c r="AX73" s="600"/>
      <c r="AY73" s="600"/>
      <c r="AZ73" s="600"/>
      <c r="BA73" s="600"/>
      <c r="BB73" s="600"/>
      <c r="BC73" s="600"/>
      <c r="BD73" s="600"/>
      <c r="BE73" s="600"/>
    </row>
    <row r="74" spans="1:57" s="546" customFormat="1" ht="69.900000000000006" customHeight="1" thickTop="1" x14ac:dyDescent="0.2">
      <c r="A74" s="674" t="s">
        <v>55</v>
      </c>
      <c r="B74" s="1106"/>
      <c r="C74" s="1106"/>
      <c r="D74" s="1106"/>
      <c r="E74" s="1106"/>
      <c r="F74" s="1106"/>
      <c r="G74" s="1106"/>
      <c r="H74" s="1106"/>
      <c r="I74" s="1106"/>
      <c r="J74" s="1106"/>
      <c r="K74" s="1106"/>
      <c r="L74" s="675"/>
      <c r="M74" s="1106"/>
      <c r="N74" s="1106"/>
      <c r="O74" s="1106"/>
      <c r="P74" s="1106"/>
      <c r="Q74" s="1107"/>
      <c r="R74" s="1068"/>
      <c r="S74" s="561"/>
      <c r="T74" s="199"/>
    </row>
    <row r="75" spans="1:57" s="546" customFormat="1" ht="69.900000000000006" customHeight="1" x14ac:dyDescent="0.2">
      <c r="A75" s="650" t="s">
        <v>56</v>
      </c>
      <c r="B75" s="651"/>
      <c r="C75" s="651"/>
      <c r="D75" s="651"/>
      <c r="E75" s="651"/>
      <c r="F75" s="651"/>
      <c r="G75" s="651"/>
      <c r="H75" s="651"/>
      <c r="I75" s="651"/>
      <c r="J75" s="652"/>
      <c r="K75" s="653"/>
      <c r="L75" s="654"/>
      <c r="M75" s="655"/>
      <c r="N75" s="655"/>
      <c r="O75" s="655"/>
      <c r="P75" s="655"/>
      <c r="Q75" s="656"/>
      <c r="R75" s="1068"/>
      <c r="S75" s="561"/>
      <c r="T75" s="199"/>
      <c r="U75" s="1081"/>
    </row>
    <row r="76" spans="1:57" s="570" customFormat="1" ht="69.900000000000006" customHeight="1" x14ac:dyDescent="0.2">
      <c r="A76" s="657" t="s">
        <v>57</v>
      </c>
      <c r="B76" s="658"/>
      <c r="C76" s="658"/>
      <c r="D76" s="658"/>
      <c r="E76" s="658"/>
      <c r="F76" s="658"/>
      <c r="G76" s="658"/>
      <c r="H76" s="658"/>
      <c r="I76" s="658"/>
      <c r="J76" s="659"/>
      <c r="K76" s="660"/>
      <c r="L76" s="245"/>
      <c r="M76" s="661"/>
      <c r="N76" s="661"/>
      <c r="O76" s="661"/>
      <c r="P76" s="661"/>
      <c r="Q76" s="662"/>
      <c r="R76" s="1028"/>
      <c r="S76" s="561"/>
      <c r="T76" s="663"/>
      <c r="U76" s="1108"/>
      <c r="V76" s="664"/>
      <c r="W76" s="664"/>
      <c r="X76" s="664"/>
      <c r="Y76" s="664"/>
      <c r="Z76" s="664"/>
      <c r="AA76" s="664"/>
      <c r="AB76" s="664"/>
      <c r="AC76" s="664"/>
      <c r="AD76" s="664"/>
      <c r="AE76" s="664"/>
      <c r="AF76" s="664"/>
      <c r="AG76" s="664"/>
      <c r="AH76" s="664"/>
      <c r="AI76" s="664"/>
      <c r="AJ76" s="664"/>
      <c r="AK76" s="664"/>
      <c r="AL76" s="664"/>
      <c r="AM76" s="664"/>
      <c r="AN76" s="664"/>
      <c r="AO76" s="664"/>
      <c r="AP76" s="664"/>
      <c r="AQ76" s="664"/>
      <c r="AR76" s="664"/>
      <c r="AS76" s="664"/>
      <c r="AT76" s="664"/>
      <c r="AU76" s="664"/>
      <c r="AV76" s="664"/>
      <c r="AW76" s="664"/>
      <c r="AX76" s="664"/>
      <c r="AY76" s="664"/>
      <c r="AZ76" s="664"/>
      <c r="BA76" s="664"/>
      <c r="BB76" s="664"/>
      <c r="BC76" s="664"/>
      <c r="BD76" s="664"/>
      <c r="BE76" s="664"/>
    </row>
    <row r="77" spans="1:57" s="546" customFormat="1" ht="69.900000000000006" customHeight="1" x14ac:dyDescent="0.2">
      <c r="A77" s="70" t="s">
        <v>28</v>
      </c>
      <c r="B77" s="72"/>
      <c r="C77" s="72"/>
      <c r="D77" s="72"/>
      <c r="E77" s="72"/>
      <c r="F77" s="72"/>
      <c r="G77" s="72"/>
      <c r="H77" s="72"/>
      <c r="I77" s="72"/>
      <c r="J77" s="72"/>
      <c r="K77" s="72"/>
      <c r="L77" s="72"/>
      <c r="M77" s="72"/>
      <c r="N77" s="72"/>
      <c r="O77" s="72"/>
      <c r="P77" s="72"/>
      <c r="Q77" s="202"/>
      <c r="R77" s="1068"/>
      <c r="S77" s="561"/>
      <c r="T77" s="199"/>
    </row>
    <row r="78" spans="1:57" s="570" customFormat="1" ht="75" customHeight="1" x14ac:dyDescent="0.2">
      <c r="A78" s="575"/>
      <c r="B78" s="576"/>
      <c r="C78" s="576"/>
      <c r="D78" s="576"/>
      <c r="E78" s="576"/>
      <c r="F78" s="576"/>
      <c r="G78" s="576"/>
      <c r="H78" s="576"/>
      <c r="I78" s="576"/>
      <c r="J78" s="576"/>
      <c r="K78" s="576"/>
      <c r="L78" s="577"/>
      <c r="M78" s="576"/>
      <c r="N78" s="576"/>
      <c r="O78" s="576"/>
      <c r="P78" s="576"/>
      <c r="Q78" s="578"/>
      <c r="R78" s="1028"/>
      <c r="S78" s="561"/>
      <c r="T78" s="579"/>
      <c r="U78" s="546"/>
    </row>
    <row r="79" spans="1:57" s="570" customFormat="1" ht="75" customHeight="1" thickBot="1" x14ac:dyDescent="0.25">
      <c r="A79" s="606"/>
      <c r="B79" s="607"/>
      <c r="C79" s="607"/>
      <c r="D79" s="607"/>
      <c r="E79" s="607"/>
      <c r="F79" s="607"/>
      <c r="G79" s="607"/>
      <c r="H79" s="607"/>
      <c r="I79" s="607"/>
      <c r="J79" s="607"/>
      <c r="K79" s="607"/>
      <c r="L79" s="608"/>
      <c r="M79" s="607"/>
      <c r="N79" s="607"/>
      <c r="O79" s="607"/>
      <c r="P79" s="607"/>
      <c r="Q79" s="609"/>
      <c r="R79" s="1028"/>
      <c r="S79" s="561"/>
      <c r="T79" s="579"/>
      <c r="U79" s="546"/>
    </row>
    <row r="80" spans="1:57" s="546" customFormat="1" ht="69.75" customHeight="1" thickBot="1" x14ac:dyDescent="0.25">
      <c r="A80" s="724" t="s">
        <v>408</v>
      </c>
      <c r="B80" s="725"/>
      <c r="C80" s="725"/>
      <c r="D80" s="725"/>
      <c r="E80" s="725"/>
      <c r="F80" s="725"/>
      <c r="G80" s="725"/>
      <c r="H80" s="725"/>
      <c r="I80" s="725"/>
      <c r="J80" s="725"/>
      <c r="K80" s="725"/>
      <c r="L80" s="726"/>
      <c r="M80" s="725"/>
      <c r="N80" s="725"/>
      <c r="O80" s="725"/>
      <c r="P80" s="725"/>
      <c r="Q80" s="727"/>
      <c r="R80" s="1028"/>
      <c r="S80" s="561"/>
      <c r="T80" s="595"/>
      <c r="U80" s="596"/>
      <c r="V80" s="596"/>
      <c r="W80" s="596"/>
      <c r="X80" s="596"/>
      <c r="Y80" s="596"/>
      <c r="Z80" s="596"/>
      <c r="AA80" s="596"/>
      <c r="AB80" s="596"/>
      <c r="AC80" s="596"/>
      <c r="AD80" s="596"/>
      <c r="AE80" s="596"/>
      <c r="AF80" s="596"/>
      <c r="AG80" s="596"/>
      <c r="AH80" s="596"/>
      <c r="AI80" s="596"/>
      <c r="AJ80" s="596"/>
      <c r="AK80" s="596"/>
      <c r="AL80" s="596"/>
      <c r="AM80" s="596"/>
      <c r="AN80" s="596"/>
      <c r="AO80" s="596"/>
      <c r="AP80" s="596"/>
      <c r="AQ80" s="596"/>
      <c r="AR80" s="596"/>
      <c r="AS80" s="596"/>
      <c r="AT80" s="596"/>
      <c r="AU80" s="596"/>
      <c r="AV80" s="596"/>
      <c r="AW80" s="596"/>
      <c r="AX80" s="596"/>
      <c r="AY80" s="596"/>
      <c r="AZ80" s="596"/>
      <c r="BA80" s="596"/>
      <c r="BB80" s="596"/>
      <c r="BC80" s="596"/>
      <c r="BD80" s="596"/>
      <c r="BE80" s="596"/>
    </row>
    <row r="81" spans="1:57" s="570" customFormat="1" ht="199.5" customHeight="1" thickTop="1" thickBot="1" x14ac:dyDescent="0.25">
      <c r="A81" s="1091" t="s">
        <v>409</v>
      </c>
      <c r="B81" s="1092"/>
      <c r="C81" s="1092"/>
      <c r="D81" s="1092"/>
      <c r="E81" s="1092"/>
      <c r="F81" s="1092"/>
      <c r="G81" s="1092"/>
      <c r="H81" s="1092"/>
      <c r="I81" s="1092"/>
      <c r="J81" s="1092"/>
      <c r="K81" s="1092"/>
      <c r="L81" s="1092"/>
      <c r="M81" s="1092"/>
      <c r="N81" s="1093"/>
      <c r="O81" s="759" t="s">
        <v>20</v>
      </c>
      <c r="P81" s="759" t="s">
        <v>21</v>
      </c>
      <c r="Q81" s="1095" t="s">
        <v>22</v>
      </c>
      <c r="R81" s="1028"/>
      <c r="S81" s="561"/>
      <c r="T81" s="569"/>
      <c r="U81" s="1109"/>
      <c r="V81" s="600"/>
      <c r="W81" s="600"/>
      <c r="X81" s="600"/>
      <c r="Y81" s="600"/>
      <c r="Z81" s="600"/>
      <c r="AA81" s="600"/>
      <c r="AB81" s="600"/>
      <c r="AC81" s="600"/>
      <c r="AD81" s="600"/>
      <c r="AE81" s="600"/>
      <c r="AF81" s="600"/>
      <c r="AG81" s="600"/>
      <c r="AH81" s="600"/>
      <c r="AI81" s="600"/>
      <c r="AJ81" s="600"/>
      <c r="AK81" s="600"/>
      <c r="AL81" s="600"/>
      <c r="AM81" s="600"/>
      <c r="AN81" s="600"/>
      <c r="AO81" s="600"/>
      <c r="AP81" s="600"/>
      <c r="AQ81" s="600"/>
      <c r="AR81" s="600"/>
      <c r="AS81" s="600"/>
      <c r="AT81" s="600"/>
      <c r="AU81" s="600"/>
      <c r="AV81" s="600"/>
      <c r="AW81" s="600"/>
      <c r="AX81" s="600"/>
      <c r="AY81" s="600"/>
      <c r="AZ81" s="600"/>
      <c r="BA81" s="600"/>
      <c r="BB81" s="600"/>
      <c r="BC81" s="600"/>
      <c r="BD81" s="600"/>
      <c r="BE81" s="600"/>
    </row>
    <row r="82" spans="1:57" s="546" customFormat="1" ht="69.900000000000006" customHeight="1" thickTop="1" x14ac:dyDescent="0.2">
      <c r="A82" s="795" t="s">
        <v>28</v>
      </c>
      <c r="B82" s="1106"/>
      <c r="C82" s="1106"/>
      <c r="D82" s="1106"/>
      <c r="E82" s="1106"/>
      <c r="F82" s="1106"/>
      <c r="G82" s="1106"/>
      <c r="H82" s="1106"/>
      <c r="I82" s="1106"/>
      <c r="J82" s="1106"/>
      <c r="K82" s="1106"/>
      <c r="L82" s="675"/>
      <c r="M82" s="1106"/>
      <c r="N82" s="1106"/>
      <c r="O82" s="1106"/>
      <c r="P82" s="1106"/>
      <c r="Q82" s="1107"/>
      <c r="R82" s="1068"/>
      <c r="S82" s="561"/>
      <c r="T82" s="199"/>
    </row>
    <row r="83" spans="1:57" s="570" customFormat="1" ht="75" customHeight="1" x14ac:dyDescent="0.2">
      <c r="A83" s="796"/>
      <c r="B83" s="797"/>
      <c r="C83" s="797"/>
      <c r="D83" s="797"/>
      <c r="E83" s="797"/>
      <c r="F83" s="797"/>
      <c r="G83" s="797"/>
      <c r="H83" s="797"/>
      <c r="I83" s="797"/>
      <c r="J83" s="797"/>
      <c r="K83" s="797"/>
      <c r="L83" s="798"/>
      <c r="M83" s="797"/>
      <c r="N83" s="797"/>
      <c r="O83" s="797"/>
      <c r="P83" s="797"/>
      <c r="Q83" s="799"/>
      <c r="R83" s="1028"/>
      <c r="S83" s="561"/>
      <c r="T83" s="579"/>
      <c r="U83" s="546"/>
    </row>
    <row r="84" spans="1:57" s="570" customFormat="1" ht="75" customHeight="1" thickBot="1" x14ac:dyDescent="0.25">
      <c r="A84" s="800"/>
      <c r="B84" s="801"/>
      <c r="C84" s="801"/>
      <c r="D84" s="801"/>
      <c r="E84" s="801"/>
      <c r="F84" s="801"/>
      <c r="G84" s="801"/>
      <c r="H84" s="801"/>
      <c r="I84" s="801"/>
      <c r="J84" s="801"/>
      <c r="K84" s="801"/>
      <c r="L84" s="802"/>
      <c r="M84" s="801"/>
      <c r="N84" s="801"/>
      <c r="O84" s="801"/>
      <c r="P84" s="801"/>
      <c r="Q84" s="803"/>
      <c r="R84" s="1028"/>
      <c r="S84" s="561"/>
      <c r="T84" s="579"/>
      <c r="U84" s="546"/>
    </row>
    <row r="85" spans="1:57" s="546" customFormat="1" ht="69.75" customHeight="1" thickBot="1" x14ac:dyDescent="0.25">
      <c r="A85" s="724" t="s">
        <v>410</v>
      </c>
      <c r="B85" s="725"/>
      <c r="C85" s="725"/>
      <c r="D85" s="725"/>
      <c r="E85" s="725"/>
      <c r="F85" s="725"/>
      <c r="G85" s="725"/>
      <c r="H85" s="725"/>
      <c r="I85" s="725"/>
      <c r="J85" s="725"/>
      <c r="K85" s="725"/>
      <c r="L85" s="726"/>
      <c r="M85" s="725"/>
      <c r="N85" s="725"/>
      <c r="O85" s="725"/>
      <c r="P85" s="725"/>
      <c r="Q85" s="727"/>
      <c r="R85" s="1028"/>
      <c r="S85" s="561"/>
      <c r="T85" s="595"/>
      <c r="U85" s="1110"/>
      <c r="V85" s="596"/>
      <c r="W85" s="596"/>
      <c r="X85" s="596"/>
      <c r="Y85" s="596"/>
      <c r="Z85" s="596"/>
      <c r="AA85" s="596"/>
      <c r="AB85" s="596"/>
      <c r="AC85" s="596"/>
      <c r="AD85" s="596"/>
      <c r="AE85" s="596"/>
      <c r="AF85" s="596"/>
      <c r="AG85" s="596"/>
      <c r="AH85" s="596"/>
      <c r="AI85" s="596"/>
      <c r="AJ85" s="596"/>
      <c r="AK85" s="596"/>
      <c r="AL85" s="596"/>
      <c r="AM85" s="596"/>
      <c r="AN85" s="596"/>
      <c r="AO85" s="596"/>
      <c r="AP85" s="596"/>
      <c r="AQ85" s="596"/>
      <c r="AR85" s="596"/>
      <c r="AS85" s="596"/>
      <c r="AT85" s="596"/>
      <c r="AU85" s="596"/>
      <c r="AV85" s="596"/>
      <c r="AW85" s="596"/>
      <c r="AX85" s="596"/>
      <c r="AY85" s="596"/>
      <c r="AZ85" s="596"/>
      <c r="BA85" s="596"/>
      <c r="BB85" s="596"/>
      <c r="BC85" s="596"/>
      <c r="BD85" s="596"/>
      <c r="BE85" s="596"/>
    </row>
    <row r="86" spans="1:57" s="570" customFormat="1" ht="310.5" customHeight="1" thickTop="1" thickBot="1" x14ac:dyDescent="0.25">
      <c r="A86" s="1091" t="s">
        <v>411</v>
      </c>
      <c r="B86" s="1092"/>
      <c r="C86" s="1092"/>
      <c r="D86" s="1092"/>
      <c r="E86" s="1092"/>
      <c r="F86" s="1092"/>
      <c r="G86" s="1092"/>
      <c r="H86" s="1092"/>
      <c r="I86" s="1092"/>
      <c r="J86" s="1092"/>
      <c r="K86" s="1092"/>
      <c r="L86" s="1092"/>
      <c r="M86" s="1093"/>
      <c r="N86" s="1023" t="s">
        <v>27</v>
      </c>
      <c r="O86" s="52" t="s">
        <v>20</v>
      </c>
      <c r="P86" s="53" t="s">
        <v>21</v>
      </c>
      <c r="Q86" s="54" t="s">
        <v>22</v>
      </c>
      <c r="R86" s="1028"/>
      <c r="S86" s="561"/>
      <c r="T86" s="569"/>
      <c r="U86" s="596"/>
      <c r="V86" s="600"/>
      <c r="W86" s="600"/>
      <c r="X86" s="600"/>
      <c r="Y86" s="600"/>
      <c r="Z86" s="600"/>
      <c r="AA86" s="600"/>
      <c r="AB86" s="600"/>
      <c r="AC86" s="600"/>
      <c r="AD86" s="600"/>
      <c r="AE86" s="600"/>
      <c r="AF86" s="600"/>
      <c r="AG86" s="600"/>
      <c r="AH86" s="600"/>
      <c r="AI86" s="600"/>
      <c r="AJ86" s="600"/>
      <c r="AK86" s="600"/>
      <c r="AL86" s="600"/>
      <c r="AM86" s="600"/>
      <c r="AN86" s="600"/>
      <c r="AO86" s="600"/>
      <c r="AP86" s="600"/>
      <c r="AQ86" s="600"/>
      <c r="AR86" s="600"/>
      <c r="AS86" s="600"/>
      <c r="AT86" s="600"/>
      <c r="AU86" s="600"/>
      <c r="AV86" s="600"/>
      <c r="AW86" s="600"/>
      <c r="AX86" s="600"/>
      <c r="AY86" s="600"/>
      <c r="AZ86" s="600"/>
      <c r="BA86" s="600"/>
      <c r="BB86" s="600"/>
      <c r="BC86" s="600"/>
      <c r="BD86" s="600"/>
      <c r="BE86" s="600"/>
    </row>
    <row r="87" spans="1:57" s="546" customFormat="1" ht="69.900000000000006" customHeight="1" thickTop="1" x14ac:dyDescent="0.2">
      <c r="A87" s="70" t="s">
        <v>28</v>
      </c>
      <c r="B87" s="72"/>
      <c r="C87" s="72"/>
      <c r="D87" s="72"/>
      <c r="E87" s="72"/>
      <c r="F87" s="72"/>
      <c r="G87" s="72"/>
      <c r="H87" s="72"/>
      <c r="I87" s="72"/>
      <c r="J87" s="72"/>
      <c r="K87" s="72"/>
      <c r="L87" s="72"/>
      <c r="M87" s="72"/>
      <c r="N87" s="72"/>
      <c r="O87" s="72"/>
      <c r="P87" s="72"/>
      <c r="Q87" s="202"/>
      <c r="R87" s="1068"/>
      <c r="S87" s="561"/>
      <c r="T87" s="199"/>
    </row>
    <row r="88" spans="1:57" s="570" customFormat="1" ht="75" customHeight="1" x14ac:dyDescent="0.2">
      <c r="A88" s="1111"/>
      <c r="B88" s="1112"/>
      <c r="C88" s="1112"/>
      <c r="D88" s="1112"/>
      <c r="E88" s="1112"/>
      <c r="F88" s="1112"/>
      <c r="G88" s="1112"/>
      <c r="H88" s="1112"/>
      <c r="I88" s="1112"/>
      <c r="J88" s="1112"/>
      <c r="K88" s="1112"/>
      <c r="L88" s="1113"/>
      <c r="M88" s="1112"/>
      <c r="N88" s="1112"/>
      <c r="O88" s="1112"/>
      <c r="P88" s="1112"/>
      <c r="Q88" s="1114"/>
      <c r="R88" s="1028"/>
      <c r="S88" s="561"/>
      <c r="T88" s="579"/>
      <c r="U88" s="546"/>
    </row>
    <row r="89" spans="1:57" s="570" customFormat="1" ht="75" customHeight="1" thickBot="1" x14ac:dyDescent="0.25">
      <c r="A89" s="1115"/>
      <c r="B89" s="1116"/>
      <c r="C89" s="1116"/>
      <c r="D89" s="1116"/>
      <c r="E89" s="1116"/>
      <c r="F89" s="1116"/>
      <c r="G89" s="1116"/>
      <c r="H89" s="1116"/>
      <c r="I89" s="1116"/>
      <c r="J89" s="1116"/>
      <c r="K89" s="1116"/>
      <c r="L89" s="1117"/>
      <c r="M89" s="1116"/>
      <c r="N89" s="1116"/>
      <c r="O89" s="1116"/>
      <c r="P89" s="1116"/>
      <c r="Q89" s="1118"/>
      <c r="R89" s="1028"/>
      <c r="S89" s="561"/>
      <c r="T89" s="579"/>
      <c r="U89" s="546"/>
    </row>
    <row r="90" spans="1:57" s="546" customFormat="1" ht="69.900000000000006" customHeight="1" thickBot="1" x14ac:dyDescent="0.25">
      <c r="A90" s="724" t="s">
        <v>412</v>
      </c>
      <c r="B90" s="726"/>
      <c r="C90" s="726"/>
      <c r="D90" s="726"/>
      <c r="E90" s="726"/>
      <c r="F90" s="726"/>
      <c r="G90" s="726"/>
      <c r="H90" s="726"/>
      <c r="I90" s="726"/>
      <c r="J90" s="726"/>
      <c r="K90" s="726"/>
      <c r="L90" s="726"/>
      <c r="M90" s="726"/>
      <c r="N90" s="726"/>
      <c r="O90" s="726"/>
      <c r="P90" s="726"/>
      <c r="Q90" s="819"/>
      <c r="R90" s="1028"/>
      <c r="S90" s="561"/>
      <c r="T90" s="595"/>
      <c r="U90" s="1110"/>
      <c r="V90" s="596"/>
      <c r="W90" s="596"/>
      <c r="X90" s="596"/>
      <c r="Y90" s="596"/>
      <c r="Z90" s="596"/>
      <c r="AA90" s="596"/>
      <c r="AB90" s="596"/>
      <c r="AC90" s="596"/>
      <c r="AD90" s="596"/>
      <c r="AE90" s="596"/>
      <c r="AF90" s="596"/>
      <c r="AG90" s="596"/>
      <c r="AH90" s="596"/>
      <c r="AI90" s="596"/>
      <c r="AJ90" s="596"/>
      <c r="AK90" s="596"/>
      <c r="AL90" s="596"/>
      <c r="AM90" s="596"/>
      <c r="AN90" s="596"/>
      <c r="AO90" s="596"/>
      <c r="AP90" s="596"/>
      <c r="AQ90" s="596"/>
      <c r="AR90" s="596"/>
      <c r="AS90" s="596"/>
      <c r="AT90" s="596"/>
      <c r="AU90" s="596"/>
      <c r="AV90" s="596"/>
      <c r="AW90" s="596"/>
      <c r="AX90" s="596"/>
      <c r="AY90" s="596"/>
      <c r="AZ90" s="596"/>
      <c r="BA90" s="596"/>
      <c r="BB90" s="596"/>
      <c r="BC90" s="596"/>
      <c r="BD90" s="596"/>
      <c r="BE90" s="596"/>
    </row>
    <row r="91" spans="1:57" s="570" customFormat="1" ht="243" customHeight="1" thickTop="1" thickBot="1" x14ac:dyDescent="0.25">
      <c r="A91" s="1091" t="s">
        <v>413</v>
      </c>
      <c r="B91" s="1092"/>
      <c r="C91" s="1092"/>
      <c r="D91" s="1092"/>
      <c r="E91" s="1092"/>
      <c r="F91" s="1092"/>
      <c r="G91" s="1092"/>
      <c r="H91" s="1092"/>
      <c r="I91" s="1092"/>
      <c r="J91" s="1092"/>
      <c r="K91" s="1092"/>
      <c r="L91" s="1092"/>
      <c r="M91" s="1093"/>
      <c r="N91" s="1001" t="s">
        <v>27</v>
      </c>
      <c r="O91" s="1119" t="s">
        <v>20</v>
      </c>
      <c r="P91" s="765" t="s">
        <v>21</v>
      </c>
      <c r="Q91" s="1120" t="s">
        <v>22</v>
      </c>
      <c r="R91" s="1089"/>
      <c r="T91" s="1096"/>
      <c r="U91" s="806"/>
      <c r="V91" s="600"/>
      <c r="W91" s="600"/>
      <c r="X91" s="600"/>
      <c r="Y91" s="600"/>
      <c r="Z91" s="600"/>
      <c r="AA91" s="600"/>
      <c r="AB91" s="600"/>
      <c r="AC91" s="600"/>
      <c r="AD91" s="600"/>
      <c r="AE91" s="600"/>
      <c r="AF91" s="600"/>
      <c r="AG91" s="600"/>
      <c r="AH91" s="600"/>
      <c r="AI91" s="600"/>
      <c r="AJ91" s="600"/>
      <c r="AK91" s="600"/>
      <c r="AL91" s="600"/>
      <c r="AM91" s="600"/>
      <c r="AN91" s="600"/>
      <c r="AO91" s="600"/>
      <c r="AP91" s="600"/>
      <c r="AQ91" s="600"/>
      <c r="AR91" s="600"/>
      <c r="AS91" s="600"/>
      <c r="AT91" s="600"/>
      <c r="AU91" s="600"/>
      <c r="AV91" s="600"/>
      <c r="AW91" s="600"/>
      <c r="AX91" s="600"/>
      <c r="AY91" s="600"/>
      <c r="AZ91" s="600"/>
      <c r="BA91" s="600"/>
      <c r="BB91" s="600"/>
      <c r="BC91" s="600"/>
      <c r="BD91" s="600"/>
      <c r="BE91" s="600"/>
    </row>
    <row r="92" spans="1:57" s="546" customFormat="1" ht="69.900000000000006" customHeight="1" thickTop="1" x14ac:dyDescent="0.2">
      <c r="A92" s="70" t="s">
        <v>28</v>
      </c>
      <c r="B92" s="72"/>
      <c r="C92" s="72"/>
      <c r="D92" s="72"/>
      <c r="E92" s="72"/>
      <c r="F92" s="72"/>
      <c r="G92" s="72"/>
      <c r="H92" s="72"/>
      <c r="I92" s="72"/>
      <c r="J92" s="72"/>
      <c r="K92" s="72"/>
      <c r="L92" s="72"/>
      <c r="M92" s="72"/>
      <c r="N92" s="72"/>
      <c r="O92" s="72"/>
      <c r="P92" s="72"/>
      <c r="Q92" s="202"/>
      <c r="R92" s="1068"/>
      <c r="S92" s="561"/>
      <c r="T92" s="199"/>
    </row>
    <row r="93" spans="1:57" s="570" customFormat="1" ht="75" customHeight="1" x14ac:dyDescent="0.2">
      <c r="A93" s="1111"/>
      <c r="B93" s="1112"/>
      <c r="C93" s="1112"/>
      <c r="D93" s="1112"/>
      <c r="E93" s="1112"/>
      <c r="F93" s="1112"/>
      <c r="G93" s="1112"/>
      <c r="H93" s="1112"/>
      <c r="I93" s="1112"/>
      <c r="J93" s="1112"/>
      <c r="K93" s="1112"/>
      <c r="L93" s="1113"/>
      <c r="M93" s="1112"/>
      <c r="N93" s="1112"/>
      <c r="O93" s="1112"/>
      <c r="P93" s="1112"/>
      <c r="Q93" s="1114"/>
      <c r="R93" s="1028"/>
      <c r="S93" s="561"/>
      <c r="T93" s="579"/>
    </row>
    <row r="94" spans="1:57" s="570" customFormat="1" ht="75" customHeight="1" thickBot="1" x14ac:dyDescent="0.25">
      <c r="A94" s="1115"/>
      <c r="B94" s="1116"/>
      <c r="C94" s="1116"/>
      <c r="D94" s="1116"/>
      <c r="E94" s="1116"/>
      <c r="F94" s="1116"/>
      <c r="G94" s="1116"/>
      <c r="H94" s="1116"/>
      <c r="I94" s="1116"/>
      <c r="J94" s="1116"/>
      <c r="K94" s="1116"/>
      <c r="L94" s="1117"/>
      <c r="M94" s="1116"/>
      <c r="N94" s="1116"/>
      <c r="O94" s="1116"/>
      <c r="P94" s="1116"/>
      <c r="Q94" s="1118"/>
      <c r="R94" s="1028"/>
      <c r="S94" s="561"/>
      <c r="T94" s="579"/>
    </row>
    <row r="95" spans="1:57" s="546" customFormat="1" ht="69.900000000000006" customHeight="1" thickBot="1" x14ac:dyDescent="0.25">
      <c r="A95" s="584" t="s">
        <v>414</v>
      </c>
      <c r="B95" s="585"/>
      <c r="C95" s="585"/>
      <c r="D95" s="585"/>
      <c r="E95" s="585"/>
      <c r="F95" s="585"/>
      <c r="G95" s="585"/>
      <c r="H95" s="585"/>
      <c r="I95" s="585"/>
      <c r="J95" s="585"/>
      <c r="K95" s="585"/>
      <c r="L95" s="586"/>
      <c r="M95" s="585"/>
      <c r="N95" s="585"/>
      <c r="O95" s="585"/>
      <c r="P95" s="585"/>
      <c r="Q95" s="587"/>
      <c r="R95" s="1028"/>
      <c r="S95" s="561"/>
      <c r="T95" s="1121"/>
      <c r="U95" s="596"/>
      <c r="V95" s="596"/>
      <c r="W95" s="596"/>
      <c r="X95" s="596"/>
      <c r="Y95" s="600"/>
      <c r="Z95" s="600"/>
      <c r="AA95" s="600"/>
      <c r="AB95" s="600"/>
      <c r="AC95" s="600"/>
      <c r="AD95" s="600"/>
      <c r="AE95" s="600"/>
      <c r="AF95" s="600"/>
      <c r="AG95" s="600"/>
      <c r="AH95" s="600"/>
      <c r="AI95" s="600"/>
      <c r="AJ95" s="600"/>
      <c r="AK95" s="600"/>
      <c r="AL95" s="600"/>
      <c r="AM95" s="600"/>
      <c r="AN95" s="600"/>
      <c r="AO95" s="596"/>
      <c r="AP95" s="596"/>
      <c r="AQ95" s="596"/>
      <c r="AR95" s="596"/>
      <c r="AS95" s="596"/>
      <c r="AT95" s="596"/>
      <c r="AU95" s="596"/>
      <c r="AV95" s="596"/>
      <c r="AW95" s="596"/>
      <c r="AX95" s="596"/>
      <c r="AY95" s="596"/>
      <c r="AZ95" s="596"/>
      <c r="BA95" s="596"/>
      <c r="BB95" s="596"/>
      <c r="BC95" s="596"/>
      <c r="BD95" s="596"/>
      <c r="BE95" s="596"/>
    </row>
    <row r="96" spans="1:57" s="570" customFormat="1" ht="274.5" customHeight="1" thickTop="1" thickBot="1" x14ac:dyDescent="0.25">
      <c r="A96" s="610" t="s">
        <v>415</v>
      </c>
      <c r="B96" s="611"/>
      <c r="C96" s="611"/>
      <c r="D96" s="611"/>
      <c r="E96" s="611"/>
      <c r="F96" s="611"/>
      <c r="G96" s="611"/>
      <c r="H96" s="611"/>
      <c r="I96" s="611"/>
      <c r="J96" s="611"/>
      <c r="K96" s="611"/>
      <c r="L96" s="568"/>
      <c r="M96" s="611"/>
      <c r="N96" s="611"/>
      <c r="O96" s="52" t="s">
        <v>20</v>
      </c>
      <c r="P96" s="53" t="s">
        <v>21</v>
      </c>
      <c r="Q96" s="54" t="s">
        <v>22</v>
      </c>
      <c r="R96" s="1028"/>
      <c r="S96" s="561"/>
      <c r="T96" s="569"/>
      <c r="U96" s="596"/>
      <c r="V96" s="600"/>
      <c r="W96" s="600"/>
      <c r="X96" s="600"/>
      <c r="Y96" s="600"/>
      <c r="Z96" s="600"/>
      <c r="AA96" s="600"/>
      <c r="AB96" s="600"/>
      <c r="AC96" s="600"/>
      <c r="AD96" s="600"/>
      <c r="AE96" s="600"/>
      <c r="AF96" s="600"/>
      <c r="AG96" s="600"/>
      <c r="AH96" s="600"/>
      <c r="AI96" s="600"/>
      <c r="AJ96" s="600"/>
      <c r="AK96" s="600"/>
      <c r="AL96" s="600"/>
      <c r="AM96" s="600"/>
      <c r="AN96" s="600"/>
      <c r="AO96" s="600"/>
      <c r="AP96" s="600"/>
      <c r="AQ96" s="600"/>
      <c r="AR96" s="600"/>
      <c r="AS96" s="600"/>
      <c r="AT96" s="600"/>
      <c r="AU96" s="600"/>
      <c r="AV96" s="600"/>
      <c r="AW96" s="600"/>
      <c r="AX96" s="600"/>
      <c r="AY96" s="600"/>
      <c r="AZ96" s="600"/>
      <c r="BA96" s="600"/>
      <c r="BB96" s="600"/>
      <c r="BC96" s="600"/>
      <c r="BD96" s="600"/>
      <c r="BE96" s="600"/>
    </row>
    <row r="97" spans="1:259" s="570" customFormat="1" ht="229.5" customHeight="1" thickTop="1" thickBot="1" x14ac:dyDescent="0.25">
      <c r="A97" s="604" t="s">
        <v>416</v>
      </c>
      <c r="B97" s="605"/>
      <c r="C97" s="605"/>
      <c r="D97" s="605"/>
      <c r="E97" s="605"/>
      <c r="F97" s="605"/>
      <c r="G97" s="605"/>
      <c r="H97" s="605"/>
      <c r="I97" s="605"/>
      <c r="J97" s="605"/>
      <c r="K97" s="605"/>
      <c r="L97" s="184"/>
      <c r="M97" s="605"/>
      <c r="N97" s="605"/>
      <c r="O97" s="52" t="s">
        <v>20</v>
      </c>
      <c r="P97" s="53" t="s">
        <v>21</v>
      </c>
      <c r="Q97" s="54" t="s">
        <v>22</v>
      </c>
      <c r="R97" s="1028"/>
      <c r="S97" s="561"/>
      <c r="T97" s="569"/>
      <c r="U97" s="596"/>
      <c r="V97" s="600"/>
      <c r="W97" s="600"/>
      <c r="X97" s="600"/>
      <c r="Y97" s="596"/>
      <c r="Z97" s="596"/>
      <c r="AA97" s="596"/>
      <c r="AB97" s="596"/>
      <c r="AC97" s="596"/>
      <c r="AD97" s="596"/>
      <c r="AE97" s="596"/>
      <c r="AF97" s="596"/>
      <c r="AG97" s="596"/>
      <c r="AH97" s="596"/>
      <c r="AI97" s="596"/>
      <c r="AJ97" s="596"/>
      <c r="AK97" s="596"/>
      <c r="AL97" s="596"/>
      <c r="AM97" s="596"/>
      <c r="AN97" s="596"/>
      <c r="AO97" s="600"/>
      <c r="AP97" s="600"/>
      <c r="AQ97" s="600"/>
      <c r="AR97" s="600"/>
      <c r="AS97" s="600"/>
      <c r="AT97" s="600"/>
      <c r="AU97" s="600"/>
      <c r="AV97" s="600"/>
      <c r="AW97" s="600"/>
      <c r="AX97" s="600"/>
      <c r="AY97" s="600"/>
      <c r="AZ97" s="600"/>
      <c r="BA97" s="600"/>
      <c r="BB97" s="600"/>
      <c r="BC97" s="600"/>
      <c r="BD97" s="600"/>
      <c r="BE97" s="600"/>
    </row>
    <row r="98" spans="1:259" s="570" customFormat="1" ht="140.1" customHeight="1" thickTop="1" thickBot="1" x14ac:dyDescent="0.25">
      <c r="A98" s="604" t="s">
        <v>417</v>
      </c>
      <c r="B98" s="605"/>
      <c r="C98" s="605"/>
      <c r="D98" s="605"/>
      <c r="E98" s="605"/>
      <c r="F98" s="605"/>
      <c r="G98" s="605"/>
      <c r="H98" s="605"/>
      <c r="I98" s="605"/>
      <c r="J98" s="605"/>
      <c r="K98" s="605"/>
      <c r="L98" s="184"/>
      <c r="M98" s="605"/>
      <c r="N98" s="605"/>
      <c r="O98" s="67" t="s">
        <v>20</v>
      </c>
      <c r="P98" s="68" t="s">
        <v>25</v>
      </c>
      <c r="Q98" s="69" t="s">
        <v>22</v>
      </c>
      <c r="R98" s="1028"/>
      <c r="S98" s="561"/>
      <c r="T98" s="569"/>
      <c r="U98" s="596"/>
      <c r="V98" s="600"/>
      <c r="W98" s="600"/>
      <c r="X98" s="600"/>
      <c r="Y98" s="600"/>
      <c r="Z98" s="600"/>
      <c r="AA98" s="600"/>
      <c r="AB98" s="600"/>
      <c r="AC98" s="600"/>
      <c r="AD98" s="600"/>
      <c r="AE98" s="600"/>
      <c r="AF98" s="600"/>
      <c r="AG98" s="600"/>
      <c r="AH98" s="600"/>
      <c r="AI98" s="600"/>
      <c r="AJ98" s="600"/>
      <c r="AK98" s="600"/>
      <c r="AL98" s="600"/>
      <c r="AM98" s="600"/>
      <c r="AN98" s="600"/>
      <c r="AO98" s="600"/>
      <c r="AP98" s="600"/>
      <c r="AQ98" s="600"/>
      <c r="AR98" s="600"/>
      <c r="AS98" s="600"/>
      <c r="AT98" s="600"/>
      <c r="AU98" s="600"/>
      <c r="AV98" s="600"/>
      <c r="AW98" s="600"/>
      <c r="AX98" s="600"/>
      <c r="AY98" s="600"/>
      <c r="AZ98" s="600"/>
      <c r="BA98" s="600"/>
      <c r="BB98" s="600"/>
      <c r="BC98" s="600"/>
      <c r="BD98" s="600"/>
      <c r="BE98" s="600"/>
    </row>
    <row r="99" spans="1:259" s="546" customFormat="1" ht="69.900000000000006" customHeight="1" thickTop="1" x14ac:dyDescent="0.2">
      <c r="A99" s="641" t="s">
        <v>28</v>
      </c>
      <c r="B99" s="642"/>
      <c r="C99" s="642"/>
      <c r="D99" s="642"/>
      <c r="E99" s="642"/>
      <c r="F99" s="642"/>
      <c r="G99" s="642"/>
      <c r="H99" s="642"/>
      <c r="I99" s="642"/>
      <c r="J99" s="642"/>
      <c r="K99" s="642"/>
      <c r="L99" s="643"/>
      <c r="M99" s="642"/>
      <c r="N99" s="642"/>
      <c r="O99" s="642"/>
      <c r="P99" s="642"/>
      <c r="Q99" s="644"/>
      <c r="R99" s="1068"/>
      <c r="S99" s="561"/>
      <c r="T99" s="199"/>
    </row>
    <row r="100" spans="1:259" s="570" customFormat="1" ht="75" customHeight="1" x14ac:dyDescent="0.2">
      <c r="A100" s="575"/>
      <c r="B100" s="576"/>
      <c r="C100" s="576"/>
      <c r="D100" s="576"/>
      <c r="E100" s="576"/>
      <c r="F100" s="576"/>
      <c r="G100" s="576"/>
      <c r="H100" s="576"/>
      <c r="I100" s="576"/>
      <c r="J100" s="576"/>
      <c r="K100" s="576"/>
      <c r="L100" s="577"/>
      <c r="M100" s="576"/>
      <c r="N100" s="576"/>
      <c r="O100" s="576"/>
      <c r="P100" s="576"/>
      <c r="Q100" s="578"/>
      <c r="R100" s="1028"/>
      <c r="S100" s="561"/>
      <c r="T100" s="579"/>
      <c r="U100" s="546"/>
    </row>
    <row r="101" spans="1:259" s="570" customFormat="1" ht="75" customHeight="1" thickBot="1" x14ac:dyDescent="0.25">
      <c r="A101" s="606"/>
      <c r="B101" s="607"/>
      <c r="C101" s="607"/>
      <c r="D101" s="607"/>
      <c r="E101" s="607"/>
      <c r="F101" s="607"/>
      <c r="G101" s="607"/>
      <c r="H101" s="607"/>
      <c r="I101" s="607"/>
      <c r="J101" s="607"/>
      <c r="K101" s="607"/>
      <c r="L101" s="608"/>
      <c r="M101" s="607"/>
      <c r="N101" s="607"/>
      <c r="O101" s="607"/>
      <c r="P101" s="607"/>
      <c r="Q101" s="609"/>
      <c r="R101" s="1028"/>
      <c r="S101" s="561"/>
      <c r="T101" s="579"/>
      <c r="U101" s="546"/>
    </row>
    <row r="102" spans="1:259" s="546" customFormat="1" ht="69.900000000000006" customHeight="1" thickBot="1" x14ac:dyDescent="0.25">
      <c r="A102" s="584" t="s">
        <v>244</v>
      </c>
      <c r="B102" s="585"/>
      <c r="C102" s="585"/>
      <c r="D102" s="585"/>
      <c r="E102" s="585"/>
      <c r="F102" s="585"/>
      <c r="G102" s="585"/>
      <c r="H102" s="585"/>
      <c r="I102" s="585"/>
      <c r="J102" s="585"/>
      <c r="K102" s="585"/>
      <c r="L102" s="586"/>
      <c r="M102" s="585"/>
      <c r="N102" s="585"/>
      <c r="O102" s="585"/>
      <c r="P102" s="585"/>
      <c r="Q102" s="587"/>
      <c r="R102" s="1028"/>
      <c r="S102" s="561"/>
      <c r="T102" s="1105" t="s">
        <v>418</v>
      </c>
      <c r="U102" s="596"/>
      <c r="V102" s="596"/>
      <c r="W102" s="596"/>
      <c r="X102" s="596"/>
      <c r="Y102" s="596"/>
      <c r="Z102" s="596"/>
      <c r="AA102" s="596"/>
      <c r="AB102" s="596"/>
      <c r="AC102" s="596"/>
      <c r="AD102" s="596"/>
      <c r="AE102" s="596"/>
      <c r="AF102" s="596"/>
      <c r="AG102" s="596"/>
      <c r="AH102" s="596"/>
      <c r="AI102" s="596"/>
      <c r="AJ102" s="596"/>
      <c r="AK102" s="596"/>
      <c r="AL102" s="596"/>
      <c r="AM102" s="596"/>
      <c r="AN102" s="596"/>
      <c r="AO102" s="596"/>
      <c r="AP102" s="596"/>
      <c r="AQ102" s="596"/>
      <c r="AR102" s="596"/>
      <c r="AS102" s="596"/>
      <c r="AT102" s="596"/>
      <c r="AU102" s="596"/>
      <c r="AV102" s="596"/>
      <c r="AW102" s="596"/>
      <c r="AX102" s="596"/>
      <c r="AY102" s="596"/>
      <c r="AZ102" s="596"/>
      <c r="BA102" s="596"/>
      <c r="BB102" s="596"/>
      <c r="BC102" s="596"/>
      <c r="BD102" s="596"/>
      <c r="BE102" s="596"/>
    </row>
    <row r="103" spans="1:259" s="570" customFormat="1" ht="409.6" customHeight="1" thickTop="1" thickBot="1" x14ac:dyDescent="0.25">
      <c r="A103" s="669" t="s">
        <v>419</v>
      </c>
      <c r="B103" s="679"/>
      <c r="C103" s="679"/>
      <c r="D103" s="679"/>
      <c r="E103" s="679"/>
      <c r="F103" s="679"/>
      <c r="G103" s="679"/>
      <c r="H103" s="679"/>
      <c r="I103" s="679"/>
      <c r="J103" s="679"/>
      <c r="K103" s="679"/>
      <c r="L103" s="196"/>
      <c r="M103" s="679"/>
      <c r="N103" s="679"/>
      <c r="O103" s="102" t="s">
        <v>20</v>
      </c>
      <c r="P103" s="597" t="s">
        <v>21</v>
      </c>
      <c r="Q103" s="598" t="s">
        <v>22</v>
      </c>
      <c r="R103" s="1028"/>
      <c r="S103" s="561"/>
      <c r="T103" s="569"/>
      <c r="U103" s="596"/>
      <c r="V103" s="600"/>
      <c r="W103" s="600"/>
      <c r="X103" s="600"/>
      <c r="Y103" s="600"/>
      <c r="Z103" s="600"/>
      <c r="AA103" s="600"/>
      <c r="AB103" s="600"/>
      <c r="AC103" s="600"/>
      <c r="AD103" s="600"/>
      <c r="AE103" s="600"/>
      <c r="AF103" s="600"/>
      <c r="AG103" s="600"/>
      <c r="AH103" s="600"/>
      <c r="AI103" s="600"/>
      <c r="AJ103" s="600"/>
      <c r="AK103" s="600"/>
      <c r="AL103" s="600"/>
      <c r="AM103" s="600"/>
      <c r="AN103" s="600"/>
      <c r="AO103" s="600"/>
      <c r="AP103" s="600"/>
      <c r="AQ103" s="600"/>
      <c r="AR103" s="600"/>
      <c r="AS103" s="600"/>
      <c r="AT103" s="600"/>
      <c r="AU103" s="600"/>
      <c r="AV103" s="600"/>
      <c r="AW103" s="600"/>
      <c r="AX103" s="600"/>
      <c r="AY103" s="600"/>
      <c r="AZ103" s="600"/>
      <c r="BA103" s="600"/>
      <c r="BB103" s="600"/>
      <c r="BC103" s="600"/>
      <c r="BD103" s="600"/>
      <c r="BE103" s="600"/>
    </row>
    <row r="104" spans="1:259" s="570" customFormat="1" ht="164.4" customHeight="1" thickTop="1" x14ac:dyDescent="0.2">
      <c r="A104" s="1122"/>
      <c r="B104" s="653"/>
      <c r="C104" s="653"/>
      <c r="D104" s="653"/>
      <c r="E104" s="653"/>
      <c r="F104" s="653"/>
      <c r="G104" s="653"/>
      <c r="H104" s="653"/>
      <c r="I104" s="653"/>
      <c r="J104" s="653"/>
      <c r="K104" s="653"/>
      <c r="L104" s="196"/>
      <c r="M104" s="653"/>
      <c r="N104" s="653"/>
      <c r="O104" s="1123"/>
      <c r="P104" s="1124"/>
      <c r="Q104" s="1125"/>
      <c r="R104" s="1028"/>
      <c r="S104" s="561"/>
      <c r="T104" s="739"/>
      <c r="U104" s="596"/>
      <c r="V104" s="600"/>
      <c r="W104" s="600"/>
      <c r="X104" s="600"/>
      <c r="Y104" s="600"/>
      <c r="Z104" s="600"/>
      <c r="AA104" s="600"/>
      <c r="AB104" s="600"/>
      <c r="AC104" s="600"/>
      <c r="AD104" s="600"/>
      <c r="AE104" s="600"/>
      <c r="AF104" s="600"/>
      <c r="AG104" s="600"/>
      <c r="AH104" s="600"/>
      <c r="AI104" s="600"/>
      <c r="AJ104" s="600"/>
      <c r="AK104" s="600"/>
      <c r="AL104" s="600"/>
      <c r="AM104" s="600"/>
      <c r="AN104" s="600"/>
      <c r="AO104" s="600"/>
      <c r="AP104" s="600"/>
      <c r="AQ104" s="600"/>
      <c r="AR104" s="600"/>
      <c r="AS104" s="600"/>
      <c r="AT104" s="600"/>
      <c r="AU104" s="600"/>
      <c r="AV104" s="600"/>
      <c r="AW104" s="600"/>
      <c r="AX104" s="600"/>
      <c r="AY104" s="600"/>
      <c r="AZ104" s="600"/>
      <c r="BA104" s="600"/>
      <c r="BB104" s="600"/>
      <c r="BC104" s="600"/>
      <c r="BD104" s="600"/>
      <c r="BE104" s="600"/>
    </row>
    <row r="105" spans="1:259" s="570" customFormat="1" ht="409.6" customHeight="1" x14ac:dyDescent="0.2">
      <c r="A105" s="1122"/>
      <c r="B105" s="653"/>
      <c r="C105" s="653"/>
      <c r="D105" s="653"/>
      <c r="E105" s="653"/>
      <c r="F105" s="653"/>
      <c r="G105" s="653"/>
      <c r="H105" s="653"/>
      <c r="I105" s="653"/>
      <c r="J105" s="653"/>
      <c r="K105" s="653"/>
      <c r="L105" s="568"/>
      <c r="M105" s="653"/>
      <c r="N105" s="653"/>
      <c r="O105" s="1126"/>
      <c r="P105" s="1127"/>
      <c r="Q105" s="1128"/>
      <c r="R105" s="1028"/>
      <c r="S105" s="561"/>
      <c r="T105" s="739"/>
      <c r="V105" s="600"/>
      <c r="W105" s="600"/>
      <c r="X105" s="600"/>
      <c r="Y105" s="600"/>
      <c r="Z105" s="600"/>
      <c r="AA105" s="600"/>
      <c r="AB105" s="600"/>
      <c r="AC105" s="600"/>
      <c r="AD105" s="600"/>
      <c r="AE105" s="600"/>
      <c r="AF105" s="600"/>
      <c r="AG105" s="600"/>
      <c r="AH105" s="600"/>
      <c r="AI105" s="600"/>
      <c r="AJ105" s="600"/>
      <c r="AK105" s="600"/>
      <c r="AL105" s="600"/>
      <c r="AM105" s="600"/>
      <c r="AN105" s="600"/>
      <c r="AO105" s="600"/>
      <c r="AP105" s="600"/>
      <c r="AQ105" s="600"/>
      <c r="AR105" s="600"/>
      <c r="AS105" s="600"/>
      <c r="AT105" s="600"/>
      <c r="AU105" s="600"/>
      <c r="AV105" s="600"/>
      <c r="AW105" s="600"/>
      <c r="AX105" s="600"/>
      <c r="AY105" s="600"/>
      <c r="AZ105" s="600"/>
      <c r="BA105" s="600"/>
      <c r="BB105" s="600"/>
      <c r="BC105" s="600"/>
      <c r="BD105" s="600"/>
      <c r="BE105" s="600"/>
    </row>
    <row r="106" spans="1:259" s="546" customFormat="1" ht="69.900000000000006" customHeight="1" x14ac:dyDescent="0.2">
      <c r="A106" s="833" t="s">
        <v>420</v>
      </c>
      <c r="B106" s="1129"/>
      <c r="C106" s="1129"/>
      <c r="D106" s="1129"/>
      <c r="E106" s="1129"/>
      <c r="F106" s="1129"/>
      <c r="G106" s="1129"/>
      <c r="H106" s="1129"/>
      <c r="I106" s="1129"/>
      <c r="J106" s="1129"/>
      <c r="K106" s="1129"/>
      <c r="L106" s="835"/>
      <c r="M106" s="1129"/>
      <c r="N106" s="1129"/>
      <c r="O106" s="1129"/>
      <c r="P106" s="1129"/>
      <c r="Q106" s="1130"/>
      <c r="R106" s="1068"/>
      <c r="S106" s="561"/>
      <c r="T106" s="199"/>
      <c r="U106" s="1081"/>
    </row>
    <row r="107" spans="1:259" s="546" customFormat="1" ht="69.900000000000006" customHeight="1" x14ac:dyDescent="0.2">
      <c r="A107" s="696" t="s">
        <v>74</v>
      </c>
      <c r="B107" s="697"/>
      <c r="C107" s="697"/>
      <c r="D107" s="697"/>
      <c r="E107" s="697"/>
      <c r="F107" s="697"/>
      <c r="G107" s="697"/>
      <c r="H107" s="697"/>
      <c r="I107" s="697"/>
      <c r="J107" s="697"/>
      <c r="K107" s="697"/>
      <c r="L107" s="697"/>
      <c r="M107" s="697"/>
      <c r="N107" s="697"/>
      <c r="O107" s="697"/>
      <c r="P107" s="697"/>
      <c r="Q107" s="698"/>
      <c r="R107" s="198"/>
      <c r="S107" s="187"/>
      <c r="T107" s="199"/>
      <c r="U107" s="201"/>
      <c r="V107" s="201"/>
      <c r="W107" s="201"/>
      <c r="X107" s="201"/>
      <c r="Y107" s="201"/>
      <c r="Z107" s="201"/>
      <c r="AA107" s="201"/>
      <c r="AB107" s="201"/>
      <c r="AC107" s="201"/>
      <c r="AD107" s="201"/>
      <c r="AE107" s="201"/>
      <c r="AF107" s="201"/>
      <c r="AG107" s="201"/>
      <c r="AH107" s="201"/>
      <c r="AI107" s="201"/>
      <c r="AJ107" s="201"/>
      <c r="AK107" s="201"/>
      <c r="AL107" s="201"/>
      <c r="AM107" s="201"/>
      <c r="AN107" s="201"/>
      <c r="AO107" s="201"/>
      <c r="AP107" s="201"/>
      <c r="AQ107" s="201"/>
      <c r="AR107" s="201"/>
      <c r="AS107" s="201"/>
      <c r="AT107" s="201"/>
      <c r="AU107" s="201"/>
      <c r="AV107" s="201"/>
      <c r="AW107" s="201"/>
      <c r="AX107" s="201"/>
      <c r="AY107" s="201"/>
      <c r="AZ107" s="201"/>
      <c r="BA107" s="201"/>
      <c r="BB107" s="201"/>
      <c r="BC107" s="201"/>
      <c r="BD107" s="201"/>
      <c r="BE107" s="201"/>
      <c r="BF107" s="201"/>
      <c r="BG107" s="201"/>
      <c r="BH107" s="201"/>
      <c r="BI107" s="201"/>
      <c r="BJ107" s="201"/>
      <c r="BK107" s="201"/>
      <c r="BL107" s="201"/>
      <c r="BM107" s="201"/>
      <c r="BN107" s="201"/>
      <c r="BO107" s="201"/>
      <c r="BP107" s="201"/>
      <c r="BQ107" s="201"/>
      <c r="BR107" s="201"/>
      <c r="BS107" s="201"/>
      <c r="BT107" s="201"/>
      <c r="BU107" s="201"/>
      <c r="BV107" s="201"/>
      <c r="BW107" s="201"/>
      <c r="BX107" s="201"/>
      <c r="BY107" s="201"/>
      <c r="BZ107" s="201"/>
      <c r="CA107" s="201"/>
      <c r="CB107" s="201"/>
      <c r="CC107" s="201"/>
      <c r="CD107" s="201"/>
      <c r="CE107" s="201"/>
      <c r="CF107" s="201"/>
      <c r="CG107" s="201"/>
      <c r="CH107" s="201"/>
      <c r="CI107" s="201"/>
      <c r="CJ107" s="201"/>
      <c r="CK107" s="201"/>
      <c r="CL107" s="201"/>
      <c r="CM107" s="201"/>
      <c r="CN107" s="201"/>
      <c r="CO107" s="201"/>
      <c r="CP107" s="201"/>
      <c r="CQ107" s="201"/>
      <c r="CR107" s="201"/>
      <c r="CS107" s="201"/>
      <c r="CT107" s="201"/>
      <c r="CU107" s="201"/>
      <c r="CV107" s="201"/>
      <c r="CW107" s="201"/>
      <c r="CX107" s="201"/>
      <c r="CY107" s="201"/>
      <c r="CZ107" s="201"/>
      <c r="DA107" s="201"/>
      <c r="DB107" s="201"/>
      <c r="DC107" s="201"/>
      <c r="DD107" s="201"/>
      <c r="DE107" s="201"/>
      <c r="DF107" s="201"/>
      <c r="DG107" s="201"/>
      <c r="DH107" s="201"/>
      <c r="DI107" s="201"/>
      <c r="DJ107" s="201"/>
      <c r="DK107" s="201"/>
      <c r="DL107" s="201"/>
      <c r="DM107" s="201"/>
      <c r="DN107" s="201"/>
      <c r="DO107" s="201"/>
      <c r="DP107" s="201"/>
      <c r="DQ107" s="201"/>
      <c r="DR107" s="201"/>
      <c r="DS107" s="201"/>
      <c r="DT107" s="201"/>
      <c r="DU107" s="201"/>
      <c r="DV107" s="201"/>
      <c r="DW107" s="201"/>
      <c r="DX107" s="201"/>
      <c r="DY107" s="201"/>
      <c r="DZ107" s="201"/>
      <c r="EA107" s="201"/>
      <c r="EB107" s="201"/>
      <c r="EC107" s="201"/>
      <c r="ED107" s="201"/>
      <c r="EE107" s="201"/>
      <c r="EF107" s="201"/>
      <c r="EG107" s="201"/>
      <c r="EH107" s="201"/>
      <c r="EI107" s="201"/>
      <c r="EJ107" s="201"/>
      <c r="EK107" s="201"/>
      <c r="EL107" s="201"/>
      <c r="EM107" s="201"/>
      <c r="EN107" s="201"/>
      <c r="EO107" s="201"/>
      <c r="EP107" s="201"/>
      <c r="EQ107" s="201"/>
      <c r="ER107" s="201"/>
      <c r="ES107" s="201"/>
      <c r="ET107" s="201"/>
      <c r="EU107" s="201"/>
      <c r="EV107" s="201"/>
      <c r="EW107" s="201"/>
      <c r="EX107" s="201"/>
      <c r="EY107" s="201"/>
      <c r="EZ107" s="201"/>
      <c r="FA107" s="201"/>
      <c r="FB107" s="201"/>
      <c r="FC107" s="201"/>
      <c r="FD107" s="201"/>
      <c r="FE107" s="201"/>
      <c r="FF107" s="201"/>
      <c r="FG107" s="201"/>
      <c r="FH107" s="201"/>
      <c r="FI107" s="201"/>
      <c r="FJ107" s="201"/>
      <c r="FK107" s="201"/>
      <c r="FL107" s="201"/>
      <c r="FM107" s="201"/>
      <c r="FN107" s="201"/>
      <c r="FO107" s="201"/>
      <c r="FP107" s="201"/>
      <c r="FQ107" s="201"/>
      <c r="FR107" s="201"/>
      <c r="FS107" s="201"/>
      <c r="FT107" s="201"/>
      <c r="FU107" s="201"/>
      <c r="FV107" s="201"/>
      <c r="FW107" s="201"/>
      <c r="FX107" s="201"/>
      <c r="FY107" s="201"/>
      <c r="FZ107" s="201"/>
      <c r="GA107" s="201"/>
      <c r="GB107" s="201"/>
      <c r="GC107" s="201"/>
      <c r="GD107" s="201"/>
      <c r="GE107" s="201"/>
      <c r="GF107" s="201"/>
      <c r="GG107" s="201"/>
      <c r="GH107" s="201"/>
      <c r="GI107" s="201"/>
      <c r="GJ107" s="201"/>
      <c r="GK107" s="201"/>
      <c r="GL107" s="201"/>
      <c r="GM107" s="201"/>
      <c r="GN107" s="201"/>
      <c r="GO107" s="201"/>
      <c r="GP107" s="201"/>
      <c r="GQ107" s="201"/>
      <c r="GR107" s="201"/>
      <c r="GS107" s="201"/>
      <c r="GT107" s="201"/>
      <c r="GU107" s="201"/>
      <c r="GV107" s="201"/>
      <c r="GW107" s="201"/>
      <c r="GX107" s="201"/>
      <c r="GY107" s="201"/>
      <c r="GZ107" s="201"/>
      <c r="HA107" s="201"/>
      <c r="HB107" s="201"/>
      <c r="HC107" s="201"/>
      <c r="HD107" s="201"/>
      <c r="HE107" s="201"/>
      <c r="HF107" s="201"/>
      <c r="HG107" s="201"/>
      <c r="HH107" s="201"/>
      <c r="HI107" s="201"/>
      <c r="HJ107" s="201"/>
      <c r="HK107" s="201"/>
      <c r="HL107" s="201"/>
      <c r="HM107" s="201"/>
      <c r="HN107" s="201"/>
      <c r="HO107" s="201"/>
      <c r="HP107" s="201"/>
      <c r="HQ107" s="201"/>
      <c r="HR107" s="201"/>
      <c r="HS107" s="201"/>
      <c r="HT107" s="201"/>
      <c r="HU107" s="201"/>
      <c r="HV107" s="201"/>
      <c r="HW107" s="201"/>
      <c r="HX107" s="201"/>
      <c r="HY107" s="201"/>
      <c r="HZ107" s="201"/>
      <c r="IA107" s="201"/>
      <c r="IB107" s="201"/>
      <c r="IC107" s="201"/>
      <c r="ID107" s="201"/>
      <c r="IE107" s="201"/>
      <c r="IF107" s="201"/>
      <c r="IG107" s="201"/>
      <c r="IH107" s="201"/>
      <c r="II107" s="201"/>
      <c r="IJ107" s="201"/>
      <c r="IK107" s="201"/>
      <c r="IL107" s="201"/>
      <c r="IM107" s="201"/>
      <c r="IN107" s="201"/>
      <c r="IO107" s="201"/>
      <c r="IP107" s="201"/>
      <c r="IQ107" s="201"/>
      <c r="IR107" s="201"/>
      <c r="IS107" s="201"/>
      <c r="IT107" s="201"/>
      <c r="IU107" s="201"/>
      <c r="IV107" s="201"/>
      <c r="IW107" s="201"/>
      <c r="IX107" s="201"/>
      <c r="IY107" s="201"/>
    </row>
    <row r="108" spans="1:259" s="570" customFormat="1" ht="69" customHeight="1" x14ac:dyDescent="0.2">
      <c r="A108" s="905" t="s">
        <v>247</v>
      </c>
      <c r="B108" s="906"/>
      <c r="C108" s="906"/>
      <c r="D108" s="906"/>
      <c r="E108" s="906"/>
      <c r="F108" s="906"/>
      <c r="G108" s="906"/>
      <c r="H108" s="906"/>
      <c r="I108" s="906"/>
      <c r="J108" s="906"/>
      <c r="K108" s="906"/>
      <c r="L108" s="906"/>
      <c r="M108" s="906"/>
      <c r="N108" s="906"/>
      <c r="O108" s="906"/>
      <c r="P108" s="906"/>
      <c r="Q108" s="907"/>
      <c r="R108" s="1028"/>
      <c r="S108" s="561"/>
      <c r="T108" s="595"/>
      <c r="U108" s="596"/>
      <c r="V108" s="600"/>
      <c r="W108" s="600"/>
      <c r="X108" s="600"/>
      <c r="Y108" s="600"/>
      <c r="Z108" s="600"/>
      <c r="AA108" s="600"/>
      <c r="AB108" s="600"/>
      <c r="AC108" s="600"/>
      <c r="AD108" s="600"/>
      <c r="AE108" s="600"/>
      <c r="AF108" s="600"/>
      <c r="AG108" s="600"/>
      <c r="AH108" s="600"/>
      <c r="AI108" s="600"/>
      <c r="AJ108" s="600"/>
      <c r="AK108" s="600"/>
      <c r="AL108" s="600"/>
      <c r="AM108" s="600"/>
      <c r="AN108" s="600"/>
      <c r="AO108" s="600"/>
      <c r="AP108" s="600"/>
      <c r="AQ108" s="600"/>
      <c r="AR108" s="600"/>
      <c r="AS108" s="600"/>
      <c r="AT108" s="600"/>
      <c r="AU108" s="600"/>
      <c r="AV108" s="600"/>
      <c r="AW108" s="600"/>
      <c r="AX108" s="600"/>
      <c r="AY108" s="600"/>
      <c r="AZ108" s="600"/>
      <c r="BA108" s="600"/>
      <c r="BB108" s="600"/>
      <c r="BC108" s="600"/>
      <c r="BD108" s="600"/>
      <c r="BE108" s="600"/>
    </row>
    <row r="109" spans="1:259" s="570" customFormat="1" ht="148.94999999999999" customHeight="1" x14ac:dyDescent="0.2">
      <c r="A109" s="779" t="s">
        <v>248</v>
      </c>
      <c r="B109" s="780"/>
      <c r="C109" s="780"/>
      <c r="D109" s="780"/>
      <c r="E109" s="780"/>
      <c r="F109" s="780"/>
      <c r="G109" s="780"/>
      <c r="H109" s="780"/>
      <c r="I109" s="780"/>
      <c r="J109" s="780"/>
      <c r="K109" s="780"/>
      <c r="L109" s="780"/>
      <c r="M109" s="780"/>
      <c r="N109" s="780"/>
      <c r="O109" s="780"/>
      <c r="P109" s="780"/>
      <c r="Q109" s="781"/>
      <c r="R109" s="1028"/>
      <c r="S109" s="561"/>
      <c r="T109" s="595"/>
      <c r="U109" s="596"/>
      <c r="V109" s="600"/>
      <c r="W109" s="600"/>
      <c r="X109" s="600"/>
      <c r="Y109" s="600"/>
      <c r="Z109" s="600"/>
      <c r="AA109" s="600"/>
      <c r="AB109" s="600"/>
      <c r="AC109" s="600"/>
      <c r="AD109" s="600"/>
      <c r="AE109" s="600"/>
      <c r="AF109" s="600"/>
      <c r="AG109" s="600"/>
      <c r="AH109" s="600"/>
      <c r="AI109" s="600"/>
      <c r="AJ109" s="600"/>
      <c r="AK109" s="600"/>
      <c r="AL109" s="600"/>
      <c r="AM109" s="600"/>
      <c r="AN109" s="600"/>
      <c r="AO109" s="600"/>
      <c r="AP109" s="600"/>
      <c r="AQ109" s="600"/>
      <c r="AR109" s="600"/>
      <c r="AS109" s="600"/>
      <c r="AT109" s="600"/>
      <c r="AU109" s="600"/>
      <c r="AV109" s="600"/>
      <c r="AW109" s="600"/>
      <c r="AX109" s="600"/>
      <c r="AY109" s="600"/>
      <c r="AZ109" s="600"/>
      <c r="BA109" s="600"/>
      <c r="BB109" s="600"/>
      <c r="BC109" s="600"/>
      <c r="BD109" s="600"/>
      <c r="BE109" s="600"/>
    </row>
    <row r="110" spans="1:259" s="546" customFormat="1" ht="69.900000000000006" customHeight="1" x14ac:dyDescent="0.2">
      <c r="A110" s="70" t="s">
        <v>28</v>
      </c>
      <c r="B110" s="72"/>
      <c r="C110" s="72"/>
      <c r="D110" s="72"/>
      <c r="E110" s="72"/>
      <c r="F110" s="72"/>
      <c r="G110" s="72"/>
      <c r="H110" s="72"/>
      <c r="I110" s="72"/>
      <c r="J110" s="72"/>
      <c r="K110" s="72"/>
      <c r="L110" s="72"/>
      <c r="M110" s="72"/>
      <c r="N110" s="72"/>
      <c r="O110" s="72"/>
      <c r="P110" s="72"/>
      <c r="Q110" s="202"/>
      <c r="R110" s="1068"/>
      <c r="S110" s="561"/>
      <c r="T110" s="199"/>
    </row>
    <row r="111" spans="1:259" s="570" customFormat="1" ht="75" customHeight="1" x14ac:dyDescent="0.2">
      <c r="A111" s="575"/>
      <c r="B111" s="576"/>
      <c r="C111" s="576"/>
      <c r="D111" s="576"/>
      <c r="E111" s="576"/>
      <c r="F111" s="576"/>
      <c r="G111" s="576"/>
      <c r="H111" s="576"/>
      <c r="I111" s="576"/>
      <c r="J111" s="576"/>
      <c r="K111" s="576"/>
      <c r="L111" s="577"/>
      <c r="M111" s="576"/>
      <c r="N111" s="576"/>
      <c r="O111" s="576"/>
      <c r="P111" s="576"/>
      <c r="Q111" s="578"/>
      <c r="R111" s="1028"/>
      <c r="S111" s="561"/>
      <c r="T111" s="579"/>
      <c r="U111" s="546"/>
    </row>
    <row r="112" spans="1:259" s="570" customFormat="1" ht="75" customHeight="1" thickBot="1" x14ac:dyDescent="0.25">
      <c r="A112" s="606"/>
      <c r="B112" s="607"/>
      <c r="C112" s="607"/>
      <c r="D112" s="607"/>
      <c r="E112" s="607"/>
      <c r="F112" s="607"/>
      <c r="G112" s="607"/>
      <c r="H112" s="607"/>
      <c r="I112" s="607"/>
      <c r="J112" s="607"/>
      <c r="K112" s="607"/>
      <c r="L112" s="608"/>
      <c r="M112" s="607"/>
      <c r="N112" s="607"/>
      <c r="O112" s="607"/>
      <c r="P112" s="607"/>
      <c r="Q112" s="609"/>
      <c r="R112" s="1028"/>
      <c r="S112" s="561"/>
      <c r="T112" s="579"/>
      <c r="U112" s="546"/>
    </row>
    <row r="113" spans="1:57" s="546" customFormat="1" ht="69.900000000000006" customHeight="1" thickBot="1" x14ac:dyDescent="0.25">
      <c r="A113" s="584" t="s">
        <v>421</v>
      </c>
      <c r="B113" s="585"/>
      <c r="C113" s="585"/>
      <c r="D113" s="585"/>
      <c r="E113" s="585"/>
      <c r="F113" s="585"/>
      <c r="G113" s="585"/>
      <c r="H113" s="585"/>
      <c r="I113" s="585"/>
      <c r="J113" s="585"/>
      <c r="K113" s="585"/>
      <c r="L113" s="586"/>
      <c r="M113" s="585"/>
      <c r="N113" s="585"/>
      <c r="O113" s="585"/>
      <c r="P113" s="585"/>
      <c r="Q113" s="587"/>
      <c r="R113" s="1028"/>
      <c r="S113" s="561"/>
      <c r="T113" s="595"/>
      <c r="U113" s="596"/>
      <c r="V113" s="596"/>
      <c r="W113" s="596"/>
      <c r="X113" s="596"/>
      <c r="Y113" s="600"/>
      <c r="Z113" s="600"/>
      <c r="AA113" s="600"/>
      <c r="AB113" s="600"/>
      <c r="AC113" s="600"/>
      <c r="AD113" s="600"/>
      <c r="AE113" s="600"/>
      <c r="AF113" s="600"/>
      <c r="AG113" s="600"/>
      <c r="AH113" s="600"/>
      <c r="AI113" s="600"/>
      <c r="AJ113" s="600"/>
      <c r="AK113" s="600"/>
      <c r="AL113" s="600"/>
      <c r="AM113" s="600"/>
      <c r="AN113" s="600"/>
      <c r="AO113" s="596"/>
      <c r="AP113" s="596"/>
      <c r="AQ113" s="596"/>
      <c r="AR113" s="596"/>
      <c r="AS113" s="596"/>
      <c r="AT113" s="596"/>
      <c r="AU113" s="596"/>
      <c r="AV113" s="596"/>
      <c r="AW113" s="596"/>
      <c r="AX113" s="596"/>
      <c r="AY113" s="596"/>
      <c r="AZ113" s="596"/>
      <c r="BA113" s="596"/>
      <c r="BB113" s="596"/>
      <c r="BC113" s="596"/>
      <c r="BD113" s="596"/>
      <c r="BE113" s="596"/>
    </row>
    <row r="114" spans="1:57" s="570" customFormat="1" ht="140.1" customHeight="1" thickTop="1" thickBot="1" x14ac:dyDescent="0.25">
      <c r="A114" s="745" t="s">
        <v>249</v>
      </c>
      <c r="B114" s="746"/>
      <c r="C114" s="746"/>
      <c r="D114" s="746"/>
      <c r="E114" s="746"/>
      <c r="F114" s="746"/>
      <c r="G114" s="746"/>
      <c r="H114" s="746"/>
      <c r="I114" s="746"/>
      <c r="J114" s="746"/>
      <c r="K114" s="746"/>
      <c r="L114" s="747"/>
      <c r="M114" s="746"/>
      <c r="N114" s="746"/>
      <c r="O114" s="52" t="s">
        <v>20</v>
      </c>
      <c r="P114" s="53" t="s">
        <v>21</v>
      </c>
      <c r="Q114" s="54" t="s">
        <v>22</v>
      </c>
      <c r="R114" s="1028"/>
      <c r="S114" s="561"/>
      <c r="T114" s="569"/>
      <c r="U114" s="596"/>
      <c r="V114" s="600"/>
      <c r="W114" s="600"/>
      <c r="X114" s="600"/>
      <c r="Y114" s="600"/>
      <c r="Z114" s="600"/>
      <c r="AA114" s="600"/>
      <c r="AB114" s="600"/>
      <c r="AC114" s="600"/>
      <c r="AD114" s="600"/>
      <c r="AE114" s="600"/>
      <c r="AF114" s="600"/>
      <c r="AG114" s="600"/>
      <c r="AH114" s="600"/>
      <c r="AI114" s="600"/>
      <c r="AJ114" s="600"/>
      <c r="AK114" s="600"/>
      <c r="AL114" s="600"/>
      <c r="AM114" s="600"/>
      <c r="AN114" s="600"/>
      <c r="AO114" s="600"/>
      <c r="AP114" s="600"/>
      <c r="AQ114" s="600"/>
      <c r="AR114" s="600"/>
      <c r="AS114" s="600"/>
      <c r="AT114" s="600"/>
      <c r="AU114" s="600"/>
      <c r="AV114" s="600"/>
      <c r="AW114" s="600"/>
      <c r="AX114" s="600"/>
      <c r="AY114" s="600"/>
      <c r="AZ114" s="600"/>
      <c r="BA114" s="600"/>
      <c r="BB114" s="600"/>
      <c r="BC114" s="600"/>
      <c r="BD114" s="600"/>
      <c r="BE114" s="600"/>
    </row>
    <row r="115" spans="1:57" s="546" customFormat="1" ht="69.900000000000006" customHeight="1" thickTop="1" x14ac:dyDescent="0.2">
      <c r="A115" s="70" t="s">
        <v>28</v>
      </c>
      <c r="B115" s="72"/>
      <c r="C115" s="72"/>
      <c r="D115" s="72"/>
      <c r="E115" s="72"/>
      <c r="F115" s="72"/>
      <c r="G115" s="72"/>
      <c r="H115" s="72"/>
      <c r="I115" s="72"/>
      <c r="J115" s="72"/>
      <c r="K115" s="72"/>
      <c r="L115" s="72"/>
      <c r="M115" s="72"/>
      <c r="N115" s="72"/>
      <c r="O115" s="72"/>
      <c r="P115" s="72"/>
      <c r="Q115" s="202"/>
      <c r="R115" s="1068"/>
      <c r="S115" s="561"/>
      <c r="T115" s="199"/>
    </row>
    <row r="116" spans="1:57" s="570" customFormat="1" ht="75" customHeight="1" x14ac:dyDescent="0.2">
      <c r="A116" s="575"/>
      <c r="B116" s="576"/>
      <c r="C116" s="576"/>
      <c r="D116" s="576"/>
      <c r="E116" s="576"/>
      <c r="F116" s="576"/>
      <c r="G116" s="576"/>
      <c r="H116" s="576"/>
      <c r="I116" s="576"/>
      <c r="J116" s="576"/>
      <c r="K116" s="576"/>
      <c r="L116" s="577"/>
      <c r="M116" s="576"/>
      <c r="N116" s="576"/>
      <c r="O116" s="576"/>
      <c r="P116" s="576"/>
      <c r="Q116" s="578"/>
      <c r="R116" s="1028"/>
      <c r="S116" s="561"/>
      <c r="T116" s="579"/>
      <c r="U116" s="546"/>
    </row>
    <row r="117" spans="1:57" s="570" customFormat="1" ht="75" customHeight="1" thickBot="1" x14ac:dyDescent="0.25">
      <c r="A117" s="606"/>
      <c r="B117" s="607"/>
      <c r="C117" s="607"/>
      <c r="D117" s="607"/>
      <c r="E117" s="607"/>
      <c r="F117" s="607"/>
      <c r="G117" s="607"/>
      <c r="H117" s="607"/>
      <c r="I117" s="607"/>
      <c r="J117" s="607"/>
      <c r="K117" s="607"/>
      <c r="L117" s="608"/>
      <c r="M117" s="607"/>
      <c r="N117" s="607"/>
      <c r="O117" s="607"/>
      <c r="P117" s="607"/>
      <c r="Q117" s="609"/>
      <c r="R117" s="1028"/>
      <c r="S117" s="561"/>
      <c r="T117" s="579"/>
      <c r="U117" s="546"/>
    </row>
    <row r="118" spans="1:57" s="546" customFormat="1" ht="69.900000000000006" customHeight="1" thickBot="1" x14ac:dyDescent="0.25">
      <c r="A118" s="584" t="s">
        <v>422</v>
      </c>
      <c r="B118" s="585"/>
      <c r="C118" s="585"/>
      <c r="D118" s="585"/>
      <c r="E118" s="585"/>
      <c r="F118" s="585"/>
      <c r="G118" s="585"/>
      <c r="H118" s="585"/>
      <c r="I118" s="585"/>
      <c r="J118" s="585"/>
      <c r="K118" s="585"/>
      <c r="L118" s="586"/>
      <c r="M118" s="585"/>
      <c r="N118" s="585"/>
      <c r="O118" s="585"/>
      <c r="P118" s="585"/>
      <c r="Q118" s="587"/>
      <c r="R118" s="1028"/>
      <c r="S118" s="561"/>
      <c r="T118" s="595"/>
      <c r="U118" s="596"/>
      <c r="V118" s="596"/>
      <c r="W118" s="596"/>
      <c r="X118" s="596"/>
      <c r="Y118" s="596"/>
      <c r="Z118" s="596"/>
      <c r="AA118" s="596"/>
      <c r="AB118" s="596"/>
      <c r="AC118" s="596"/>
      <c r="AD118" s="596"/>
      <c r="AE118" s="596"/>
      <c r="AF118" s="596"/>
      <c r="AG118" s="596"/>
      <c r="AH118" s="596"/>
      <c r="AI118" s="596"/>
      <c r="AJ118" s="596"/>
      <c r="AK118" s="596"/>
      <c r="AL118" s="596"/>
      <c r="AM118" s="596"/>
      <c r="AN118" s="596"/>
      <c r="AO118" s="596"/>
      <c r="AP118" s="596"/>
      <c r="AQ118" s="596"/>
      <c r="AR118" s="596"/>
      <c r="AS118" s="596"/>
      <c r="AT118" s="596"/>
      <c r="AU118" s="596"/>
      <c r="AV118" s="596"/>
      <c r="AW118" s="596"/>
      <c r="AX118" s="596"/>
      <c r="AY118" s="596"/>
      <c r="AZ118" s="596"/>
      <c r="BA118" s="596"/>
      <c r="BB118" s="596"/>
      <c r="BC118" s="596"/>
      <c r="BD118" s="596"/>
      <c r="BE118" s="596"/>
    </row>
    <row r="119" spans="1:57" s="570" customFormat="1" ht="271.5" customHeight="1" thickTop="1" thickBot="1" x14ac:dyDescent="0.25">
      <c r="A119" s="729" t="s">
        <v>423</v>
      </c>
      <c r="B119" s="730"/>
      <c r="C119" s="730"/>
      <c r="D119" s="730"/>
      <c r="E119" s="730"/>
      <c r="F119" s="730"/>
      <c r="G119" s="730"/>
      <c r="H119" s="730"/>
      <c r="I119" s="730"/>
      <c r="J119" s="730"/>
      <c r="K119" s="730"/>
      <c r="L119" s="731"/>
      <c r="M119" s="730"/>
      <c r="N119" s="730"/>
      <c r="O119" s="1131" t="s">
        <v>20</v>
      </c>
      <c r="P119" s="67" t="s">
        <v>21</v>
      </c>
      <c r="Q119" s="1132" t="s">
        <v>22</v>
      </c>
      <c r="R119" s="1028"/>
      <c r="S119" s="561"/>
      <c r="T119" s="569"/>
      <c r="U119" s="1081"/>
      <c r="V119" s="600"/>
      <c r="W119" s="600"/>
      <c r="X119" s="600"/>
      <c r="Y119" s="596"/>
      <c r="Z119" s="596"/>
      <c r="AA119" s="596"/>
      <c r="AB119" s="596"/>
      <c r="AC119" s="596"/>
      <c r="AD119" s="596"/>
      <c r="AE119" s="596"/>
      <c r="AF119" s="596"/>
      <c r="AG119" s="596"/>
      <c r="AH119" s="596"/>
      <c r="AI119" s="596"/>
      <c r="AJ119" s="596"/>
      <c r="AK119" s="596"/>
      <c r="AL119" s="596"/>
      <c r="AM119" s="596"/>
      <c r="AN119" s="596"/>
      <c r="AO119" s="600"/>
      <c r="AP119" s="600"/>
      <c r="AQ119" s="600"/>
      <c r="AR119" s="600"/>
      <c r="AS119" s="600"/>
      <c r="AT119" s="600"/>
      <c r="AU119" s="600"/>
      <c r="AV119" s="600"/>
      <c r="AW119" s="600"/>
      <c r="AX119" s="600"/>
      <c r="AY119" s="600"/>
      <c r="AZ119" s="600"/>
      <c r="BA119" s="600"/>
      <c r="BB119" s="600"/>
      <c r="BC119" s="600"/>
      <c r="BD119" s="600"/>
      <c r="BE119" s="600"/>
    </row>
    <row r="120" spans="1:57" s="546" customFormat="1" ht="69.900000000000006" customHeight="1" thickTop="1" x14ac:dyDescent="0.2">
      <c r="A120" s="70" t="s">
        <v>28</v>
      </c>
      <c r="B120" s="72"/>
      <c r="C120" s="72"/>
      <c r="D120" s="72"/>
      <c r="E120" s="72"/>
      <c r="F120" s="72"/>
      <c r="G120" s="72"/>
      <c r="H120" s="72"/>
      <c r="I120" s="72"/>
      <c r="J120" s="72"/>
      <c r="K120" s="72"/>
      <c r="L120" s="72"/>
      <c r="M120" s="72"/>
      <c r="N120" s="72"/>
      <c r="O120" s="72"/>
      <c r="P120" s="72"/>
      <c r="Q120" s="202"/>
      <c r="R120" s="1068"/>
      <c r="S120" s="561"/>
      <c r="T120" s="199"/>
    </row>
    <row r="121" spans="1:57" s="570" customFormat="1" ht="75" customHeight="1" x14ac:dyDescent="0.2">
      <c r="A121" s="575"/>
      <c r="B121" s="577"/>
      <c r="C121" s="577"/>
      <c r="D121" s="577"/>
      <c r="E121" s="577"/>
      <c r="F121" s="577"/>
      <c r="G121" s="577"/>
      <c r="H121" s="577"/>
      <c r="I121" s="577"/>
      <c r="J121" s="577"/>
      <c r="K121" s="577"/>
      <c r="L121" s="577"/>
      <c r="M121" s="577"/>
      <c r="N121" s="577"/>
      <c r="O121" s="577"/>
      <c r="P121" s="577"/>
      <c r="Q121" s="1133"/>
      <c r="R121" s="1028"/>
      <c r="S121" s="561"/>
      <c r="T121" s="579"/>
      <c r="U121" s="546"/>
    </row>
    <row r="122" spans="1:57" s="570" customFormat="1" ht="75" customHeight="1" thickBot="1" x14ac:dyDescent="0.25">
      <c r="A122" s="606"/>
      <c r="B122" s="607"/>
      <c r="C122" s="607"/>
      <c r="D122" s="607"/>
      <c r="E122" s="607"/>
      <c r="F122" s="607"/>
      <c r="G122" s="607"/>
      <c r="H122" s="607"/>
      <c r="I122" s="607"/>
      <c r="J122" s="607"/>
      <c r="K122" s="607"/>
      <c r="L122" s="608"/>
      <c r="M122" s="607"/>
      <c r="N122" s="607"/>
      <c r="O122" s="607"/>
      <c r="P122" s="607"/>
      <c r="Q122" s="609"/>
      <c r="R122" s="1028"/>
      <c r="S122" s="561"/>
      <c r="T122" s="579"/>
      <c r="U122" s="546"/>
    </row>
    <row r="123" spans="1:57" s="18" customFormat="1" ht="69.900000000000006" customHeight="1" thickBot="1" x14ac:dyDescent="0.25">
      <c r="A123" s="137" t="s">
        <v>424</v>
      </c>
      <c r="B123" s="139"/>
      <c r="C123" s="139"/>
      <c r="D123" s="139"/>
      <c r="E123" s="139"/>
      <c r="F123" s="139"/>
      <c r="G123" s="139"/>
      <c r="H123" s="139"/>
      <c r="I123" s="139"/>
      <c r="J123" s="139"/>
      <c r="K123" s="139"/>
      <c r="L123" s="139"/>
      <c r="M123" s="139"/>
      <c r="N123" s="139"/>
      <c r="O123" s="139"/>
      <c r="P123" s="139"/>
      <c r="Q123" s="139"/>
      <c r="R123" s="772"/>
      <c r="S123" s="43"/>
      <c r="T123" s="97"/>
      <c r="U123" s="14"/>
      <c r="V123" s="98"/>
      <c r="W123" s="98"/>
      <c r="X123" s="98"/>
      <c r="Y123" s="98"/>
      <c r="Z123" s="98"/>
      <c r="AA123" s="98"/>
      <c r="AB123" s="98"/>
      <c r="AC123" s="98"/>
      <c r="AD123" s="98"/>
      <c r="AE123" s="98"/>
      <c r="AF123" s="98"/>
      <c r="AG123" s="98"/>
      <c r="AH123" s="98"/>
      <c r="AI123" s="98"/>
      <c r="AJ123" s="98"/>
      <c r="AK123" s="98"/>
      <c r="AL123" s="98"/>
      <c r="AM123" s="98"/>
      <c r="AN123" s="98"/>
      <c r="AO123" s="98"/>
      <c r="AP123" s="98"/>
      <c r="AQ123" s="98"/>
      <c r="AR123" s="98"/>
      <c r="AS123" s="98"/>
      <c r="AT123" s="98"/>
      <c r="AU123" s="98"/>
      <c r="AV123" s="98"/>
      <c r="AW123" s="98"/>
      <c r="AX123" s="98"/>
      <c r="AY123" s="98"/>
      <c r="AZ123" s="98"/>
      <c r="BA123" s="98"/>
      <c r="BB123" s="98"/>
      <c r="BC123" s="98"/>
      <c r="BD123" s="98"/>
      <c r="BE123" s="98"/>
    </row>
    <row r="124" spans="1:57" s="57" customFormat="1" ht="132" customHeight="1" thickTop="1" thickBot="1" x14ac:dyDescent="0.25">
      <c r="A124" s="751" t="s">
        <v>425</v>
      </c>
      <c r="B124" s="752"/>
      <c r="C124" s="752"/>
      <c r="D124" s="752"/>
      <c r="E124" s="752"/>
      <c r="F124" s="752"/>
      <c r="G124" s="752"/>
      <c r="H124" s="752"/>
      <c r="I124" s="752"/>
      <c r="J124" s="752"/>
      <c r="K124" s="752"/>
      <c r="L124" s="752"/>
      <c r="M124" s="752"/>
      <c r="N124" s="752"/>
      <c r="O124" s="759" t="s">
        <v>20</v>
      </c>
      <c r="P124" s="759" t="s">
        <v>21</v>
      </c>
      <c r="Q124" s="1095" t="s">
        <v>22</v>
      </c>
      <c r="R124" s="55"/>
      <c r="S124" s="253"/>
      <c r="T124" s="56"/>
      <c r="U124" s="14"/>
      <c r="V124" s="106"/>
      <c r="W124" s="106"/>
      <c r="X124" s="106"/>
      <c r="Y124" s="106"/>
      <c r="Z124" s="106"/>
      <c r="AA124" s="106"/>
      <c r="AB124" s="106"/>
      <c r="AC124" s="106"/>
      <c r="AD124" s="106"/>
      <c r="AE124" s="106"/>
      <c r="AF124" s="106"/>
      <c r="AG124" s="106"/>
      <c r="AH124" s="106"/>
      <c r="AI124" s="106"/>
      <c r="AJ124" s="106"/>
      <c r="AK124" s="106"/>
      <c r="AL124" s="106"/>
      <c r="AM124" s="106"/>
      <c r="AN124" s="106"/>
      <c r="AO124" s="106"/>
      <c r="AP124" s="106"/>
      <c r="AQ124" s="106"/>
      <c r="AR124" s="106"/>
      <c r="AS124" s="106"/>
      <c r="AT124" s="106"/>
      <c r="AU124" s="106"/>
      <c r="AV124" s="106"/>
      <c r="AW124" s="106"/>
      <c r="AX124" s="106"/>
      <c r="AY124" s="106"/>
      <c r="AZ124" s="106"/>
      <c r="BA124" s="106"/>
      <c r="BB124" s="106"/>
      <c r="BC124" s="106"/>
      <c r="BD124" s="106"/>
      <c r="BE124" s="106"/>
    </row>
    <row r="125" spans="1:57" s="57" customFormat="1" ht="199.95" customHeight="1" thickTop="1" thickBot="1" x14ac:dyDescent="0.25">
      <c r="A125" s="312" t="s">
        <v>426</v>
      </c>
      <c r="B125" s="313"/>
      <c r="C125" s="313"/>
      <c r="D125" s="313"/>
      <c r="E125" s="313"/>
      <c r="F125" s="313"/>
      <c r="G125" s="313"/>
      <c r="H125" s="313"/>
      <c r="I125" s="313"/>
      <c r="J125" s="313"/>
      <c r="K125" s="313"/>
      <c r="L125" s="313"/>
      <c r="M125" s="314"/>
      <c r="N125" s="1022" t="s">
        <v>27</v>
      </c>
      <c r="O125" s="759" t="s">
        <v>20</v>
      </c>
      <c r="P125" s="759" t="s">
        <v>21</v>
      </c>
      <c r="Q125" s="1095" t="s">
        <v>22</v>
      </c>
      <c r="R125" s="55"/>
      <c r="S125" s="253"/>
      <c r="T125" s="56"/>
      <c r="U125" s="14"/>
      <c r="V125" s="106"/>
      <c r="W125" s="106"/>
      <c r="X125" s="106"/>
      <c r="Y125" s="98"/>
      <c r="Z125" s="98"/>
      <c r="AA125" s="98"/>
      <c r="AB125" s="98"/>
      <c r="AC125" s="98"/>
      <c r="AD125" s="98"/>
      <c r="AE125" s="98"/>
      <c r="AF125" s="98"/>
      <c r="AG125" s="98"/>
      <c r="AH125" s="98"/>
      <c r="AI125" s="98"/>
      <c r="AJ125" s="98"/>
      <c r="AK125" s="98"/>
      <c r="AL125" s="98"/>
      <c r="AM125" s="98"/>
      <c r="AN125" s="98"/>
      <c r="AO125" s="106"/>
      <c r="AP125" s="106"/>
      <c r="AQ125" s="106"/>
      <c r="AR125" s="106"/>
      <c r="AS125" s="106"/>
      <c r="AT125" s="106"/>
      <c r="AU125" s="106"/>
      <c r="AV125" s="106"/>
      <c r="AW125" s="106"/>
      <c r="AX125" s="106"/>
      <c r="AY125" s="106"/>
      <c r="AZ125" s="106"/>
      <c r="BA125" s="106"/>
      <c r="BB125" s="106"/>
      <c r="BC125" s="106"/>
      <c r="BD125" s="106"/>
      <c r="BE125" s="106"/>
    </row>
    <row r="126" spans="1:57" s="57" customFormat="1" ht="241.95" customHeight="1" thickTop="1" thickBot="1" x14ac:dyDescent="0.25">
      <c r="A126" s="277" t="s">
        <v>427</v>
      </c>
      <c r="B126" s="278"/>
      <c r="C126" s="278"/>
      <c r="D126" s="278"/>
      <c r="E126" s="278"/>
      <c r="F126" s="278"/>
      <c r="G126" s="278"/>
      <c r="H126" s="278"/>
      <c r="I126" s="278"/>
      <c r="J126" s="278"/>
      <c r="K126" s="278"/>
      <c r="L126" s="278"/>
      <c r="M126" s="279"/>
      <c r="N126" s="1134" t="s">
        <v>27</v>
      </c>
      <c r="O126" s="1135" t="s">
        <v>20</v>
      </c>
      <c r="P126" s="759" t="s">
        <v>21</v>
      </c>
      <c r="Q126" s="1095" t="s">
        <v>22</v>
      </c>
      <c r="R126" s="55"/>
      <c r="S126" s="1136"/>
      <c r="T126" s="1137"/>
      <c r="U126" s="14"/>
      <c r="V126" s="106"/>
      <c r="W126" s="106"/>
      <c r="X126" s="106"/>
      <c r="Y126" s="98"/>
      <c r="Z126" s="98"/>
      <c r="AA126" s="98"/>
      <c r="AB126" s="98"/>
      <c r="AC126" s="98"/>
      <c r="AD126" s="98"/>
      <c r="AE126" s="98"/>
      <c r="AF126" s="98"/>
      <c r="AG126" s="98"/>
      <c r="AH126" s="98"/>
      <c r="AI126" s="98"/>
      <c r="AJ126" s="98"/>
      <c r="AK126" s="98"/>
      <c r="AL126" s="98"/>
      <c r="AM126" s="98"/>
      <c r="AN126" s="98"/>
      <c r="AO126" s="106"/>
      <c r="AP126" s="106"/>
      <c r="AQ126" s="106"/>
      <c r="AR126" s="106"/>
      <c r="AS126" s="106"/>
      <c r="AT126" s="106"/>
      <c r="AU126" s="106"/>
      <c r="AV126" s="106"/>
      <c r="AW126" s="106"/>
      <c r="AX126" s="106"/>
      <c r="AY126" s="106"/>
      <c r="AZ126" s="106"/>
      <c r="BA126" s="106"/>
      <c r="BB126" s="106"/>
      <c r="BC126" s="106"/>
      <c r="BD126" s="106"/>
      <c r="BE126" s="106"/>
    </row>
    <row r="127" spans="1:57" s="57" customFormat="1" ht="132" customHeight="1" thickTop="1" thickBot="1" x14ac:dyDescent="0.25">
      <c r="A127" s="1138" t="s">
        <v>428</v>
      </c>
      <c r="B127" s="1139"/>
      <c r="C127" s="1139"/>
      <c r="D127" s="1139"/>
      <c r="E127" s="1139"/>
      <c r="F127" s="1139"/>
      <c r="G127" s="1139"/>
      <c r="H127" s="1139"/>
      <c r="I127" s="1139"/>
      <c r="J127" s="1139"/>
      <c r="K127" s="1139"/>
      <c r="L127" s="1139"/>
      <c r="M127" s="1139"/>
      <c r="N127" s="1140"/>
      <c r="O127" s="765" t="s">
        <v>20</v>
      </c>
      <c r="P127" s="766" t="s">
        <v>25</v>
      </c>
      <c r="Q127" s="767" t="s">
        <v>22</v>
      </c>
      <c r="R127" s="55"/>
      <c r="S127" s="253"/>
      <c r="T127" s="56"/>
      <c r="U127" s="14"/>
      <c r="V127" s="106"/>
      <c r="W127" s="106"/>
      <c r="X127" s="106"/>
      <c r="Y127" s="98"/>
      <c r="Z127" s="98"/>
      <c r="AA127" s="98"/>
      <c r="AB127" s="98"/>
      <c r="AC127" s="98"/>
      <c r="AD127" s="98"/>
      <c r="AE127" s="98"/>
      <c r="AF127" s="98"/>
      <c r="AG127" s="98"/>
      <c r="AH127" s="98"/>
      <c r="AI127" s="98"/>
      <c r="AJ127" s="98"/>
      <c r="AK127" s="98"/>
      <c r="AL127" s="98"/>
      <c r="AM127" s="98"/>
      <c r="AN127" s="98"/>
      <c r="AO127" s="106"/>
      <c r="AP127" s="106"/>
      <c r="AQ127" s="106"/>
      <c r="AR127" s="106"/>
      <c r="AS127" s="106"/>
      <c r="AT127" s="106"/>
      <c r="AU127" s="106"/>
      <c r="AV127" s="106"/>
      <c r="AW127" s="106"/>
      <c r="AX127" s="106"/>
      <c r="AY127" s="106"/>
      <c r="AZ127" s="106"/>
      <c r="BA127" s="106"/>
      <c r="BB127" s="106"/>
      <c r="BC127" s="106"/>
      <c r="BD127" s="106"/>
      <c r="BE127" s="106"/>
    </row>
    <row r="128" spans="1:57" s="18" customFormat="1" ht="69.900000000000006" customHeight="1" thickTop="1" x14ac:dyDescent="0.2">
      <c r="A128" s="70" t="s">
        <v>28</v>
      </c>
      <c r="B128" s="72"/>
      <c r="C128" s="72"/>
      <c r="D128" s="72"/>
      <c r="E128" s="72"/>
      <c r="F128" s="72"/>
      <c r="G128" s="72"/>
      <c r="H128" s="72"/>
      <c r="I128" s="72"/>
      <c r="J128" s="72"/>
      <c r="K128" s="72"/>
      <c r="L128" s="72"/>
      <c r="M128" s="72"/>
      <c r="N128" s="72"/>
      <c r="O128" s="72"/>
      <c r="P128" s="72"/>
      <c r="Q128" s="202"/>
      <c r="R128" s="768"/>
      <c r="S128" s="43"/>
      <c r="T128" s="74"/>
      <c r="U128" s="1141"/>
    </row>
    <row r="129" spans="1:57" s="57" customFormat="1" ht="75" customHeight="1" x14ac:dyDescent="0.2">
      <c r="A129" s="1142"/>
      <c r="B129" s="1143"/>
      <c r="C129" s="1143"/>
      <c r="D129" s="1143"/>
      <c r="E129" s="1143"/>
      <c r="F129" s="1143"/>
      <c r="G129" s="1143"/>
      <c r="H129" s="1143"/>
      <c r="I129" s="1143"/>
      <c r="J129" s="1143"/>
      <c r="K129" s="1143"/>
      <c r="L129" s="1144"/>
      <c r="M129" s="1143"/>
      <c r="N129" s="1143"/>
      <c r="O129" s="1143"/>
      <c r="P129" s="1143"/>
      <c r="Q129" s="1145"/>
      <c r="R129" s="55"/>
      <c r="S129" s="43"/>
      <c r="T129" s="79"/>
      <c r="U129" s="1141"/>
    </row>
    <row r="130" spans="1:57" s="57" customFormat="1" ht="75" customHeight="1" thickBot="1" x14ac:dyDescent="0.25">
      <c r="A130" s="1146"/>
      <c r="B130" s="1147"/>
      <c r="C130" s="1147"/>
      <c r="D130" s="1147"/>
      <c r="E130" s="1147"/>
      <c r="F130" s="1147"/>
      <c r="G130" s="1147"/>
      <c r="H130" s="1147"/>
      <c r="I130" s="1147"/>
      <c r="J130" s="1147"/>
      <c r="K130" s="1147"/>
      <c r="L130" s="1148"/>
      <c r="M130" s="1147"/>
      <c r="N130" s="1147"/>
      <c r="O130" s="1147"/>
      <c r="P130" s="1147"/>
      <c r="Q130" s="1147"/>
      <c r="R130" s="772"/>
      <c r="S130" s="43"/>
      <c r="T130" s="136"/>
      <c r="U130" s="1141"/>
    </row>
    <row r="131" spans="1:57" s="546" customFormat="1" ht="69.900000000000006" customHeight="1" thickBot="1" x14ac:dyDescent="0.25">
      <c r="A131" s="773" t="s">
        <v>429</v>
      </c>
      <c r="B131" s="774"/>
      <c r="C131" s="774"/>
      <c r="D131" s="774"/>
      <c r="E131" s="774"/>
      <c r="F131" s="774"/>
      <c r="G131" s="774"/>
      <c r="H131" s="774"/>
      <c r="I131" s="774"/>
      <c r="J131" s="774"/>
      <c r="K131" s="774"/>
      <c r="L131" s="774"/>
      <c r="M131" s="774"/>
      <c r="N131" s="774"/>
      <c r="O131" s="774"/>
      <c r="P131" s="774"/>
      <c r="Q131" s="775"/>
      <c r="R131" s="1068"/>
      <c r="S131" s="561"/>
      <c r="T131" s="1063" t="s">
        <v>430</v>
      </c>
      <c r="U131" s="596"/>
      <c r="V131" s="596"/>
      <c r="W131" s="596"/>
      <c r="X131" s="596"/>
      <c r="Y131" s="600"/>
      <c r="Z131" s="600"/>
      <c r="AA131" s="600"/>
      <c r="AB131" s="600"/>
      <c r="AC131" s="600"/>
      <c r="AD131" s="600"/>
      <c r="AE131" s="600"/>
      <c r="AF131" s="600"/>
      <c r="AG131" s="600"/>
      <c r="AH131" s="600"/>
      <c r="AI131" s="600"/>
      <c r="AJ131" s="600"/>
      <c r="AK131" s="600"/>
      <c r="AL131" s="600"/>
      <c r="AM131" s="600"/>
      <c r="AN131" s="600"/>
      <c r="AO131" s="596"/>
      <c r="AP131" s="596"/>
      <c r="AQ131" s="596"/>
      <c r="AR131" s="596"/>
      <c r="AS131" s="596"/>
      <c r="AT131" s="596"/>
      <c r="AU131" s="596"/>
      <c r="AV131" s="596"/>
      <c r="AW131" s="596"/>
      <c r="AX131" s="596"/>
      <c r="AY131" s="596"/>
      <c r="AZ131" s="596"/>
      <c r="BA131" s="596"/>
      <c r="BB131" s="596"/>
      <c r="BC131" s="596"/>
      <c r="BD131" s="596"/>
      <c r="BE131" s="596"/>
    </row>
    <row r="132" spans="1:57" s="546" customFormat="1" ht="69.900000000000006" customHeight="1" thickBot="1" x14ac:dyDescent="0.25">
      <c r="A132" s="584" t="s">
        <v>251</v>
      </c>
      <c r="B132" s="585"/>
      <c r="C132" s="585"/>
      <c r="D132" s="585"/>
      <c r="E132" s="585"/>
      <c r="F132" s="585"/>
      <c r="G132" s="585"/>
      <c r="H132" s="585"/>
      <c r="I132" s="585"/>
      <c r="J132" s="585"/>
      <c r="K132" s="585"/>
      <c r="L132" s="586"/>
      <c r="M132" s="585"/>
      <c r="N132" s="585"/>
      <c r="O132" s="585"/>
      <c r="P132" s="585"/>
      <c r="Q132" s="587"/>
      <c r="R132" s="1028"/>
      <c r="S132" s="561"/>
      <c r="T132" s="595"/>
      <c r="U132" s="596"/>
      <c r="V132" s="596"/>
      <c r="W132" s="596"/>
      <c r="X132" s="596"/>
      <c r="Y132" s="596"/>
      <c r="Z132" s="596"/>
      <c r="AA132" s="596"/>
      <c r="AB132" s="596"/>
      <c r="AC132" s="596"/>
      <c r="AD132" s="596"/>
      <c r="AE132" s="596"/>
      <c r="AF132" s="596"/>
      <c r="AG132" s="596"/>
      <c r="AH132" s="596"/>
      <c r="AI132" s="596"/>
      <c r="AJ132" s="596"/>
      <c r="AK132" s="596"/>
      <c r="AL132" s="596"/>
      <c r="AM132" s="596"/>
      <c r="AN132" s="596"/>
      <c r="AO132" s="596"/>
      <c r="AP132" s="596"/>
      <c r="AQ132" s="596"/>
      <c r="AR132" s="596"/>
      <c r="AS132" s="596"/>
      <c r="AT132" s="596"/>
      <c r="AU132" s="596"/>
      <c r="AV132" s="596"/>
      <c r="AW132" s="596"/>
      <c r="AX132" s="596"/>
      <c r="AY132" s="596"/>
      <c r="AZ132" s="596"/>
      <c r="BA132" s="596"/>
      <c r="BB132" s="596"/>
      <c r="BC132" s="596"/>
      <c r="BD132" s="596"/>
      <c r="BE132" s="596"/>
    </row>
    <row r="133" spans="1:57" s="570" customFormat="1" ht="389.4" customHeight="1" thickTop="1" thickBot="1" x14ac:dyDescent="0.25">
      <c r="A133" s="669" t="s">
        <v>431</v>
      </c>
      <c r="B133" s="679"/>
      <c r="C133" s="679"/>
      <c r="D133" s="679"/>
      <c r="E133" s="679"/>
      <c r="F133" s="679"/>
      <c r="G133" s="679"/>
      <c r="H133" s="679"/>
      <c r="I133" s="679"/>
      <c r="J133" s="679"/>
      <c r="K133" s="679"/>
      <c r="L133" s="196"/>
      <c r="M133" s="679"/>
      <c r="N133" s="679"/>
      <c r="O133" s="1131" t="s">
        <v>20</v>
      </c>
      <c r="P133" s="67" t="s">
        <v>21</v>
      </c>
      <c r="Q133" s="1132" t="s">
        <v>22</v>
      </c>
      <c r="R133" s="1028"/>
      <c r="S133" s="561"/>
      <c r="T133" s="569"/>
      <c r="U133" s="596"/>
      <c r="V133" s="600"/>
      <c r="W133" s="600"/>
      <c r="X133" s="600"/>
      <c r="Y133" s="596"/>
      <c r="Z133" s="596"/>
      <c r="AA133" s="596"/>
      <c r="AB133" s="596"/>
      <c r="AC133" s="596"/>
      <c r="AD133" s="596"/>
      <c r="AE133" s="596"/>
      <c r="AF133" s="596"/>
      <c r="AG133" s="596"/>
      <c r="AH133" s="596"/>
      <c r="AI133" s="596"/>
      <c r="AJ133" s="596"/>
      <c r="AK133" s="596"/>
      <c r="AL133" s="596"/>
      <c r="AM133" s="596"/>
      <c r="AN133" s="596"/>
      <c r="AO133" s="600"/>
      <c r="AP133" s="600"/>
      <c r="AQ133" s="600"/>
      <c r="AR133" s="600"/>
      <c r="AS133" s="600"/>
      <c r="AT133" s="600"/>
      <c r="AU133" s="600"/>
      <c r="AV133" s="600"/>
      <c r="AW133" s="600"/>
      <c r="AX133" s="600"/>
      <c r="AY133" s="600"/>
      <c r="AZ133" s="600"/>
      <c r="BA133" s="600"/>
      <c r="BB133" s="600"/>
      <c r="BC133" s="600"/>
      <c r="BD133" s="600"/>
      <c r="BE133" s="600"/>
    </row>
    <row r="134" spans="1:57" s="546" customFormat="1" ht="69.900000000000006" customHeight="1" thickTop="1" x14ac:dyDescent="0.2">
      <c r="A134" s="692" t="s">
        <v>55</v>
      </c>
      <c r="B134" s="693"/>
      <c r="C134" s="693"/>
      <c r="D134" s="693"/>
      <c r="E134" s="693"/>
      <c r="F134" s="693"/>
      <c r="G134" s="693"/>
      <c r="H134" s="693"/>
      <c r="I134" s="693"/>
      <c r="J134" s="693"/>
      <c r="K134" s="693"/>
      <c r="L134" s="694"/>
      <c r="M134" s="693"/>
      <c r="N134" s="693"/>
      <c r="O134" s="693"/>
      <c r="P134" s="693"/>
      <c r="Q134" s="695"/>
      <c r="R134" s="1068"/>
      <c r="S134" s="561"/>
      <c r="T134" s="199"/>
    </row>
    <row r="135" spans="1:57" s="546" customFormat="1" ht="69.599999999999994" customHeight="1" x14ac:dyDescent="0.2">
      <c r="A135" s="696" t="s">
        <v>74</v>
      </c>
      <c r="B135" s="697"/>
      <c r="C135" s="697"/>
      <c r="D135" s="697"/>
      <c r="E135" s="697"/>
      <c r="F135" s="697"/>
      <c r="G135" s="697"/>
      <c r="H135" s="697"/>
      <c r="I135" s="697"/>
      <c r="J135" s="697"/>
      <c r="K135" s="697"/>
      <c r="L135" s="697"/>
      <c r="M135" s="697"/>
      <c r="N135" s="697"/>
      <c r="O135" s="697"/>
      <c r="P135" s="697"/>
      <c r="Q135" s="698"/>
      <c r="R135" s="1068"/>
      <c r="S135" s="561"/>
      <c r="T135" s="199"/>
    </row>
    <row r="136" spans="1:57" s="570" customFormat="1" ht="69" customHeight="1" x14ac:dyDescent="0.2">
      <c r="A136" s="905" t="s">
        <v>99</v>
      </c>
      <c r="B136" s="906"/>
      <c r="C136" s="906"/>
      <c r="D136" s="906"/>
      <c r="E136" s="906"/>
      <c r="F136" s="906"/>
      <c r="G136" s="906"/>
      <c r="H136" s="906"/>
      <c r="I136" s="906"/>
      <c r="J136" s="906"/>
      <c r="K136" s="906"/>
      <c r="L136" s="906"/>
      <c r="M136" s="906"/>
      <c r="N136" s="906"/>
      <c r="O136" s="906"/>
      <c r="P136" s="906"/>
      <c r="Q136" s="907"/>
      <c r="R136" s="1028"/>
      <c r="S136" s="561"/>
      <c r="T136" s="595"/>
      <c r="U136" s="596"/>
      <c r="V136" s="600"/>
      <c r="W136" s="600"/>
      <c r="X136" s="600"/>
      <c r="Y136" s="600"/>
      <c r="Z136" s="600"/>
      <c r="AA136" s="600"/>
      <c r="AB136" s="600"/>
      <c r="AC136" s="600"/>
      <c r="AD136" s="600"/>
      <c r="AE136" s="600"/>
      <c r="AF136" s="600"/>
      <c r="AG136" s="600"/>
      <c r="AH136" s="600"/>
      <c r="AI136" s="600"/>
      <c r="AJ136" s="600"/>
      <c r="AK136" s="600"/>
      <c r="AL136" s="600"/>
      <c r="AM136" s="600"/>
      <c r="AN136" s="600"/>
      <c r="AO136" s="600"/>
      <c r="AP136" s="600"/>
      <c r="AQ136" s="600"/>
      <c r="AR136" s="600"/>
      <c r="AS136" s="600"/>
      <c r="AT136" s="600"/>
      <c r="AU136" s="600"/>
      <c r="AV136" s="600"/>
      <c r="AW136" s="600"/>
      <c r="AX136" s="600"/>
      <c r="AY136" s="600"/>
      <c r="AZ136" s="600"/>
      <c r="BA136" s="600"/>
      <c r="BB136" s="600"/>
      <c r="BC136" s="600"/>
      <c r="BD136" s="600"/>
      <c r="BE136" s="600"/>
    </row>
    <row r="137" spans="1:57" s="570" customFormat="1" ht="69.599999999999994" customHeight="1" x14ac:dyDescent="0.2">
      <c r="A137" s="779" t="s">
        <v>100</v>
      </c>
      <c r="B137" s="780"/>
      <c r="C137" s="780"/>
      <c r="D137" s="780"/>
      <c r="E137" s="780"/>
      <c r="F137" s="780"/>
      <c r="G137" s="780"/>
      <c r="H137" s="780"/>
      <c r="I137" s="780"/>
      <c r="J137" s="780"/>
      <c r="K137" s="780"/>
      <c r="L137" s="780"/>
      <c r="M137" s="780"/>
      <c r="N137" s="780"/>
      <c r="O137" s="780"/>
      <c r="P137" s="780"/>
      <c r="Q137" s="781"/>
      <c r="R137" s="1028"/>
      <c r="S137" s="561"/>
      <c r="T137" s="595"/>
      <c r="U137" s="596"/>
      <c r="V137" s="600"/>
      <c r="W137" s="600"/>
      <c r="X137" s="600"/>
      <c r="Y137" s="600"/>
      <c r="Z137" s="600"/>
      <c r="AA137" s="600"/>
      <c r="AB137" s="600"/>
      <c r="AC137" s="600"/>
      <c r="AD137" s="600"/>
      <c r="AE137" s="600"/>
      <c r="AF137" s="600"/>
      <c r="AG137" s="600"/>
      <c r="AH137" s="600"/>
      <c r="AI137" s="600"/>
      <c r="AJ137" s="600"/>
      <c r="AK137" s="600"/>
      <c r="AL137" s="600"/>
      <c r="AM137" s="600"/>
      <c r="AN137" s="600"/>
      <c r="AO137" s="600"/>
      <c r="AP137" s="600"/>
      <c r="AQ137" s="600"/>
      <c r="AR137" s="600"/>
      <c r="AS137" s="600"/>
      <c r="AT137" s="600"/>
      <c r="AU137" s="600"/>
      <c r="AV137" s="600"/>
      <c r="AW137" s="600"/>
      <c r="AX137" s="600"/>
      <c r="AY137" s="600"/>
      <c r="AZ137" s="600"/>
      <c r="BA137" s="600"/>
      <c r="BB137" s="600"/>
      <c r="BC137" s="600"/>
      <c r="BD137" s="600"/>
      <c r="BE137" s="600"/>
    </row>
    <row r="138" spans="1:57" s="546" customFormat="1" ht="69.900000000000006" customHeight="1" x14ac:dyDescent="0.2">
      <c r="A138" s="70" t="s">
        <v>28</v>
      </c>
      <c r="B138" s="72"/>
      <c r="C138" s="72"/>
      <c r="D138" s="72"/>
      <c r="E138" s="72"/>
      <c r="F138" s="72"/>
      <c r="G138" s="72"/>
      <c r="H138" s="72"/>
      <c r="I138" s="72"/>
      <c r="J138" s="72"/>
      <c r="K138" s="72"/>
      <c r="L138" s="72"/>
      <c r="M138" s="72"/>
      <c r="N138" s="72"/>
      <c r="O138" s="72"/>
      <c r="P138" s="72"/>
      <c r="Q138" s="202"/>
      <c r="R138" s="1068"/>
      <c r="S138" s="561"/>
      <c r="T138" s="199"/>
    </row>
    <row r="139" spans="1:57" s="570" customFormat="1" ht="75" customHeight="1" x14ac:dyDescent="0.2">
      <c r="A139" s="575"/>
      <c r="B139" s="576"/>
      <c r="C139" s="576"/>
      <c r="D139" s="576"/>
      <c r="E139" s="576"/>
      <c r="F139" s="576"/>
      <c r="G139" s="576"/>
      <c r="H139" s="576"/>
      <c r="I139" s="576"/>
      <c r="J139" s="576"/>
      <c r="K139" s="576"/>
      <c r="L139" s="577"/>
      <c r="M139" s="576"/>
      <c r="N139" s="576"/>
      <c r="O139" s="576"/>
      <c r="P139" s="576"/>
      <c r="Q139" s="578"/>
      <c r="R139" s="1028"/>
      <c r="S139" s="561"/>
      <c r="T139" s="579"/>
      <c r="U139" s="546"/>
    </row>
    <row r="140" spans="1:57" s="570" customFormat="1" ht="75" customHeight="1" thickBot="1" x14ac:dyDescent="0.25">
      <c r="A140" s="606"/>
      <c r="B140" s="607"/>
      <c r="C140" s="607"/>
      <c r="D140" s="607"/>
      <c r="E140" s="607"/>
      <c r="F140" s="607"/>
      <c r="G140" s="607"/>
      <c r="H140" s="607"/>
      <c r="I140" s="607"/>
      <c r="J140" s="607"/>
      <c r="K140" s="607"/>
      <c r="L140" s="608"/>
      <c r="M140" s="607"/>
      <c r="N140" s="607"/>
      <c r="O140" s="607"/>
      <c r="P140" s="607"/>
      <c r="Q140" s="609"/>
      <c r="R140" s="1028"/>
      <c r="S140" s="561"/>
      <c r="T140" s="579"/>
      <c r="U140" s="546"/>
    </row>
    <row r="141" spans="1:57" s="546" customFormat="1" ht="69.900000000000006" customHeight="1" thickBot="1" x14ac:dyDescent="0.25">
      <c r="A141" s="584" t="s">
        <v>252</v>
      </c>
      <c r="B141" s="585"/>
      <c r="C141" s="585"/>
      <c r="D141" s="585"/>
      <c r="E141" s="585"/>
      <c r="F141" s="585"/>
      <c r="G141" s="585"/>
      <c r="H141" s="585"/>
      <c r="I141" s="585"/>
      <c r="J141" s="585"/>
      <c r="K141" s="585"/>
      <c r="L141" s="586"/>
      <c r="M141" s="585"/>
      <c r="N141" s="585"/>
      <c r="O141" s="585"/>
      <c r="P141" s="585"/>
      <c r="Q141" s="587"/>
      <c r="R141" s="1028"/>
      <c r="S141" s="561"/>
      <c r="T141" s="595"/>
      <c r="U141" s="596"/>
      <c r="V141" s="596"/>
      <c r="W141" s="596"/>
      <c r="X141" s="596"/>
      <c r="Y141" s="600"/>
      <c r="Z141" s="600"/>
      <c r="AA141" s="600"/>
      <c r="AB141" s="600"/>
      <c r="AC141" s="600"/>
      <c r="AD141" s="600"/>
      <c r="AE141" s="600"/>
      <c r="AF141" s="600"/>
      <c r="AG141" s="600"/>
      <c r="AH141" s="600"/>
      <c r="AI141" s="600"/>
      <c r="AJ141" s="600"/>
      <c r="AK141" s="600"/>
      <c r="AL141" s="600"/>
      <c r="AM141" s="600"/>
      <c r="AN141" s="600"/>
      <c r="AO141" s="596"/>
      <c r="AP141" s="596"/>
      <c r="AQ141" s="596"/>
      <c r="AR141" s="596"/>
      <c r="AS141" s="596"/>
      <c r="AT141" s="596"/>
      <c r="AU141" s="596"/>
      <c r="AV141" s="596"/>
      <c r="AW141" s="596"/>
      <c r="AX141" s="596"/>
      <c r="AY141" s="596"/>
      <c r="AZ141" s="596"/>
      <c r="BA141" s="596"/>
      <c r="BB141" s="596"/>
      <c r="BC141" s="596"/>
      <c r="BD141" s="596"/>
      <c r="BE141" s="596"/>
    </row>
    <row r="142" spans="1:57" s="570" customFormat="1" ht="199.95" customHeight="1" thickTop="1" thickBot="1" x14ac:dyDescent="0.25">
      <c r="A142" s="729" t="s">
        <v>432</v>
      </c>
      <c r="B142" s="730"/>
      <c r="C142" s="730"/>
      <c r="D142" s="730"/>
      <c r="E142" s="730"/>
      <c r="F142" s="730"/>
      <c r="G142" s="730"/>
      <c r="H142" s="730"/>
      <c r="I142" s="730"/>
      <c r="J142" s="730"/>
      <c r="K142" s="730"/>
      <c r="L142" s="731"/>
      <c r="M142" s="730"/>
      <c r="N142" s="730"/>
      <c r="O142" s="1131" t="s">
        <v>20</v>
      </c>
      <c r="P142" s="67" t="s">
        <v>21</v>
      </c>
      <c r="Q142" s="1132" t="s">
        <v>22</v>
      </c>
      <c r="R142" s="1028"/>
      <c r="S142" s="561"/>
      <c r="T142" s="569"/>
      <c r="U142" s="596"/>
      <c r="V142" s="600"/>
      <c r="W142" s="600"/>
      <c r="X142" s="600"/>
      <c r="Y142" s="600"/>
      <c r="Z142" s="600"/>
      <c r="AA142" s="600"/>
      <c r="AB142" s="600"/>
      <c r="AC142" s="600"/>
      <c r="AD142" s="600"/>
      <c r="AE142" s="600"/>
      <c r="AF142" s="600"/>
      <c r="AG142" s="600"/>
      <c r="AH142" s="600"/>
      <c r="AI142" s="600"/>
      <c r="AJ142" s="600"/>
      <c r="AK142" s="600"/>
      <c r="AL142" s="600"/>
      <c r="AM142" s="600"/>
      <c r="AN142" s="600"/>
      <c r="AO142" s="600"/>
      <c r="AP142" s="600"/>
      <c r="AQ142" s="600"/>
      <c r="AR142" s="600"/>
      <c r="AS142" s="600"/>
      <c r="AT142" s="600"/>
      <c r="AU142" s="600"/>
      <c r="AV142" s="600"/>
      <c r="AW142" s="600"/>
      <c r="AX142" s="600"/>
      <c r="AY142" s="600"/>
      <c r="AZ142" s="600"/>
      <c r="BA142" s="600"/>
      <c r="BB142" s="600"/>
      <c r="BC142" s="600"/>
      <c r="BD142" s="600"/>
      <c r="BE142" s="600"/>
    </row>
    <row r="143" spans="1:57" s="546" customFormat="1" ht="69.900000000000006" customHeight="1" thickTop="1" x14ac:dyDescent="0.2">
      <c r="A143" s="70" t="s">
        <v>28</v>
      </c>
      <c r="B143" s="72"/>
      <c r="C143" s="72"/>
      <c r="D143" s="72"/>
      <c r="E143" s="72"/>
      <c r="F143" s="72"/>
      <c r="G143" s="72"/>
      <c r="H143" s="72"/>
      <c r="I143" s="72"/>
      <c r="J143" s="72"/>
      <c r="K143" s="72"/>
      <c r="L143" s="72"/>
      <c r="M143" s="72"/>
      <c r="N143" s="72"/>
      <c r="O143" s="72"/>
      <c r="P143" s="72"/>
      <c r="Q143" s="202"/>
      <c r="R143" s="1068"/>
      <c r="S143" s="561"/>
      <c r="T143" s="199"/>
    </row>
    <row r="144" spans="1:57" s="570" customFormat="1" ht="75" customHeight="1" x14ac:dyDescent="0.2">
      <c r="A144" s="575"/>
      <c r="B144" s="576"/>
      <c r="C144" s="576"/>
      <c r="D144" s="576"/>
      <c r="E144" s="576"/>
      <c r="F144" s="576"/>
      <c r="G144" s="576"/>
      <c r="H144" s="576"/>
      <c r="I144" s="576"/>
      <c r="J144" s="576"/>
      <c r="K144" s="576"/>
      <c r="L144" s="577"/>
      <c r="M144" s="576"/>
      <c r="N144" s="576"/>
      <c r="O144" s="576"/>
      <c r="P144" s="576"/>
      <c r="Q144" s="578"/>
      <c r="R144" s="1028"/>
      <c r="S144" s="561"/>
      <c r="T144" s="579"/>
      <c r="U144" s="546"/>
    </row>
    <row r="145" spans="1:259" s="570" customFormat="1" ht="75" customHeight="1" thickBot="1" x14ac:dyDescent="0.25">
      <c r="A145" s="606"/>
      <c r="B145" s="607"/>
      <c r="C145" s="607"/>
      <c r="D145" s="607"/>
      <c r="E145" s="607"/>
      <c r="F145" s="607"/>
      <c r="G145" s="607"/>
      <c r="H145" s="607"/>
      <c r="I145" s="607"/>
      <c r="J145" s="607"/>
      <c r="K145" s="607"/>
      <c r="L145" s="608"/>
      <c r="M145" s="607"/>
      <c r="N145" s="607"/>
      <c r="O145" s="607"/>
      <c r="P145" s="607"/>
      <c r="Q145" s="609"/>
      <c r="R145" s="1028"/>
      <c r="S145" s="561"/>
      <c r="T145" s="579"/>
      <c r="U145" s="546"/>
    </row>
    <row r="146" spans="1:259" s="546" customFormat="1" ht="69.900000000000006" customHeight="1" thickBot="1" x14ac:dyDescent="0.25">
      <c r="A146" s="584" t="s">
        <v>255</v>
      </c>
      <c r="B146" s="585"/>
      <c r="C146" s="585"/>
      <c r="D146" s="585"/>
      <c r="E146" s="585"/>
      <c r="F146" s="585"/>
      <c r="G146" s="585"/>
      <c r="H146" s="585"/>
      <c r="I146" s="585"/>
      <c r="J146" s="585"/>
      <c r="K146" s="585"/>
      <c r="L146" s="586"/>
      <c r="M146" s="585"/>
      <c r="N146" s="585"/>
      <c r="O146" s="585"/>
      <c r="P146" s="585"/>
      <c r="Q146" s="587"/>
      <c r="R146" s="1028"/>
      <c r="S146" s="561"/>
      <c r="T146" s="595"/>
      <c r="U146" s="596"/>
      <c r="V146" s="596"/>
      <c r="W146" s="596"/>
      <c r="X146" s="596"/>
      <c r="Y146" s="596"/>
      <c r="Z146" s="596"/>
      <c r="AA146" s="596"/>
      <c r="AB146" s="596"/>
      <c r="AC146" s="596"/>
      <c r="AD146" s="596"/>
      <c r="AE146" s="596"/>
      <c r="AF146" s="596"/>
      <c r="AG146" s="596"/>
      <c r="AH146" s="596"/>
      <c r="AI146" s="596"/>
      <c r="AJ146" s="596"/>
      <c r="AK146" s="596"/>
      <c r="AL146" s="596"/>
      <c r="AM146" s="596"/>
      <c r="AN146" s="596"/>
      <c r="AO146" s="596"/>
      <c r="AP146" s="596"/>
      <c r="AQ146" s="596"/>
      <c r="AR146" s="596"/>
      <c r="AS146" s="596"/>
      <c r="AT146" s="596"/>
      <c r="AU146" s="596"/>
      <c r="AV146" s="596"/>
      <c r="AW146" s="596"/>
      <c r="AX146" s="596"/>
      <c r="AY146" s="596"/>
      <c r="AZ146" s="596"/>
      <c r="BA146" s="596"/>
      <c r="BB146" s="596"/>
      <c r="BC146" s="596"/>
      <c r="BD146" s="596"/>
      <c r="BE146" s="596"/>
    </row>
    <row r="147" spans="1:259" s="570" customFormat="1" ht="201" customHeight="1" thickTop="1" thickBot="1" x14ac:dyDescent="0.25">
      <c r="A147" s="669" t="s">
        <v>256</v>
      </c>
      <c r="B147" s="679"/>
      <c r="C147" s="679"/>
      <c r="D147" s="679"/>
      <c r="E147" s="679"/>
      <c r="F147" s="679"/>
      <c r="G147" s="679"/>
      <c r="H147" s="679"/>
      <c r="I147" s="679"/>
      <c r="J147" s="679"/>
      <c r="K147" s="679"/>
      <c r="L147" s="196"/>
      <c r="M147" s="679"/>
      <c r="N147" s="679"/>
      <c r="O147" s="1131" t="s">
        <v>20</v>
      </c>
      <c r="P147" s="67" t="s">
        <v>21</v>
      </c>
      <c r="Q147" s="1132" t="s">
        <v>22</v>
      </c>
      <c r="R147" s="1028"/>
      <c r="S147" s="561"/>
      <c r="T147" s="569"/>
      <c r="U147" s="596"/>
      <c r="V147" s="600"/>
      <c r="W147" s="600"/>
      <c r="X147" s="600"/>
      <c r="Y147" s="596"/>
      <c r="Z147" s="596"/>
      <c r="AA147" s="596"/>
      <c r="AB147" s="596"/>
      <c r="AC147" s="596"/>
      <c r="AD147" s="596"/>
      <c r="AE147" s="596"/>
      <c r="AF147" s="596"/>
      <c r="AG147" s="596"/>
      <c r="AH147" s="596"/>
      <c r="AI147" s="596"/>
      <c r="AJ147" s="596"/>
      <c r="AK147" s="596"/>
      <c r="AL147" s="596"/>
      <c r="AM147" s="596"/>
      <c r="AN147" s="596"/>
      <c r="AO147" s="600"/>
      <c r="AP147" s="600"/>
      <c r="AQ147" s="600"/>
      <c r="AR147" s="600"/>
      <c r="AS147" s="600"/>
      <c r="AT147" s="600"/>
      <c r="AU147" s="600"/>
      <c r="AV147" s="600"/>
      <c r="AW147" s="600"/>
      <c r="AX147" s="600"/>
      <c r="AY147" s="600"/>
      <c r="AZ147" s="600"/>
      <c r="BA147" s="600"/>
      <c r="BB147" s="600"/>
      <c r="BC147" s="600"/>
      <c r="BD147" s="600"/>
      <c r="BE147" s="600"/>
    </row>
    <row r="148" spans="1:259" s="546" customFormat="1" ht="69.900000000000006" customHeight="1" thickTop="1" x14ac:dyDescent="0.2">
      <c r="A148" s="692" t="s">
        <v>55</v>
      </c>
      <c r="B148" s="693"/>
      <c r="C148" s="693"/>
      <c r="D148" s="693"/>
      <c r="E148" s="693"/>
      <c r="F148" s="693"/>
      <c r="G148" s="693"/>
      <c r="H148" s="693"/>
      <c r="I148" s="693"/>
      <c r="J148" s="693"/>
      <c r="K148" s="693"/>
      <c r="L148" s="694"/>
      <c r="M148" s="693"/>
      <c r="N148" s="693"/>
      <c r="O148" s="693"/>
      <c r="P148" s="693"/>
      <c r="Q148" s="695"/>
      <c r="R148" s="1068"/>
      <c r="S148" s="561"/>
      <c r="T148" s="199"/>
    </row>
    <row r="149" spans="1:259" s="546" customFormat="1" ht="69.900000000000006" customHeight="1" x14ac:dyDescent="0.2">
      <c r="A149" s="696" t="s">
        <v>106</v>
      </c>
      <c r="B149" s="697"/>
      <c r="C149" s="697"/>
      <c r="D149" s="697"/>
      <c r="E149" s="697"/>
      <c r="F149" s="697"/>
      <c r="G149" s="697"/>
      <c r="H149" s="697"/>
      <c r="I149" s="697"/>
      <c r="J149" s="697"/>
      <c r="K149" s="697"/>
      <c r="L149" s="697"/>
      <c r="M149" s="697"/>
      <c r="N149" s="697"/>
      <c r="O149" s="697"/>
      <c r="P149" s="697"/>
      <c r="Q149" s="698"/>
      <c r="R149" s="198"/>
      <c r="S149" s="187"/>
      <c r="T149" s="199"/>
      <c r="U149" s="201"/>
      <c r="V149" s="201"/>
      <c r="W149" s="201"/>
      <c r="X149" s="201"/>
      <c r="Y149" s="201"/>
      <c r="Z149" s="201"/>
      <c r="AA149" s="201"/>
      <c r="AB149" s="201"/>
      <c r="AC149" s="201"/>
      <c r="AD149" s="201"/>
      <c r="AE149" s="201"/>
      <c r="AF149" s="201"/>
      <c r="AG149" s="201"/>
      <c r="AH149" s="201"/>
      <c r="AI149" s="201"/>
      <c r="AJ149" s="201"/>
      <c r="AK149" s="201"/>
      <c r="AL149" s="201"/>
      <c r="AM149" s="201"/>
      <c r="AN149" s="201"/>
      <c r="AO149" s="201"/>
      <c r="AP149" s="201"/>
      <c r="AQ149" s="201"/>
      <c r="AR149" s="201"/>
      <c r="AS149" s="201"/>
      <c r="AT149" s="201"/>
      <c r="AU149" s="201"/>
      <c r="AV149" s="201"/>
      <c r="AW149" s="201"/>
      <c r="AX149" s="201"/>
      <c r="AY149" s="201"/>
      <c r="AZ149" s="201"/>
      <c r="BA149" s="201"/>
      <c r="BB149" s="201"/>
      <c r="BC149" s="201"/>
      <c r="BD149" s="201"/>
      <c r="BE149" s="201"/>
      <c r="BF149" s="201"/>
      <c r="BG149" s="201"/>
      <c r="BH149" s="201"/>
      <c r="BI149" s="201"/>
      <c r="BJ149" s="201"/>
      <c r="BK149" s="201"/>
      <c r="BL149" s="201"/>
      <c r="BM149" s="201"/>
      <c r="BN149" s="201"/>
      <c r="BO149" s="201"/>
      <c r="BP149" s="201"/>
      <c r="BQ149" s="201"/>
      <c r="BR149" s="201"/>
      <c r="BS149" s="201"/>
      <c r="BT149" s="201"/>
      <c r="BU149" s="201"/>
      <c r="BV149" s="201"/>
      <c r="BW149" s="201"/>
      <c r="BX149" s="201"/>
      <c r="BY149" s="201"/>
      <c r="BZ149" s="201"/>
      <c r="CA149" s="201"/>
      <c r="CB149" s="201"/>
      <c r="CC149" s="201"/>
      <c r="CD149" s="201"/>
      <c r="CE149" s="201"/>
      <c r="CF149" s="201"/>
      <c r="CG149" s="201"/>
      <c r="CH149" s="201"/>
      <c r="CI149" s="201"/>
      <c r="CJ149" s="201"/>
      <c r="CK149" s="201"/>
      <c r="CL149" s="201"/>
      <c r="CM149" s="201"/>
      <c r="CN149" s="201"/>
      <c r="CO149" s="201"/>
      <c r="CP149" s="201"/>
      <c r="CQ149" s="201"/>
      <c r="CR149" s="201"/>
      <c r="CS149" s="201"/>
      <c r="CT149" s="201"/>
      <c r="CU149" s="201"/>
      <c r="CV149" s="201"/>
      <c r="CW149" s="201"/>
      <c r="CX149" s="201"/>
      <c r="CY149" s="201"/>
      <c r="CZ149" s="201"/>
      <c r="DA149" s="201"/>
      <c r="DB149" s="201"/>
      <c r="DC149" s="201"/>
      <c r="DD149" s="201"/>
      <c r="DE149" s="201"/>
      <c r="DF149" s="201"/>
      <c r="DG149" s="201"/>
      <c r="DH149" s="201"/>
      <c r="DI149" s="201"/>
      <c r="DJ149" s="201"/>
      <c r="DK149" s="201"/>
      <c r="DL149" s="201"/>
      <c r="DM149" s="201"/>
      <c r="DN149" s="201"/>
      <c r="DO149" s="201"/>
      <c r="DP149" s="201"/>
      <c r="DQ149" s="201"/>
      <c r="DR149" s="201"/>
      <c r="DS149" s="201"/>
      <c r="DT149" s="201"/>
      <c r="DU149" s="201"/>
      <c r="DV149" s="201"/>
      <c r="DW149" s="201"/>
      <c r="DX149" s="201"/>
      <c r="DY149" s="201"/>
      <c r="DZ149" s="201"/>
      <c r="EA149" s="201"/>
      <c r="EB149" s="201"/>
      <c r="EC149" s="201"/>
      <c r="ED149" s="201"/>
      <c r="EE149" s="201"/>
      <c r="EF149" s="201"/>
      <c r="EG149" s="201"/>
      <c r="EH149" s="201"/>
      <c r="EI149" s="201"/>
      <c r="EJ149" s="201"/>
      <c r="EK149" s="201"/>
      <c r="EL149" s="201"/>
      <c r="EM149" s="201"/>
      <c r="EN149" s="201"/>
      <c r="EO149" s="201"/>
      <c r="EP149" s="201"/>
      <c r="EQ149" s="201"/>
      <c r="ER149" s="201"/>
      <c r="ES149" s="201"/>
      <c r="ET149" s="201"/>
      <c r="EU149" s="201"/>
      <c r="EV149" s="201"/>
      <c r="EW149" s="201"/>
      <c r="EX149" s="201"/>
      <c r="EY149" s="201"/>
      <c r="EZ149" s="201"/>
      <c r="FA149" s="201"/>
      <c r="FB149" s="201"/>
      <c r="FC149" s="201"/>
      <c r="FD149" s="201"/>
      <c r="FE149" s="201"/>
      <c r="FF149" s="201"/>
      <c r="FG149" s="201"/>
      <c r="FH149" s="201"/>
      <c r="FI149" s="201"/>
      <c r="FJ149" s="201"/>
      <c r="FK149" s="201"/>
      <c r="FL149" s="201"/>
      <c r="FM149" s="201"/>
      <c r="FN149" s="201"/>
      <c r="FO149" s="201"/>
      <c r="FP149" s="201"/>
      <c r="FQ149" s="201"/>
      <c r="FR149" s="201"/>
      <c r="FS149" s="201"/>
      <c r="FT149" s="201"/>
      <c r="FU149" s="201"/>
      <c r="FV149" s="201"/>
      <c r="FW149" s="201"/>
      <c r="FX149" s="201"/>
      <c r="FY149" s="201"/>
      <c r="FZ149" s="201"/>
      <c r="GA149" s="201"/>
      <c r="GB149" s="201"/>
      <c r="GC149" s="201"/>
      <c r="GD149" s="201"/>
      <c r="GE149" s="201"/>
      <c r="GF149" s="201"/>
      <c r="GG149" s="201"/>
      <c r="GH149" s="201"/>
      <c r="GI149" s="201"/>
      <c r="GJ149" s="201"/>
      <c r="GK149" s="201"/>
      <c r="GL149" s="201"/>
      <c r="GM149" s="201"/>
      <c r="GN149" s="201"/>
      <c r="GO149" s="201"/>
      <c r="GP149" s="201"/>
      <c r="GQ149" s="201"/>
      <c r="GR149" s="201"/>
      <c r="GS149" s="201"/>
      <c r="GT149" s="201"/>
      <c r="GU149" s="201"/>
      <c r="GV149" s="201"/>
      <c r="GW149" s="201"/>
      <c r="GX149" s="201"/>
      <c r="GY149" s="201"/>
      <c r="GZ149" s="201"/>
      <c r="HA149" s="201"/>
      <c r="HB149" s="201"/>
      <c r="HC149" s="201"/>
      <c r="HD149" s="201"/>
      <c r="HE149" s="201"/>
      <c r="HF149" s="201"/>
      <c r="HG149" s="201"/>
      <c r="HH149" s="201"/>
      <c r="HI149" s="201"/>
      <c r="HJ149" s="201"/>
      <c r="HK149" s="201"/>
      <c r="HL149" s="201"/>
      <c r="HM149" s="201"/>
      <c r="HN149" s="201"/>
      <c r="HO149" s="201"/>
      <c r="HP149" s="201"/>
      <c r="HQ149" s="201"/>
      <c r="HR149" s="201"/>
      <c r="HS149" s="201"/>
      <c r="HT149" s="201"/>
      <c r="HU149" s="201"/>
      <c r="HV149" s="201"/>
      <c r="HW149" s="201"/>
      <c r="HX149" s="201"/>
      <c r="HY149" s="201"/>
      <c r="HZ149" s="201"/>
      <c r="IA149" s="201"/>
      <c r="IB149" s="201"/>
      <c r="IC149" s="201"/>
      <c r="ID149" s="201"/>
      <c r="IE149" s="201"/>
      <c r="IF149" s="201"/>
      <c r="IG149" s="201"/>
      <c r="IH149" s="201"/>
      <c r="II149" s="201"/>
      <c r="IJ149" s="201"/>
      <c r="IK149" s="201"/>
      <c r="IL149" s="201"/>
      <c r="IM149" s="201"/>
      <c r="IN149" s="201"/>
      <c r="IO149" s="201"/>
      <c r="IP149" s="201"/>
      <c r="IQ149" s="201"/>
      <c r="IR149" s="201"/>
      <c r="IS149" s="201"/>
      <c r="IT149" s="201"/>
      <c r="IU149" s="201"/>
      <c r="IV149" s="201"/>
      <c r="IW149" s="201"/>
      <c r="IX149" s="201"/>
      <c r="IY149" s="201"/>
    </row>
    <row r="150" spans="1:259" s="570" customFormat="1" ht="69" customHeight="1" x14ac:dyDescent="0.2">
      <c r="A150" s="905" t="s">
        <v>433</v>
      </c>
      <c r="B150" s="906"/>
      <c r="C150" s="906"/>
      <c r="D150" s="906"/>
      <c r="E150" s="906"/>
      <c r="F150" s="906"/>
      <c r="G150" s="906"/>
      <c r="H150" s="906"/>
      <c r="I150" s="906"/>
      <c r="J150" s="906"/>
      <c r="K150" s="906"/>
      <c r="L150" s="906"/>
      <c r="M150" s="906"/>
      <c r="N150" s="906"/>
      <c r="O150" s="906"/>
      <c r="P150" s="906"/>
      <c r="Q150" s="907"/>
      <c r="R150" s="1028"/>
      <c r="S150" s="561"/>
      <c r="T150" s="595"/>
      <c r="U150" s="596"/>
      <c r="V150" s="600"/>
      <c r="W150" s="600"/>
      <c r="X150" s="600"/>
      <c r="Y150" s="600"/>
      <c r="Z150" s="600"/>
      <c r="AA150" s="600"/>
      <c r="AB150" s="600"/>
      <c r="AC150" s="600"/>
      <c r="AD150" s="600"/>
      <c r="AE150" s="600"/>
      <c r="AF150" s="600"/>
      <c r="AG150" s="600"/>
      <c r="AH150" s="600"/>
      <c r="AI150" s="600"/>
      <c r="AJ150" s="600"/>
      <c r="AK150" s="600"/>
      <c r="AL150" s="600"/>
      <c r="AM150" s="600"/>
      <c r="AN150" s="600"/>
      <c r="AO150" s="600"/>
      <c r="AP150" s="600"/>
      <c r="AQ150" s="600"/>
      <c r="AR150" s="600"/>
      <c r="AS150" s="600"/>
      <c r="AT150" s="600"/>
      <c r="AU150" s="600"/>
      <c r="AV150" s="600"/>
      <c r="AW150" s="600"/>
      <c r="AX150" s="600"/>
      <c r="AY150" s="600"/>
      <c r="AZ150" s="600"/>
      <c r="BA150" s="600"/>
      <c r="BB150" s="600"/>
      <c r="BC150" s="600"/>
      <c r="BD150" s="600"/>
      <c r="BE150" s="600"/>
    </row>
    <row r="151" spans="1:259" s="570" customFormat="1" ht="69.599999999999994" customHeight="1" x14ac:dyDescent="0.2">
      <c r="A151" s="779" t="s">
        <v>100</v>
      </c>
      <c r="B151" s="780"/>
      <c r="C151" s="780"/>
      <c r="D151" s="780"/>
      <c r="E151" s="780"/>
      <c r="F151" s="780"/>
      <c r="G151" s="780"/>
      <c r="H151" s="780"/>
      <c r="I151" s="780"/>
      <c r="J151" s="780"/>
      <c r="K151" s="780"/>
      <c r="L151" s="780"/>
      <c r="M151" s="780"/>
      <c r="N151" s="780"/>
      <c r="O151" s="780"/>
      <c r="P151" s="780"/>
      <c r="Q151" s="781"/>
      <c r="R151" s="1028"/>
      <c r="S151" s="561"/>
      <c r="T151" s="595"/>
      <c r="U151" s="596"/>
      <c r="V151" s="600"/>
      <c r="W151" s="600"/>
      <c r="X151" s="600"/>
      <c r="Y151" s="600"/>
      <c r="Z151" s="600"/>
      <c r="AA151" s="600"/>
      <c r="AB151" s="600"/>
      <c r="AC151" s="600"/>
      <c r="AD151" s="600"/>
      <c r="AE151" s="600"/>
      <c r="AF151" s="600"/>
      <c r="AG151" s="600"/>
      <c r="AH151" s="600"/>
      <c r="AI151" s="600"/>
      <c r="AJ151" s="600"/>
      <c r="AK151" s="600"/>
      <c r="AL151" s="600"/>
      <c r="AM151" s="600"/>
      <c r="AN151" s="600"/>
      <c r="AO151" s="600"/>
      <c r="AP151" s="600"/>
      <c r="AQ151" s="600"/>
      <c r="AR151" s="600"/>
      <c r="AS151" s="600"/>
      <c r="AT151" s="600"/>
      <c r="AU151" s="600"/>
      <c r="AV151" s="600"/>
      <c r="AW151" s="600"/>
      <c r="AX151" s="600"/>
      <c r="AY151" s="600"/>
      <c r="AZ151" s="600"/>
      <c r="BA151" s="600"/>
      <c r="BB151" s="600"/>
      <c r="BC151" s="600"/>
      <c r="BD151" s="600"/>
      <c r="BE151" s="600"/>
    </row>
    <row r="152" spans="1:259" s="546" customFormat="1" ht="69.900000000000006" customHeight="1" x14ac:dyDescent="0.2">
      <c r="A152" s="70" t="s">
        <v>28</v>
      </c>
      <c r="B152" s="72"/>
      <c r="C152" s="72"/>
      <c r="D152" s="72"/>
      <c r="E152" s="72"/>
      <c r="F152" s="72"/>
      <c r="G152" s="72"/>
      <c r="H152" s="72"/>
      <c r="I152" s="72"/>
      <c r="J152" s="72"/>
      <c r="K152" s="72"/>
      <c r="L152" s="72"/>
      <c r="M152" s="72"/>
      <c r="N152" s="72"/>
      <c r="O152" s="72"/>
      <c r="P152" s="72"/>
      <c r="Q152" s="202"/>
      <c r="R152" s="1068"/>
      <c r="S152" s="561"/>
      <c r="T152" s="199"/>
    </row>
    <row r="153" spans="1:259" s="570" customFormat="1" ht="75" customHeight="1" x14ac:dyDescent="0.2">
      <c r="A153" s="575"/>
      <c r="B153" s="576"/>
      <c r="C153" s="576"/>
      <c r="D153" s="576"/>
      <c r="E153" s="576"/>
      <c r="F153" s="576"/>
      <c r="G153" s="576"/>
      <c r="H153" s="576"/>
      <c r="I153" s="576"/>
      <c r="J153" s="576"/>
      <c r="K153" s="576"/>
      <c r="L153" s="577"/>
      <c r="M153" s="576"/>
      <c r="N153" s="576"/>
      <c r="O153" s="576"/>
      <c r="P153" s="576"/>
      <c r="Q153" s="578"/>
      <c r="R153" s="1028"/>
      <c r="S153" s="561"/>
      <c r="T153" s="579"/>
      <c r="U153" s="546"/>
    </row>
    <row r="154" spans="1:259" s="570" customFormat="1" ht="75" customHeight="1" thickBot="1" x14ac:dyDescent="0.25">
      <c r="A154" s="606"/>
      <c r="B154" s="607"/>
      <c r="C154" s="607"/>
      <c r="D154" s="607"/>
      <c r="E154" s="607"/>
      <c r="F154" s="607"/>
      <c r="G154" s="607"/>
      <c r="H154" s="607"/>
      <c r="I154" s="607"/>
      <c r="J154" s="607"/>
      <c r="K154" s="607"/>
      <c r="L154" s="608"/>
      <c r="M154" s="607"/>
      <c r="N154" s="607"/>
      <c r="O154" s="607"/>
      <c r="P154" s="607"/>
      <c r="Q154" s="609"/>
      <c r="R154" s="1028"/>
      <c r="S154" s="561"/>
      <c r="T154" s="579"/>
      <c r="U154" s="546"/>
    </row>
    <row r="155" spans="1:259" s="570" customFormat="1" ht="69.900000000000006" customHeight="1" thickBot="1" x14ac:dyDescent="0.25">
      <c r="A155" s="724" t="s">
        <v>108</v>
      </c>
      <c r="B155" s="726"/>
      <c r="C155" s="726"/>
      <c r="D155" s="726"/>
      <c r="E155" s="726"/>
      <c r="F155" s="726"/>
      <c r="G155" s="726"/>
      <c r="H155" s="726"/>
      <c r="I155" s="726"/>
      <c r="J155" s="726"/>
      <c r="K155" s="726"/>
      <c r="L155" s="726"/>
      <c r="M155" s="726"/>
      <c r="N155" s="726"/>
      <c r="O155" s="726"/>
      <c r="P155" s="726"/>
      <c r="Q155" s="819"/>
      <c r="R155" s="1089"/>
      <c r="T155" s="600"/>
      <c r="U155" s="600"/>
      <c r="V155" s="600"/>
      <c r="W155" s="600"/>
      <c r="X155" s="600"/>
      <c r="Y155" s="600"/>
      <c r="Z155" s="600"/>
      <c r="AA155" s="600"/>
      <c r="AB155" s="600"/>
      <c r="AC155" s="600"/>
      <c r="AD155" s="600"/>
      <c r="AE155" s="600"/>
      <c r="AF155" s="600"/>
      <c r="AG155" s="600"/>
      <c r="AH155" s="600"/>
      <c r="AI155" s="600"/>
      <c r="AJ155" s="600"/>
      <c r="AK155" s="600"/>
      <c r="AL155" s="600"/>
      <c r="AM155" s="600"/>
      <c r="AN155" s="600"/>
      <c r="AO155" s="600"/>
      <c r="AP155" s="600"/>
      <c r="AQ155" s="600"/>
      <c r="AR155" s="600"/>
      <c r="AS155" s="600"/>
      <c r="AT155" s="600"/>
      <c r="AU155" s="600"/>
      <c r="AV155" s="600"/>
      <c r="AW155" s="600"/>
      <c r="AX155" s="600"/>
      <c r="AY155" s="600"/>
      <c r="AZ155" s="600"/>
      <c r="BA155" s="600"/>
      <c r="BB155" s="600"/>
      <c r="BC155" s="600"/>
      <c r="BD155" s="600"/>
      <c r="BE155" s="600"/>
    </row>
    <row r="156" spans="1:259" s="570" customFormat="1" ht="199.95" customHeight="1" thickTop="1" thickBot="1" x14ac:dyDescent="0.25">
      <c r="A156" s="788" t="s">
        <v>258</v>
      </c>
      <c r="B156" s="690"/>
      <c r="C156" s="690"/>
      <c r="D156" s="690"/>
      <c r="E156" s="690"/>
      <c r="F156" s="690"/>
      <c r="G156" s="690"/>
      <c r="H156" s="690"/>
      <c r="I156" s="690"/>
      <c r="J156" s="690"/>
      <c r="K156" s="690"/>
      <c r="L156" s="690"/>
      <c r="M156" s="690"/>
      <c r="N156" s="789"/>
      <c r="O156" s="1119" t="s">
        <v>20</v>
      </c>
      <c r="P156" s="765" t="s">
        <v>21</v>
      </c>
      <c r="Q156" s="1120" t="s">
        <v>22</v>
      </c>
      <c r="R156" s="1089"/>
      <c r="T156" s="1096"/>
      <c r="U156" s="600"/>
      <c r="V156" s="600"/>
      <c r="W156" s="600"/>
      <c r="X156" s="600"/>
      <c r="Y156" s="600"/>
      <c r="Z156" s="600"/>
      <c r="AA156" s="600"/>
      <c r="AB156" s="600"/>
      <c r="AC156" s="600"/>
      <c r="AD156" s="600"/>
      <c r="AE156" s="600"/>
      <c r="AF156" s="600"/>
      <c r="AG156" s="600"/>
      <c r="AH156" s="600"/>
      <c r="AI156" s="600"/>
      <c r="AJ156" s="600"/>
      <c r="AK156" s="600"/>
      <c r="AL156" s="600"/>
      <c r="AM156" s="600"/>
      <c r="AN156" s="600"/>
      <c r="AO156" s="600"/>
      <c r="AP156" s="600"/>
      <c r="AQ156" s="600"/>
      <c r="AR156" s="600"/>
      <c r="AS156" s="600"/>
      <c r="AT156" s="600"/>
      <c r="AU156" s="600"/>
      <c r="AV156" s="600"/>
      <c r="AW156" s="600"/>
      <c r="AX156" s="600"/>
      <c r="AY156" s="600"/>
      <c r="AZ156" s="600"/>
      <c r="BA156" s="600"/>
      <c r="BB156" s="600"/>
      <c r="BC156" s="600"/>
      <c r="BD156" s="600"/>
      <c r="BE156" s="600"/>
    </row>
    <row r="157" spans="1:259" s="191" customFormat="1" ht="69.900000000000006" customHeight="1" thickTop="1" x14ac:dyDescent="0.2">
      <c r="A157" s="790" t="s">
        <v>110</v>
      </c>
      <c r="B157" s="694"/>
      <c r="C157" s="694"/>
      <c r="D157" s="694"/>
      <c r="E157" s="694"/>
      <c r="F157" s="694"/>
      <c r="G157" s="694"/>
      <c r="H157" s="694"/>
      <c r="I157" s="694"/>
      <c r="J157" s="694"/>
      <c r="K157" s="694"/>
      <c r="L157" s="694"/>
      <c r="M157" s="694"/>
      <c r="N157" s="694"/>
      <c r="O157" s="694"/>
      <c r="P157" s="694"/>
      <c r="Q157" s="791"/>
      <c r="R157" s="1149"/>
      <c r="T157" s="1150"/>
    </row>
    <row r="158" spans="1:259" s="191" customFormat="1" ht="69.900000000000006" customHeight="1" x14ac:dyDescent="0.2">
      <c r="A158" s="792" t="s">
        <v>106</v>
      </c>
      <c r="B158" s="793"/>
      <c r="C158" s="793"/>
      <c r="D158" s="793"/>
      <c r="E158" s="793"/>
      <c r="F158" s="793"/>
      <c r="G158" s="793"/>
      <c r="H158" s="793"/>
      <c r="I158" s="793"/>
      <c r="J158" s="793"/>
      <c r="K158" s="793"/>
      <c r="L158" s="793"/>
      <c r="M158" s="793"/>
      <c r="N158" s="793"/>
      <c r="O158" s="793"/>
      <c r="P158" s="793"/>
      <c r="Q158" s="794"/>
      <c r="R158" s="1149"/>
      <c r="T158" s="1150"/>
    </row>
    <row r="159" spans="1:259" s="570" customFormat="1" ht="69.599999999999994" customHeight="1" x14ac:dyDescent="0.2">
      <c r="A159" s="879" t="s">
        <v>111</v>
      </c>
      <c r="B159" s="880"/>
      <c r="C159" s="880"/>
      <c r="D159" s="880"/>
      <c r="E159" s="880"/>
      <c r="F159" s="880"/>
      <c r="G159" s="880"/>
      <c r="H159" s="880"/>
      <c r="I159" s="880"/>
      <c r="J159" s="880"/>
      <c r="K159" s="880"/>
      <c r="L159" s="880"/>
      <c r="M159" s="880"/>
      <c r="N159" s="880"/>
      <c r="O159" s="880"/>
      <c r="P159" s="880"/>
      <c r="Q159" s="881"/>
      <c r="R159" s="1089"/>
      <c r="T159" s="600"/>
      <c r="U159" s="1151"/>
      <c r="V159" s="600"/>
      <c r="W159" s="600"/>
      <c r="X159" s="600"/>
      <c r="Y159" s="600"/>
      <c r="Z159" s="600"/>
      <c r="AA159" s="600"/>
      <c r="AB159" s="600"/>
      <c r="AC159" s="600"/>
      <c r="AD159" s="600"/>
      <c r="AE159" s="600"/>
      <c r="AF159" s="600"/>
      <c r="AG159" s="600"/>
      <c r="AH159" s="600"/>
      <c r="AI159" s="600"/>
      <c r="AJ159" s="600"/>
      <c r="AK159" s="600"/>
      <c r="AL159" s="600"/>
      <c r="AM159" s="600"/>
      <c r="AN159" s="600"/>
      <c r="AO159" s="600"/>
      <c r="AP159" s="600"/>
      <c r="AQ159" s="600"/>
      <c r="AR159" s="600"/>
      <c r="AS159" s="600"/>
      <c r="AT159" s="600"/>
      <c r="AU159" s="600"/>
      <c r="AV159" s="600"/>
      <c r="AW159" s="600"/>
      <c r="AX159" s="600"/>
      <c r="AY159" s="600"/>
      <c r="AZ159" s="600"/>
      <c r="BA159" s="600"/>
      <c r="BB159" s="600"/>
      <c r="BC159" s="600"/>
      <c r="BD159" s="600"/>
      <c r="BE159" s="600"/>
    </row>
    <row r="160" spans="1:259" s="570" customFormat="1" ht="69.599999999999994" customHeight="1" x14ac:dyDescent="0.2">
      <c r="A160" s="335" t="s">
        <v>100</v>
      </c>
      <c r="B160" s="336"/>
      <c r="C160" s="336"/>
      <c r="D160" s="336"/>
      <c r="E160" s="336"/>
      <c r="F160" s="336"/>
      <c r="G160" s="336"/>
      <c r="H160" s="336"/>
      <c r="I160" s="336"/>
      <c r="J160" s="336"/>
      <c r="K160" s="336"/>
      <c r="L160" s="336"/>
      <c r="M160" s="336"/>
      <c r="N160" s="336"/>
      <c r="O160" s="336"/>
      <c r="P160" s="336"/>
      <c r="Q160" s="337"/>
      <c r="R160" s="1089"/>
      <c r="T160" s="600"/>
      <c r="U160" s="600"/>
      <c r="V160" s="600"/>
      <c r="W160" s="600"/>
      <c r="X160" s="600"/>
      <c r="Y160" s="600"/>
      <c r="Z160" s="600"/>
      <c r="AA160" s="600"/>
      <c r="AB160" s="600"/>
      <c r="AC160" s="600"/>
      <c r="AD160" s="600"/>
      <c r="AE160" s="600"/>
      <c r="AF160" s="600"/>
      <c r="AG160" s="600"/>
      <c r="AH160" s="600"/>
      <c r="AI160" s="600"/>
      <c r="AJ160" s="600"/>
      <c r="AK160" s="600"/>
      <c r="AL160" s="600"/>
      <c r="AM160" s="600"/>
      <c r="AN160" s="600"/>
      <c r="AO160" s="600"/>
      <c r="AP160" s="600"/>
      <c r="AQ160" s="600"/>
      <c r="AR160" s="600"/>
      <c r="AS160" s="600"/>
      <c r="AT160" s="600"/>
      <c r="AU160" s="600"/>
      <c r="AV160" s="600"/>
      <c r="AW160" s="600"/>
      <c r="AX160" s="600"/>
      <c r="AY160" s="600"/>
      <c r="AZ160" s="600"/>
      <c r="BA160" s="600"/>
      <c r="BB160" s="600"/>
      <c r="BC160" s="600"/>
      <c r="BD160" s="600"/>
      <c r="BE160" s="600"/>
    </row>
    <row r="161" spans="1:259" s="546" customFormat="1" ht="69.900000000000006" customHeight="1" x14ac:dyDescent="0.2">
      <c r="A161" s="70" t="s">
        <v>28</v>
      </c>
      <c r="B161" s="72"/>
      <c r="C161" s="72"/>
      <c r="D161" s="72"/>
      <c r="E161" s="72"/>
      <c r="F161" s="72"/>
      <c r="G161" s="72"/>
      <c r="H161" s="72"/>
      <c r="I161" s="72"/>
      <c r="J161" s="72"/>
      <c r="K161" s="72"/>
      <c r="L161" s="72"/>
      <c r="M161" s="72"/>
      <c r="N161" s="72"/>
      <c r="O161" s="72"/>
      <c r="P161" s="72"/>
      <c r="Q161" s="202"/>
      <c r="R161" s="1068"/>
      <c r="S161" s="561"/>
      <c r="T161" s="199"/>
    </row>
    <row r="162" spans="1:259" s="570" customFormat="1" ht="75" customHeight="1" x14ac:dyDescent="0.2">
      <c r="A162" s="1111"/>
      <c r="B162" s="1112"/>
      <c r="C162" s="1112"/>
      <c r="D162" s="1112"/>
      <c r="E162" s="1112"/>
      <c r="F162" s="1112"/>
      <c r="G162" s="1112"/>
      <c r="H162" s="1112"/>
      <c r="I162" s="1112"/>
      <c r="J162" s="1112"/>
      <c r="K162" s="1112"/>
      <c r="L162" s="1113"/>
      <c r="M162" s="1112"/>
      <c r="N162" s="1112"/>
      <c r="O162" s="1112"/>
      <c r="P162" s="1112"/>
      <c r="Q162" s="1114"/>
      <c r="R162" s="1028"/>
      <c r="S162" s="561"/>
      <c r="T162" s="579"/>
    </row>
    <row r="163" spans="1:259" s="570" customFormat="1" ht="75" customHeight="1" thickBot="1" x14ac:dyDescent="0.25">
      <c r="A163" s="1115"/>
      <c r="B163" s="1116"/>
      <c r="C163" s="1116"/>
      <c r="D163" s="1116"/>
      <c r="E163" s="1116"/>
      <c r="F163" s="1116"/>
      <c r="G163" s="1116"/>
      <c r="H163" s="1116"/>
      <c r="I163" s="1116"/>
      <c r="J163" s="1116"/>
      <c r="K163" s="1116"/>
      <c r="L163" s="1117"/>
      <c r="M163" s="1116"/>
      <c r="N163" s="1116"/>
      <c r="O163" s="1116"/>
      <c r="P163" s="1116"/>
      <c r="Q163" s="1118"/>
      <c r="R163" s="1028"/>
      <c r="S163" s="561"/>
      <c r="T163" s="579"/>
    </row>
    <row r="164" spans="1:259" s="546" customFormat="1" ht="69.900000000000006" customHeight="1" thickBot="1" x14ac:dyDescent="0.25">
      <c r="A164" s="584" t="s">
        <v>434</v>
      </c>
      <c r="B164" s="585"/>
      <c r="C164" s="585"/>
      <c r="D164" s="585"/>
      <c r="E164" s="585"/>
      <c r="F164" s="585"/>
      <c r="G164" s="585"/>
      <c r="H164" s="585"/>
      <c r="I164" s="585"/>
      <c r="J164" s="585"/>
      <c r="K164" s="585"/>
      <c r="L164" s="586"/>
      <c r="M164" s="585"/>
      <c r="N164" s="585"/>
      <c r="O164" s="585"/>
      <c r="P164" s="585"/>
      <c r="Q164" s="587"/>
      <c r="R164" s="1028"/>
      <c r="S164" s="561"/>
      <c r="T164" s="595"/>
      <c r="U164" s="596"/>
      <c r="V164" s="596"/>
      <c r="W164" s="596"/>
      <c r="X164" s="596"/>
      <c r="Y164" s="600"/>
      <c r="Z164" s="600"/>
      <c r="AA164" s="600"/>
      <c r="AB164" s="600"/>
      <c r="AC164" s="600"/>
      <c r="AD164" s="600"/>
      <c r="AE164" s="600"/>
      <c r="AF164" s="600"/>
      <c r="AG164" s="600"/>
      <c r="AH164" s="600"/>
      <c r="AI164" s="600"/>
      <c r="AJ164" s="600"/>
      <c r="AK164" s="600"/>
      <c r="AL164" s="600"/>
      <c r="AM164" s="600"/>
      <c r="AN164" s="600"/>
      <c r="AO164" s="596"/>
      <c r="AP164" s="596"/>
      <c r="AQ164" s="596"/>
      <c r="AR164" s="596"/>
      <c r="AS164" s="596"/>
      <c r="AT164" s="596"/>
      <c r="AU164" s="596"/>
      <c r="AV164" s="596"/>
      <c r="AW164" s="596"/>
      <c r="AX164" s="596"/>
      <c r="AY164" s="596"/>
      <c r="AZ164" s="596"/>
      <c r="BA164" s="596"/>
      <c r="BB164" s="596"/>
      <c r="BC164" s="596"/>
      <c r="BD164" s="596"/>
      <c r="BE164" s="596"/>
    </row>
    <row r="165" spans="1:259" s="570" customFormat="1" ht="307.95" customHeight="1" thickTop="1" thickBot="1" x14ac:dyDescent="0.25">
      <c r="A165" s="88" t="s">
        <v>113</v>
      </c>
      <c r="B165" s="89"/>
      <c r="C165" s="89"/>
      <c r="D165" s="89"/>
      <c r="E165" s="89"/>
      <c r="F165" s="89"/>
      <c r="G165" s="89"/>
      <c r="H165" s="89"/>
      <c r="I165" s="89"/>
      <c r="J165" s="89"/>
      <c r="K165" s="89"/>
      <c r="L165" s="90"/>
      <c r="M165" s="89"/>
      <c r="N165" s="89"/>
      <c r="O165" s="52" t="s">
        <v>20</v>
      </c>
      <c r="P165" s="53" t="s">
        <v>21</v>
      </c>
      <c r="Q165" s="54" t="s">
        <v>22</v>
      </c>
      <c r="R165" s="1028"/>
      <c r="S165" s="561"/>
      <c r="T165" s="569"/>
      <c r="U165" s="596"/>
      <c r="V165" s="600"/>
      <c r="W165" s="600"/>
      <c r="X165" s="600"/>
      <c r="Y165" s="804"/>
      <c r="Z165" s="804"/>
      <c r="AA165" s="804"/>
      <c r="AB165" s="804"/>
      <c r="AC165" s="804"/>
      <c r="AD165" s="804"/>
      <c r="AE165" s="804"/>
      <c r="AF165" s="804"/>
      <c r="AG165" s="804"/>
      <c r="AH165" s="804"/>
      <c r="AI165" s="804"/>
      <c r="AJ165" s="804"/>
      <c r="AK165" s="804"/>
      <c r="AL165" s="804"/>
      <c r="AM165" s="804"/>
      <c r="AN165" s="804"/>
      <c r="AO165" s="600"/>
      <c r="AP165" s="600"/>
      <c r="AQ165" s="600"/>
      <c r="AR165" s="600"/>
      <c r="AS165" s="600"/>
      <c r="AT165" s="600"/>
      <c r="AU165" s="600"/>
      <c r="AV165" s="600"/>
      <c r="AW165" s="600"/>
      <c r="AX165" s="600"/>
      <c r="AY165" s="600"/>
      <c r="AZ165" s="600"/>
      <c r="BA165" s="600"/>
      <c r="BB165" s="600"/>
      <c r="BC165" s="600"/>
      <c r="BD165" s="600"/>
      <c r="BE165" s="600"/>
    </row>
    <row r="166" spans="1:259" s="570" customFormat="1" ht="201" customHeight="1" thickTop="1" thickBot="1" x14ac:dyDescent="0.25">
      <c r="A166" s="603" t="s">
        <v>260</v>
      </c>
      <c r="B166" s="572"/>
      <c r="C166" s="572"/>
      <c r="D166" s="572"/>
      <c r="E166" s="572"/>
      <c r="F166" s="572"/>
      <c r="G166" s="572"/>
      <c r="H166" s="572"/>
      <c r="I166" s="572"/>
      <c r="J166" s="572"/>
      <c r="K166" s="572"/>
      <c r="L166" s="231"/>
      <c r="M166" s="572"/>
      <c r="N166" s="572"/>
      <c r="O166" s="52" t="s">
        <v>20</v>
      </c>
      <c r="P166" s="53" t="s">
        <v>21</v>
      </c>
      <c r="Q166" s="54" t="s">
        <v>22</v>
      </c>
      <c r="R166" s="1028"/>
      <c r="S166" s="561"/>
      <c r="T166" s="569"/>
      <c r="U166" s="596"/>
      <c r="V166" s="600"/>
      <c r="W166" s="600"/>
      <c r="X166" s="600"/>
      <c r="Y166" s="596"/>
      <c r="Z166" s="596"/>
      <c r="AA166" s="596"/>
      <c r="AB166" s="596"/>
      <c r="AC166" s="596"/>
      <c r="AD166" s="596"/>
      <c r="AE166" s="596"/>
      <c r="AF166" s="596"/>
      <c r="AG166" s="596"/>
      <c r="AH166" s="596"/>
      <c r="AI166" s="596"/>
      <c r="AJ166" s="596"/>
      <c r="AK166" s="596"/>
      <c r="AL166" s="596"/>
      <c r="AM166" s="596"/>
      <c r="AN166" s="596"/>
      <c r="AO166" s="600"/>
      <c r="AP166" s="600"/>
      <c r="AQ166" s="600"/>
      <c r="AR166" s="600"/>
      <c r="AS166" s="600"/>
      <c r="AT166" s="600"/>
      <c r="AU166" s="600"/>
      <c r="AV166" s="600"/>
      <c r="AW166" s="600"/>
      <c r="AX166" s="600"/>
      <c r="AY166" s="600"/>
      <c r="AZ166" s="600"/>
      <c r="BA166" s="600"/>
      <c r="BB166" s="600"/>
      <c r="BC166" s="600"/>
      <c r="BD166" s="600"/>
      <c r="BE166" s="600"/>
    </row>
    <row r="167" spans="1:259" s="806" customFormat="1" ht="140.1" customHeight="1" thickTop="1" thickBot="1" x14ac:dyDescent="0.25">
      <c r="A167" s="604" t="s">
        <v>261</v>
      </c>
      <c r="B167" s="605"/>
      <c r="C167" s="605"/>
      <c r="D167" s="605"/>
      <c r="E167" s="605"/>
      <c r="F167" s="605"/>
      <c r="G167" s="605"/>
      <c r="H167" s="605"/>
      <c r="I167" s="605"/>
      <c r="J167" s="605"/>
      <c r="K167" s="605"/>
      <c r="L167" s="184"/>
      <c r="M167" s="605"/>
      <c r="N167" s="605"/>
      <c r="O167" s="67" t="s">
        <v>20</v>
      </c>
      <c r="P167" s="68" t="s">
        <v>25</v>
      </c>
      <c r="Q167" s="69" t="s">
        <v>22</v>
      </c>
      <c r="R167" s="1028"/>
      <c r="S167" s="805"/>
      <c r="T167" s="569"/>
      <c r="U167" s="540"/>
      <c r="V167" s="804"/>
      <c r="W167" s="804"/>
      <c r="X167" s="804"/>
      <c r="Y167" s="600"/>
      <c r="Z167" s="600"/>
      <c r="AA167" s="600"/>
      <c r="AB167" s="600"/>
      <c r="AC167" s="600"/>
      <c r="AD167" s="600"/>
      <c r="AE167" s="600"/>
      <c r="AF167" s="600"/>
      <c r="AG167" s="600"/>
      <c r="AH167" s="600"/>
      <c r="AI167" s="600"/>
      <c r="AJ167" s="600"/>
      <c r="AK167" s="600"/>
      <c r="AL167" s="600"/>
      <c r="AM167" s="600"/>
      <c r="AN167" s="600"/>
      <c r="AO167" s="804"/>
      <c r="AP167" s="804"/>
      <c r="AQ167" s="804"/>
      <c r="AR167" s="804"/>
      <c r="AS167" s="804"/>
      <c r="AT167" s="804"/>
      <c r="AU167" s="804"/>
      <c r="AV167" s="804"/>
      <c r="AW167" s="804"/>
      <c r="AX167" s="804"/>
      <c r="AY167" s="804"/>
      <c r="AZ167" s="804"/>
      <c r="BA167" s="804"/>
      <c r="BB167" s="804"/>
      <c r="BC167" s="804"/>
      <c r="BD167" s="804"/>
      <c r="BE167" s="804"/>
    </row>
    <row r="168" spans="1:259" s="546" customFormat="1" ht="69.900000000000006" customHeight="1" thickTop="1" x14ac:dyDescent="0.2">
      <c r="A168" s="70" t="s">
        <v>28</v>
      </c>
      <c r="B168" s="72"/>
      <c r="C168" s="72"/>
      <c r="D168" s="72"/>
      <c r="E168" s="72"/>
      <c r="F168" s="72"/>
      <c r="G168" s="72"/>
      <c r="H168" s="72"/>
      <c r="I168" s="72"/>
      <c r="J168" s="72"/>
      <c r="K168" s="72"/>
      <c r="L168" s="72"/>
      <c r="M168" s="72"/>
      <c r="N168" s="72"/>
      <c r="O168" s="72"/>
      <c r="P168" s="72"/>
      <c r="Q168" s="202"/>
      <c r="R168" s="1068"/>
      <c r="S168" s="561"/>
      <c r="T168" s="199"/>
    </row>
    <row r="169" spans="1:259" s="570" customFormat="1" ht="75" customHeight="1" x14ac:dyDescent="0.2">
      <c r="A169" s="575"/>
      <c r="B169" s="576"/>
      <c r="C169" s="576"/>
      <c r="D169" s="576"/>
      <c r="E169" s="576"/>
      <c r="F169" s="576"/>
      <c r="G169" s="576"/>
      <c r="H169" s="576"/>
      <c r="I169" s="576"/>
      <c r="J169" s="576"/>
      <c r="K169" s="576"/>
      <c r="L169" s="577"/>
      <c r="M169" s="576"/>
      <c r="N169" s="576"/>
      <c r="O169" s="576"/>
      <c r="P169" s="576"/>
      <c r="Q169" s="578"/>
      <c r="R169" s="1028"/>
      <c r="S169" s="561"/>
      <c r="T169" s="579"/>
      <c r="U169" s="546"/>
    </row>
    <row r="170" spans="1:259" s="570" customFormat="1" ht="75" customHeight="1" thickBot="1" x14ac:dyDescent="0.25">
      <c r="A170" s="606"/>
      <c r="B170" s="607"/>
      <c r="C170" s="607"/>
      <c r="D170" s="607"/>
      <c r="E170" s="607"/>
      <c r="F170" s="607"/>
      <c r="G170" s="607"/>
      <c r="H170" s="607"/>
      <c r="I170" s="607"/>
      <c r="J170" s="607"/>
      <c r="K170" s="607"/>
      <c r="L170" s="608"/>
      <c r="M170" s="607"/>
      <c r="N170" s="607"/>
      <c r="O170" s="607"/>
      <c r="P170" s="607"/>
      <c r="Q170" s="609"/>
      <c r="R170" s="1028"/>
      <c r="S170" s="561"/>
      <c r="T170" s="579"/>
      <c r="U170" s="546"/>
    </row>
    <row r="171" spans="1:259" s="546" customFormat="1" ht="69.900000000000006" customHeight="1" thickBot="1" x14ac:dyDescent="0.25">
      <c r="A171" s="584" t="s">
        <v>262</v>
      </c>
      <c r="B171" s="585"/>
      <c r="C171" s="585"/>
      <c r="D171" s="585"/>
      <c r="E171" s="585"/>
      <c r="F171" s="585"/>
      <c r="G171" s="585"/>
      <c r="H171" s="585"/>
      <c r="I171" s="585"/>
      <c r="J171" s="585"/>
      <c r="K171" s="585"/>
      <c r="L171" s="586"/>
      <c r="M171" s="585"/>
      <c r="N171" s="585"/>
      <c r="O171" s="585"/>
      <c r="P171" s="585"/>
      <c r="Q171" s="587"/>
      <c r="R171" s="1028"/>
      <c r="S171" s="561"/>
      <c r="T171" s="1063" t="s">
        <v>435</v>
      </c>
      <c r="U171" s="596"/>
      <c r="V171" s="596"/>
      <c r="W171" s="596"/>
      <c r="X171" s="596"/>
      <c r="Y171" s="600"/>
      <c r="Z171" s="600"/>
      <c r="AA171" s="600"/>
      <c r="AB171" s="600"/>
      <c r="AC171" s="600"/>
      <c r="AD171" s="600"/>
      <c r="AE171" s="600"/>
      <c r="AF171" s="600"/>
      <c r="AG171" s="600"/>
      <c r="AH171" s="600"/>
      <c r="AI171" s="600"/>
      <c r="AJ171" s="600"/>
      <c r="AK171" s="600"/>
      <c r="AL171" s="600"/>
      <c r="AM171" s="600"/>
      <c r="AN171" s="600"/>
      <c r="AO171" s="596"/>
      <c r="AP171" s="596"/>
      <c r="AQ171" s="596"/>
      <c r="AR171" s="596"/>
      <c r="AS171" s="596"/>
      <c r="AT171" s="596"/>
      <c r="AU171" s="596"/>
      <c r="AV171" s="596"/>
      <c r="AW171" s="596"/>
      <c r="AX171" s="596"/>
      <c r="AY171" s="596"/>
      <c r="AZ171" s="596"/>
      <c r="BA171" s="596"/>
      <c r="BB171" s="596"/>
      <c r="BC171" s="596"/>
      <c r="BD171" s="596"/>
      <c r="BE171" s="596"/>
    </row>
    <row r="172" spans="1:259" s="570" customFormat="1" ht="132" customHeight="1" thickTop="1" thickBot="1" x14ac:dyDescent="0.25">
      <c r="A172" s="998" t="s">
        <v>436</v>
      </c>
      <c r="B172" s="196"/>
      <c r="C172" s="196"/>
      <c r="D172" s="196"/>
      <c r="E172" s="196"/>
      <c r="F172" s="196"/>
      <c r="G172" s="196"/>
      <c r="H172" s="196"/>
      <c r="I172" s="196"/>
      <c r="J172" s="196"/>
      <c r="K172" s="196"/>
      <c r="L172" s="196"/>
      <c r="M172" s="807"/>
      <c r="N172" s="808" t="s">
        <v>27</v>
      </c>
      <c r="O172" s="1131" t="s">
        <v>20</v>
      </c>
      <c r="P172" s="67" t="s">
        <v>21</v>
      </c>
      <c r="Q172" s="1132" t="s">
        <v>22</v>
      </c>
      <c r="R172" s="1028"/>
      <c r="S172" s="561"/>
      <c r="T172" s="569"/>
      <c r="U172" s="596"/>
      <c r="V172" s="600"/>
      <c r="W172" s="600"/>
      <c r="X172" s="600"/>
      <c r="Y172" s="600"/>
      <c r="Z172" s="600"/>
      <c r="AA172" s="600"/>
      <c r="AB172" s="600"/>
      <c r="AC172" s="600"/>
      <c r="AD172" s="600"/>
      <c r="AE172" s="600"/>
      <c r="AF172" s="600"/>
      <c r="AG172" s="600"/>
      <c r="AH172" s="600"/>
      <c r="AI172" s="600"/>
      <c r="AJ172" s="600"/>
      <c r="AK172" s="600"/>
      <c r="AL172" s="600"/>
      <c r="AM172" s="600"/>
      <c r="AN172" s="600"/>
      <c r="AO172" s="600"/>
      <c r="AP172" s="600"/>
      <c r="AQ172" s="600"/>
      <c r="AR172" s="600"/>
      <c r="AS172" s="600"/>
      <c r="AT172" s="600"/>
      <c r="AU172" s="600"/>
      <c r="AV172" s="600"/>
      <c r="AW172" s="600"/>
      <c r="AX172" s="600"/>
      <c r="AY172" s="600"/>
      <c r="AZ172" s="600"/>
      <c r="BA172" s="600"/>
      <c r="BB172" s="600"/>
      <c r="BC172" s="600"/>
      <c r="BD172" s="600"/>
      <c r="BE172" s="600"/>
    </row>
    <row r="173" spans="1:259" s="546" customFormat="1" ht="69.599999999999994" customHeight="1" thickTop="1" x14ac:dyDescent="0.2">
      <c r="A173" s="692" t="s">
        <v>55</v>
      </c>
      <c r="B173" s="693"/>
      <c r="C173" s="693"/>
      <c r="D173" s="693"/>
      <c r="E173" s="693"/>
      <c r="F173" s="693"/>
      <c r="G173" s="693"/>
      <c r="H173" s="693"/>
      <c r="I173" s="693"/>
      <c r="J173" s="693"/>
      <c r="K173" s="693"/>
      <c r="L173" s="694"/>
      <c r="M173" s="693"/>
      <c r="N173" s="693"/>
      <c r="O173" s="693"/>
      <c r="P173" s="693"/>
      <c r="Q173" s="695"/>
      <c r="R173" s="1068"/>
      <c r="S173" s="561"/>
      <c r="T173" s="199"/>
    </row>
    <row r="174" spans="1:259" s="546" customFormat="1" ht="69.599999999999994" customHeight="1" x14ac:dyDescent="0.2">
      <c r="A174" s="696" t="s">
        <v>106</v>
      </c>
      <c r="B174" s="697"/>
      <c r="C174" s="697"/>
      <c r="D174" s="697"/>
      <c r="E174" s="697"/>
      <c r="F174" s="697"/>
      <c r="G174" s="697"/>
      <c r="H174" s="697"/>
      <c r="I174" s="697"/>
      <c r="J174" s="697"/>
      <c r="K174" s="697"/>
      <c r="L174" s="697"/>
      <c r="M174" s="697"/>
      <c r="N174" s="697"/>
      <c r="O174" s="697"/>
      <c r="P174" s="697"/>
      <c r="Q174" s="698"/>
      <c r="R174" s="198"/>
      <c r="S174" s="187"/>
      <c r="T174" s="199"/>
      <c r="U174" s="201"/>
      <c r="V174" s="201"/>
      <c r="W174" s="201"/>
      <c r="X174" s="201"/>
      <c r="Y174" s="201"/>
      <c r="Z174" s="201"/>
      <c r="AA174" s="201"/>
      <c r="AB174" s="201"/>
      <c r="AC174" s="201"/>
      <c r="AD174" s="201"/>
      <c r="AE174" s="201"/>
      <c r="AF174" s="201"/>
      <c r="AG174" s="201"/>
      <c r="AH174" s="201"/>
      <c r="AI174" s="201"/>
      <c r="AJ174" s="201"/>
      <c r="AK174" s="201"/>
      <c r="AL174" s="201"/>
      <c r="AM174" s="201"/>
      <c r="AN174" s="201"/>
      <c r="AO174" s="201"/>
      <c r="AP174" s="201"/>
      <c r="AQ174" s="201"/>
      <c r="AR174" s="201"/>
      <c r="AS174" s="201"/>
      <c r="AT174" s="201"/>
      <c r="AU174" s="201"/>
      <c r="AV174" s="201"/>
      <c r="AW174" s="201"/>
      <c r="AX174" s="201"/>
      <c r="AY174" s="201"/>
      <c r="AZ174" s="201"/>
      <c r="BA174" s="201"/>
      <c r="BB174" s="201"/>
      <c r="BC174" s="201"/>
      <c r="BD174" s="201"/>
      <c r="BE174" s="201"/>
      <c r="BF174" s="201"/>
      <c r="BG174" s="201"/>
      <c r="BH174" s="201"/>
      <c r="BI174" s="201"/>
      <c r="BJ174" s="201"/>
      <c r="BK174" s="201"/>
      <c r="BL174" s="201"/>
      <c r="BM174" s="201"/>
      <c r="BN174" s="201"/>
      <c r="BO174" s="201"/>
      <c r="BP174" s="201"/>
      <c r="BQ174" s="201"/>
      <c r="BR174" s="201"/>
      <c r="BS174" s="201"/>
      <c r="BT174" s="201"/>
      <c r="BU174" s="201"/>
      <c r="BV174" s="201"/>
      <c r="BW174" s="201"/>
      <c r="BX174" s="201"/>
      <c r="BY174" s="201"/>
      <c r="BZ174" s="201"/>
      <c r="CA174" s="201"/>
      <c r="CB174" s="201"/>
      <c r="CC174" s="201"/>
      <c r="CD174" s="201"/>
      <c r="CE174" s="201"/>
      <c r="CF174" s="201"/>
      <c r="CG174" s="201"/>
      <c r="CH174" s="201"/>
      <c r="CI174" s="201"/>
      <c r="CJ174" s="201"/>
      <c r="CK174" s="201"/>
      <c r="CL174" s="201"/>
      <c r="CM174" s="201"/>
      <c r="CN174" s="201"/>
      <c r="CO174" s="201"/>
      <c r="CP174" s="201"/>
      <c r="CQ174" s="201"/>
      <c r="CR174" s="201"/>
      <c r="CS174" s="201"/>
      <c r="CT174" s="201"/>
      <c r="CU174" s="201"/>
      <c r="CV174" s="201"/>
      <c r="CW174" s="201"/>
      <c r="CX174" s="201"/>
      <c r="CY174" s="201"/>
      <c r="CZ174" s="201"/>
      <c r="DA174" s="201"/>
      <c r="DB174" s="201"/>
      <c r="DC174" s="201"/>
      <c r="DD174" s="201"/>
      <c r="DE174" s="201"/>
      <c r="DF174" s="201"/>
      <c r="DG174" s="201"/>
      <c r="DH174" s="201"/>
      <c r="DI174" s="201"/>
      <c r="DJ174" s="201"/>
      <c r="DK174" s="201"/>
      <c r="DL174" s="201"/>
      <c r="DM174" s="201"/>
      <c r="DN174" s="201"/>
      <c r="DO174" s="201"/>
      <c r="DP174" s="201"/>
      <c r="DQ174" s="201"/>
      <c r="DR174" s="201"/>
      <c r="DS174" s="201"/>
      <c r="DT174" s="201"/>
      <c r="DU174" s="201"/>
      <c r="DV174" s="201"/>
      <c r="DW174" s="201"/>
      <c r="DX174" s="201"/>
      <c r="DY174" s="201"/>
      <c r="DZ174" s="201"/>
      <c r="EA174" s="201"/>
      <c r="EB174" s="201"/>
      <c r="EC174" s="201"/>
      <c r="ED174" s="201"/>
      <c r="EE174" s="201"/>
      <c r="EF174" s="201"/>
      <c r="EG174" s="201"/>
      <c r="EH174" s="201"/>
      <c r="EI174" s="201"/>
      <c r="EJ174" s="201"/>
      <c r="EK174" s="201"/>
      <c r="EL174" s="201"/>
      <c r="EM174" s="201"/>
      <c r="EN174" s="201"/>
      <c r="EO174" s="201"/>
      <c r="EP174" s="201"/>
      <c r="EQ174" s="201"/>
      <c r="ER174" s="201"/>
      <c r="ES174" s="201"/>
      <c r="ET174" s="201"/>
      <c r="EU174" s="201"/>
      <c r="EV174" s="201"/>
      <c r="EW174" s="201"/>
      <c r="EX174" s="201"/>
      <c r="EY174" s="201"/>
      <c r="EZ174" s="201"/>
      <c r="FA174" s="201"/>
      <c r="FB174" s="201"/>
      <c r="FC174" s="201"/>
      <c r="FD174" s="201"/>
      <c r="FE174" s="201"/>
      <c r="FF174" s="201"/>
      <c r="FG174" s="201"/>
      <c r="FH174" s="201"/>
      <c r="FI174" s="201"/>
      <c r="FJ174" s="201"/>
      <c r="FK174" s="201"/>
      <c r="FL174" s="201"/>
      <c r="FM174" s="201"/>
      <c r="FN174" s="201"/>
      <c r="FO174" s="201"/>
      <c r="FP174" s="201"/>
      <c r="FQ174" s="201"/>
      <c r="FR174" s="201"/>
      <c r="FS174" s="201"/>
      <c r="FT174" s="201"/>
      <c r="FU174" s="201"/>
      <c r="FV174" s="201"/>
      <c r="FW174" s="201"/>
      <c r="FX174" s="201"/>
      <c r="FY174" s="201"/>
      <c r="FZ174" s="201"/>
      <c r="GA174" s="201"/>
      <c r="GB174" s="201"/>
      <c r="GC174" s="201"/>
      <c r="GD174" s="201"/>
      <c r="GE174" s="201"/>
      <c r="GF174" s="201"/>
      <c r="GG174" s="201"/>
      <c r="GH174" s="201"/>
      <c r="GI174" s="201"/>
      <c r="GJ174" s="201"/>
      <c r="GK174" s="201"/>
      <c r="GL174" s="201"/>
      <c r="GM174" s="201"/>
      <c r="GN174" s="201"/>
      <c r="GO174" s="201"/>
      <c r="GP174" s="201"/>
      <c r="GQ174" s="201"/>
      <c r="GR174" s="201"/>
      <c r="GS174" s="201"/>
      <c r="GT174" s="201"/>
      <c r="GU174" s="201"/>
      <c r="GV174" s="201"/>
      <c r="GW174" s="201"/>
      <c r="GX174" s="201"/>
      <c r="GY174" s="201"/>
      <c r="GZ174" s="201"/>
      <c r="HA174" s="201"/>
      <c r="HB174" s="201"/>
      <c r="HC174" s="201"/>
      <c r="HD174" s="201"/>
      <c r="HE174" s="201"/>
      <c r="HF174" s="201"/>
      <c r="HG174" s="201"/>
      <c r="HH174" s="201"/>
      <c r="HI174" s="201"/>
      <c r="HJ174" s="201"/>
      <c r="HK174" s="201"/>
      <c r="HL174" s="201"/>
      <c r="HM174" s="201"/>
      <c r="HN174" s="201"/>
      <c r="HO174" s="201"/>
      <c r="HP174" s="201"/>
      <c r="HQ174" s="201"/>
      <c r="HR174" s="201"/>
      <c r="HS174" s="201"/>
      <c r="HT174" s="201"/>
      <c r="HU174" s="201"/>
      <c r="HV174" s="201"/>
      <c r="HW174" s="201"/>
      <c r="HX174" s="201"/>
      <c r="HY174" s="201"/>
      <c r="HZ174" s="201"/>
      <c r="IA174" s="201"/>
      <c r="IB174" s="201"/>
      <c r="IC174" s="201"/>
      <c r="ID174" s="201"/>
      <c r="IE174" s="201"/>
      <c r="IF174" s="201"/>
      <c r="IG174" s="201"/>
      <c r="IH174" s="201"/>
      <c r="II174" s="201"/>
      <c r="IJ174" s="201"/>
      <c r="IK174" s="201"/>
      <c r="IL174" s="201"/>
      <c r="IM174" s="201"/>
      <c r="IN174" s="201"/>
      <c r="IO174" s="201"/>
      <c r="IP174" s="201"/>
      <c r="IQ174" s="201"/>
      <c r="IR174" s="201"/>
      <c r="IS174" s="201"/>
      <c r="IT174" s="201"/>
      <c r="IU174" s="201"/>
      <c r="IV174" s="201"/>
      <c r="IW174" s="201"/>
      <c r="IX174" s="201"/>
      <c r="IY174" s="201"/>
    </row>
    <row r="175" spans="1:259" s="570" customFormat="1" ht="69" customHeight="1" x14ac:dyDescent="0.2">
      <c r="A175" s="905" t="s">
        <v>118</v>
      </c>
      <c r="B175" s="906"/>
      <c r="C175" s="906"/>
      <c r="D175" s="906"/>
      <c r="E175" s="906"/>
      <c r="F175" s="906"/>
      <c r="G175" s="906"/>
      <c r="H175" s="906"/>
      <c r="I175" s="906"/>
      <c r="J175" s="906"/>
      <c r="K175" s="906"/>
      <c r="L175" s="906"/>
      <c r="M175" s="906"/>
      <c r="N175" s="906"/>
      <c r="O175" s="906"/>
      <c r="P175" s="906"/>
      <c r="Q175" s="907"/>
      <c r="R175" s="1028"/>
      <c r="S175" s="561"/>
      <c r="T175" s="595"/>
      <c r="U175" s="596"/>
      <c r="V175" s="600"/>
      <c r="W175" s="600"/>
      <c r="X175" s="600"/>
      <c r="Y175" s="600"/>
      <c r="Z175" s="600"/>
      <c r="AA175" s="600"/>
      <c r="AB175" s="600"/>
      <c r="AC175" s="600"/>
      <c r="AD175" s="600"/>
      <c r="AE175" s="600"/>
      <c r="AF175" s="600"/>
      <c r="AG175" s="600"/>
      <c r="AH175" s="600"/>
      <c r="AI175" s="600"/>
      <c r="AJ175" s="600"/>
      <c r="AK175" s="600"/>
      <c r="AL175" s="600"/>
      <c r="AM175" s="600"/>
      <c r="AN175" s="600"/>
      <c r="AO175" s="600"/>
      <c r="AP175" s="600"/>
      <c r="AQ175" s="600"/>
      <c r="AR175" s="600"/>
      <c r="AS175" s="600"/>
      <c r="AT175" s="600"/>
      <c r="AU175" s="600"/>
      <c r="AV175" s="600"/>
      <c r="AW175" s="600"/>
      <c r="AX175" s="600"/>
      <c r="AY175" s="600"/>
      <c r="AZ175" s="600"/>
      <c r="BA175" s="600"/>
      <c r="BB175" s="600"/>
      <c r="BC175" s="600"/>
      <c r="BD175" s="600"/>
      <c r="BE175" s="600"/>
    </row>
    <row r="176" spans="1:259" s="570" customFormat="1" ht="69" customHeight="1" x14ac:dyDescent="0.2">
      <c r="A176" s="1152" t="s">
        <v>437</v>
      </c>
      <c r="B176" s="813"/>
      <c r="C176" s="813"/>
      <c r="D176" s="813"/>
      <c r="E176" s="813"/>
      <c r="F176" s="813"/>
      <c r="G176" s="813"/>
      <c r="H176" s="813"/>
      <c r="I176" s="813"/>
      <c r="J176" s="813"/>
      <c r="K176" s="813"/>
      <c r="L176" s="813"/>
      <c r="M176" s="813"/>
      <c r="N176" s="813"/>
      <c r="O176" s="813"/>
      <c r="P176" s="813"/>
      <c r="Q176" s="814"/>
      <c r="R176" s="1028"/>
      <c r="S176" s="561"/>
      <c r="T176" s="595"/>
      <c r="U176" s="596"/>
      <c r="V176" s="600"/>
      <c r="W176" s="600"/>
      <c r="X176" s="600"/>
      <c r="Y176" s="600"/>
      <c r="Z176" s="600"/>
      <c r="AA176" s="600"/>
      <c r="AB176" s="600"/>
      <c r="AC176" s="600"/>
      <c r="AD176" s="600"/>
      <c r="AE176" s="600"/>
      <c r="AF176" s="600"/>
      <c r="AG176" s="600"/>
      <c r="AH176" s="600"/>
      <c r="AI176" s="600"/>
      <c r="AJ176" s="600"/>
      <c r="AK176" s="600"/>
      <c r="AL176" s="600"/>
      <c r="AM176" s="600"/>
      <c r="AN176" s="600"/>
      <c r="AO176" s="600"/>
      <c r="AP176" s="600"/>
      <c r="AQ176" s="600"/>
      <c r="AR176" s="600"/>
      <c r="AS176" s="600"/>
      <c r="AT176" s="600"/>
      <c r="AU176" s="600"/>
      <c r="AV176" s="600"/>
      <c r="AW176" s="600"/>
      <c r="AX176" s="600"/>
      <c r="AY176" s="600"/>
      <c r="AZ176" s="600"/>
      <c r="BA176" s="600"/>
      <c r="BB176" s="600"/>
      <c r="BC176" s="600"/>
      <c r="BD176" s="600"/>
      <c r="BE176" s="600"/>
    </row>
    <row r="177" spans="1:259" s="570" customFormat="1" ht="69.599999999999994" customHeight="1" thickBot="1" x14ac:dyDescent="0.25">
      <c r="A177" s="779" t="s">
        <v>100</v>
      </c>
      <c r="B177" s="780"/>
      <c r="C177" s="780"/>
      <c r="D177" s="780"/>
      <c r="E177" s="780"/>
      <c r="F177" s="780"/>
      <c r="G177" s="780"/>
      <c r="H177" s="780"/>
      <c r="I177" s="780"/>
      <c r="J177" s="780"/>
      <c r="K177" s="780"/>
      <c r="L177" s="780"/>
      <c r="M177" s="780"/>
      <c r="N177" s="780"/>
      <c r="O177" s="813"/>
      <c r="P177" s="780"/>
      <c r="Q177" s="781"/>
      <c r="R177" s="1028"/>
      <c r="S177" s="561"/>
      <c r="T177" s="595"/>
      <c r="U177" s="596"/>
      <c r="V177" s="600"/>
      <c r="W177" s="600"/>
      <c r="X177" s="600"/>
      <c r="Y177" s="600"/>
      <c r="Z177" s="600"/>
      <c r="AA177" s="600"/>
      <c r="AB177" s="600"/>
      <c r="AC177" s="600"/>
      <c r="AD177" s="600"/>
      <c r="AE177" s="600"/>
      <c r="AF177" s="600"/>
      <c r="AG177" s="600"/>
      <c r="AH177" s="600"/>
      <c r="AI177" s="600"/>
      <c r="AJ177" s="600"/>
      <c r="AK177" s="600"/>
      <c r="AL177" s="600"/>
      <c r="AM177" s="600"/>
      <c r="AN177" s="600"/>
      <c r="AO177" s="600"/>
      <c r="AP177" s="600"/>
      <c r="AQ177" s="600"/>
      <c r="AR177" s="600"/>
      <c r="AS177" s="600"/>
      <c r="AT177" s="600"/>
      <c r="AU177" s="600"/>
      <c r="AV177" s="600"/>
      <c r="AW177" s="600"/>
      <c r="AX177" s="600"/>
      <c r="AY177" s="600"/>
      <c r="AZ177" s="600"/>
      <c r="BA177" s="600"/>
      <c r="BB177" s="600"/>
      <c r="BC177" s="600"/>
      <c r="BD177" s="600"/>
      <c r="BE177" s="600"/>
    </row>
    <row r="178" spans="1:259" s="191" customFormat="1" ht="216" customHeight="1" thickTop="1" thickBot="1" x14ac:dyDescent="0.25">
      <c r="A178" s="573" t="s">
        <v>438</v>
      </c>
      <c r="B178" s="184"/>
      <c r="C178" s="184"/>
      <c r="D178" s="184"/>
      <c r="E178" s="184"/>
      <c r="F178" s="184"/>
      <c r="G178" s="184"/>
      <c r="H178" s="184"/>
      <c r="I178" s="184"/>
      <c r="J178" s="184"/>
      <c r="K178" s="184"/>
      <c r="L178" s="184"/>
      <c r="M178" s="1153"/>
      <c r="N178" s="1072" t="s">
        <v>27</v>
      </c>
      <c r="O178" s="1154" t="s">
        <v>20</v>
      </c>
      <c r="P178" s="67" t="s">
        <v>21</v>
      </c>
      <c r="Q178" s="1132" t="s">
        <v>22</v>
      </c>
      <c r="R178" s="186"/>
      <c r="S178" s="187"/>
      <c r="T178" s="569"/>
      <c r="U178" s="818"/>
      <c r="V178" s="190"/>
      <c r="W178" s="190"/>
      <c r="X178" s="190"/>
      <c r="Y178" s="818"/>
      <c r="Z178" s="818"/>
      <c r="AA178" s="818"/>
      <c r="AB178" s="818"/>
      <c r="AC178" s="818"/>
      <c r="AD178" s="818"/>
      <c r="AE178" s="818"/>
      <c r="AF178" s="818"/>
      <c r="AG178" s="818"/>
      <c r="AH178" s="818"/>
      <c r="AI178" s="818"/>
      <c r="AJ178" s="818"/>
      <c r="AK178" s="818"/>
      <c r="AL178" s="818"/>
      <c r="AM178" s="818"/>
      <c r="AN178" s="818"/>
      <c r="AO178" s="190"/>
      <c r="AP178" s="190"/>
      <c r="AQ178" s="190"/>
      <c r="AR178" s="190"/>
      <c r="AS178" s="190"/>
      <c r="AT178" s="190"/>
      <c r="AU178" s="190"/>
      <c r="AV178" s="190"/>
      <c r="AW178" s="190"/>
      <c r="AX178" s="190"/>
      <c r="AY178" s="190"/>
      <c r="AZ178" s="190"/>
      <c r="BA178" s="190"/>
      <c r="BB178" s="190"/>
      <c r="BC178" s="190"/>
      <c r="BD178" s="190"/>
      <c r="BE178" s="190"/>
    </row>
    <row r="179" spans="1:259" s="201" customFormat="1" ht="69.599999999999994" customHeight="1" thickTop="1" x14ac:dyDescent="0.2">
      <c r="A179" s="70" t="s">
        <v>28</v>
      </c>
      <c r="B179" s="72"/>
      <c r="C179" s="72"/>
      <c r="D179" s="72"/>
      <c r="E179" s="72"/>
      <c r="F179" s="72"/>
      <c r="G179" s="72"/>
      <c r="H179" s="72"/>
      <c r="I179" s="72"/>
      <c r="J179" s="72"/>
      <c r="K179" s="72"/>
      <c r="L179" s="72"/>
      <c r="M179" s="72"/>
      <c r="N179" s="72"/>
      <c r="O179" s="72"/>
      <c r="P179" s="72"/>
      <c r="Q179" s="202"/>
      <c r="R179" s="198"/>
      <c r="S179" s="187"/>
      <c r="T179" s="199"/>
    </row>
    <row r="180" spans="1:259" s="570" customFormat="1" ht="75" customHeight="1" x14ac:dyDescent="0.2">
      <c r="A180" s="575"/>
      <c r="B180" s="576"/>
      <c r="C180" s="576"/>
      <c r="D180" s="576"/>
      <c r="E180" s="576"/>
      <c r="F180" s="576"/>
      <c r="G180" s="576"/>
      <c r="H180" s="576"/>
      <c r="I180" s="576"/>
      <c r="J180" s="576"/>
      <c r="K180" s="576"/>
      <c r="L180" s="577"/>
      <c r="M180" s="576"/>
      <c r="N180" s="576"/>
      <c r="O180" s="576"/>
      <c r="P180" s="576"/>
      <c r="Q180" s="578"/>
      <c r="R180" s="1028"/>
      <c r="S180" s="561"/>
      <c r="T180" s="579"/>
      <c r="U180" s="546"/>
    </row>
    <row r="181" spans="1:259" s="570" customFormat="1" ht="75" customHeight="1" thickBot="1" x14ac:dyDescent="0.25">
      <c r="A181" s="606"/>
      <c r="B181" s="607"/>
      <c r="C181" s="607"/>
      <c r="D181" s="607"/>
      <c r="E181" s="607"/>
      <c r="F181" s="607"/>
      <c r="G181" s="607"/>
      <c r="H181" s="607"/>
      <c r="I181" s="607"/>
      <c r="J181" s="607"/>
      <c r="K181" s="607"/>
      <c r="L181" s="608"/>
      <c r="M181" s="607"/>
      <c r="N181" s="607"/>
      <c r="O181" s="607"/>
      <c r="P181" s="607"/>
      <c r="Q181" s="609"/>
      <c r="R181" s="1028"/>
      <c r="S181" s="561"/>
      <c r="T181" s="579"/>
      <c r="U181" s="546"/>
    </row>
    <row r="182" spans="1:259" s="546" customFormat="1" ht="69.900000000000006" customHeight="1" thickBot="1" x14ac:dyDescent="0.25">
      <c r="A182" s="724" t="s">
        <v>121</v>
      </c>
      <c r="B182" s="726"/>
      <c r="C182" s="726"/>
      <c r="D182" s="726"/>
      <c r="E182" s="726"/>
      <c r="F182" s="726"/>
      <c r="G182" s="726"/>
      <c r="H182" s="726"/>
      <c r="I182" s="726"/>
      <c r="J182" s="726"/>
      <c r="K182" s="726"/>
      <c r="L182" s="726"/>
      <c r="M182" s="726"/>
      <c r="N182" s="726"/>
      <c r="O182" s="726"/>
      <c r="P182" s="726"/>
      <c r="Q182" s="819"/>
      <c r="R182" s="1028"/>
      <c r="S182" s="561"/>
      <c r="T182" s="595"/>
      <c r="U182" s="596"/>
      <c r="V182" s="596"/>
      <c r="W182" s="596"/>
      <c r="X182" s="596"/>
      <c r="Y182" s="596"/>
      <c r="Z182" s="596"/>
      <c r="AA182" s="596"/>
      <c r="AB182" s="596"/>
      <c r="AC182" s="596"/>
      <c r="AD182" s="596"/>
      <c r="AE182" s="596"/>
      <c r="AF182" s="596"/>
      <c r="AG182" s="596"/>
      <c r="AH182" s="596"/>
      <c r="AI182" s="596"/>
      <c r="AJ182" s="596"/>
      <c r="AK182" s="596"/>
      <c r="AL182" s="596"/>
      <c r="AM182" s="596"/>
      <c r="AN182" s="596"/>
      <c r="AO182" s="596"/>
      <c r="AP182" s="596"/>
      <c r="AQ182" s="596"/>
      <c r="AR182" s="596"/>
      <c r="AS182" s="596"/>
      <c r="AT182" s="596"/>
      <c r="AU182" s="596"/>
      <c r="AV182" s="596"/>
      <c r="AW182" s="596"/>
      <c r="AX182" s="596"/>
      <c r="AY182" s="596"/>
      <c r="AZ182" s="596"/>
      <c r="BA182" s="596"/>
      <c r="BB182" s="596"/>
      <c r="BC182" s="596"/>
      <c r="BD182" s="596"/>
      <c r="BE182" s="596"/>
    </row>
    <row r="183" spans="1:259" s="570" customFormat="1" ht="199.95" customHeight="1" thickTop="1" thickBot="1" x14ac:dyDescent="0.25">
      <c r="A183" s="1155" t="s">
        <v>439</v>
      </c>
      <c r="B183" s="731"/>
      <c r="C183" s="731"/>
      <c r="D183" s="731"/>
      <c r="E183" s="731"/>
      <c r="F183" s="731"/>
      <c r="G183" s="731"/>
      <c r="H183" s="731"/>
      <c r="I183" s="731"/>
      <c r="J183" s="731"/>
      <c r="K183" s="731"/>
      <c r="L183" s="731"/>
      <c r="M183" s="1156"/>
      <c r="N183" s="1157" t="s">
        <v>27</v>
      </c>
      <c r="O183" s="348" t="s">
        <v>20</v>
      </c>
      <c r="P183" s="633" t="s">
        <v>21</v>
      </c>
      <c r="Q183" s="1158" t="s">
        <v>22</v>
      </c>
      <c r="R183" s="1028"/>
      <c r="S183" s="561"/>
      <c r="T183" s="569"/>
      <c r="U183" s="540"/>
      <c r="V183" s="600"/>
      <c r="W183" s="600"/>
      <c r="X183" s="600"/>
      <c r="Y183" s="596"/>
      <c r="Z183" s="596"/>
      <c r="AA183" s="596"/>
      <c r="AB183" s="596"/>
      <c r="AC183" s="596"/>
      <c r="AD183" s="596"/>
      <c r="AE183" s="596"/>
      <c r="AF183" s="596"/>
      <c r="AG183" s="596"/>
      <c r="AH183" s="596"/>
      <c r="AI183" s="596"/>
      <c r="AJ183" s="596"/>
      <c r="AK183" s="596"/>
      <c r="AL183" s="596"/>
      <c r="AM183" s="596"/>
      <c r="AN183" s="596"/>
      <c r="AO183" s="600"/>
      <c r="AP183" s="600"/>
      <c r="AQ183" s="600"/>
      <c r="AR183" s="600"/>
      <c r="AS183" s="600"/>
      <c r="AT183" s="600"/>
      <c r="AU183" s="600"/>
      <c r="AV183" s="600"/>
      <c r="AW183" s="600"/>
      <c r="AX183" s="600"/>
      <c r="AY183" s="600"/>
      <c r="AZ183" s="600"/>
      <c r="BA183" s="600"/>
      <c r="BB183" s="600"/>
      <c r="BC183" s="600"/>
      <c r="BD183" s="600"/>
      <c r="BE183" s="600"/>
    </row>
    <row r="184" spans="1:259" s="546" customFormat="1" ht="69.900000000000006" customHeight="1" thickTop="1" x14ac:dyDescent="0.2">
      <c r="A184" s="790" t="s">
        <v>440</v>
      </c>
      <c r="B184" s="694"/>
      <c r="C184" s="694"/>
      <c r="D184" s="694"/>
      <c r="E184" s="694"/>
      <c r="F184" s="694"/>
      <c r="G184" s="694"/>
      <c r="H184" s="694"/>
      <c r="I184" s="694"/>
      <c r="J184" s="694"/>
      <c r="K184" s="694"/>
      <c r="L184" s="694"/>
      <c r="M184" s="694"/>
      <c r="N184" s="694"/>
      <c r="O184" s="694"/>
      <c r="P184" s="694"/>
      <c r="Q184" s="791"/>
      <c r="R184" s="1068"/>
      <c r="S184" s="561"/>
      <c r="T184" s="199"/>
    </row>
    <row r="185" spans="1:259" s="546" customFormat="1" ht="69.900000000000006" customHeight="1" x14ac:dyDescent="0.2">
      <c r="A185" s="792" t="s">
        <v>106</v>
      </c>
      <c r="B185" s="793"/>
      <c r="C185" s="793"/>
      <c r="D185" s="793"/>
      <c r="E185" s="793"/>
      <c r="F185" s="793"/>
      <c r="G185" s="793"/>
      <c r="H185" s="793"/>
      <c r="I185" s="793"/>
      <c r="J185" s="793"/>
      <c r="K185" s="793"/>
      <c r="L185" s="793"/>
      <c r="M185" s="793"/>
      <c r="N185" s="793"/>
      <c r="O185" s="793"/>
      <c r="P185" s="793"/>
      <c r="Q185" s="794"/>
      <c r="R185" s="198"/>
      <c r="S185" s="187"/>
      <c r="T185" s="199"/>
      <c r="U185" s="201"/>
      <c r="V185" s="201"/>
      <c r="W185" s="201"/>
      <c r="X185" s="201"/>
      <c r="Y185" s="201"/>
      <c r="Z185" s="201"/>
      <c r="AA185" s="201"/>
      <c r="AB185" s="201"/>
      <c r="AC185" s="201"/>
      <c r="AD185" s="201"/>
      <c r="AE185" s="201"/>
      <c r="AF185" s="201"/>
      <c r="AG185" s="201"/>
      <c r="AH185" s="201"/>
      <c r="AI185" s="201"/>
      <c r="AJ185" s="201"/>
      <c r="AK185" s="201"/>
      <c r="AL185" s="201"/>
      <c r="AM185" s="201"/>
      <c r="AN185" s="201"/>
      <c r="AO185" s="201"/>
      <c r="AP185" s="201"/>
      <c r="AQ185" s="201"/>
      <c r="AR185" s="201"/>
      <c r="AS185" s="201"/>
      <c r="AT185" s="201"/>
      <c r="AU185" s="201"/>
      <c r="AV185" s="201"/>
      <c r="AW185" s="201"/>
      <c r="AX185" s="201"/>
      <c r="AY185" s="201"/>
      <c r="AZ185" s="201"/>
      <c r="BA185" s="201"/>
      <c r="BB185" s="201"/>
      <c r="BC185" s="201"/>
      <c r="BD185" s="201"/>
      <c r="BE185" s="201"/>
      <c r="BF185" s="201"/>
      <c r="BG185" s="201"/>
      <c r="BH185" s="201"/>
      <c r="BI185" s="201"/>
      <c r="BJ185" s="201"/>
      <c r="BK185" s="201"/>
      <c r="BL185" s="201"/>
      <c r="BM185" s="201"/>
      <c r="BN185" s="201"/>
      <c r="BO185" s="201"/>
      <c r="BP185" s="201"/>
      <c r="BQ185" s="201"/>
      <c r="BR185" s="201"/>
      <c r="BS185" s="201"/>
      <c r="BT185" s="201"/>
      <c r="BU185" s="201"/>
      <c r="BV185" s="201"/>
      <c r="BW185" s="201"/>
      <c r="BX185" s="201"/>
      <c r="BY185" s="201"/>
      <c r="BZ185" s="201"/>
      <c r="CA185" s="201"/>
      <c r="CB185" s="201"/>
      <c r="CC185" s="201"/>
      <c r="CD185" s="201"/>
      <c r="CE185" s="201"/>
      <c r="CF185" s="201"/>
      <c r="CG185" s="201"/>
      <c r="CH185" s="201"/>
      <c r="CI185" s="201"/>
      <c r="CJ185" s="201"/>
      <c r="CK185" s="201"/>
      <c r="CL185" s="201"/>
      <c r="CM185" s="201"/>
      <c r="CN185" s="201"/>
      <c r="CO185" s="201"/>
      <c r="CP185" s="201"/>
      <c r="CQ185" s="201"/>
      <c r="CR185" s="201"/>
      <c r="CS185" s="201"/>
      <c r="CT185" s="201"/>
      <c r="CU185" s="201"/>
      <c r="CV185" s="201"/>
      <c r="CW185" s="201"/>
      <c r="CX185" s="201"/>
      <c r="CY185" s="201"/>
      <c r="CZ185" s="201"/>
      <c r="DA185" s="201"/>
      <c r="DB185" s="201"/>
      <c r="DC185" s="201"/>
      <c r="DD185" s="201"/>
      <c r="DE185" s="201"/>
      <c r="DF185" s="201"/>
      <c r="DG185" s="201"/>
      <c r="DH185" s="201"/>
      <c r="DI185" s="201"/>
      <c r="DJ185" s="201"/>
      <c r="DK185" s="201"/>
      <c r="DL185" s="201"/>
      <c r="DM185" s="201"/>
      <c r="DN185" s="201"/>
      <c r="DO185" s="201"/>
      <c r="DP185" s="201"/>
      <c r="DQ185" s="201"/>
      <c r="DR185" s="201"/>
      <c r="DS185" s="201"/>
      <c r="DT185" s="201"/>
      <c r="DU185" s="201"/>
      <c r="DV185" s="201"/>
      <c r="DW185" s="201"/>
      <c r="DX185" s="201"/>
      <c r="DY185" s="201"/>
      <c r="DZ185" s="201"/>
      <c r="EA185" s="201"/>
      <c r="EB185" s="201"/>
      <c r="EC185" s="201"/>
      <c r="ED185" s="201"/>
      <c r="EE185" s="201"/>
      <c r="EF185" s="201"/>
      <c r="EG185" s="201"/>
      <c r="EH185" s="201"/>
      <c r="EI185" s="201"/>
      <c r="EJ185" s="201"/>
      <c r="EK185" s="201"/>
      <c r="EL185" s="201"/>
      <c r="EM185" s="201"/>
      <c r="EN185" s="201"/>
      <c r="EO185" s="201"/>
      <c r="EP185" s="201"/>
      <c r="EQ185" s="201"/>
      <c r="ER185" s="201"/>
      <c r="ES185" s="201"/>
      <c r="ET185" s="201"/>
      <c r="EU185" s="201"/>
      <c r="EV185" s="201"/>
      <c r="EW185" s="201"/>
      <c r="EX185" s="201"/>
      <c r="EY185" s="201"/>
      <c r="EZ185" s="201"/>
      <c r="FA185" s="201"/>
      <c r="FB185" s="201"/>
      <c r="FC185" s="201"/>
      <c r="FD185" s="201"/>
      <c r="FE185" s="201"/>
      <c r="FF185" s="201"/>
      <c r="FG185" s="201"/>
      <c r="FH185" s="201"/>
      <c r="FI185" s="201"/>
      <c r="FJ185" s="201"/>
      <c r="FK185" s="201"/>
      <c r="FL185" s="201"/>
      <c r="FM185" s="201"/>
      <c r="FN185" s="201"/>
      <c r="FO185" s="201"/>
      <c r="FP185" s="201"/>
      <c r="FQ185" s="201"/>
      <c r="FR185" s="201"/>
      <c r="FS185" s="201"/>
      <c r="FT185" s="201"/>
      <c r="FU185" s="201"/>
      <c r="FV185" s="201"/>
      <c r="FW185" s="201"/>
      <c r="FX185" s="201"/>
      <c r="FY185" s="201"/>
      <c r="FZ185" s="201"/>
      <c r="GA185" s="201"/>
      <c r="GB185" s="201"/>
      <c r="GC185" s="201"/>
      <c r="GD185" s="201"/>
      <c r="GE185" s="201"/>
      <c r="GF185" s="201"/>
      <c r="GG185" s="201"/>
      <c r="GH185" s="201"/>
      <c r="GI185" s="201"/>
      <c r="GJ185" s="201"/>
      <c r="GK185" s="201"/>
      <c r="GL185" s="201"/>
      <c r="GM185" s="201"/>
      <c r="GN185" s="201"/>
      <c r="GO185" s="201"/>
      <c r="GP185" s="201"/>
      <c r="GQ185" s="201"/>
      <c r="GR185" s="201"/>
      <c r="GS185" s="201"/>
      <c r="GT185" s="201"/>
      <c r="GU185" s="201"/>
      <c r="GV185" s="201"/>
      <c r="GW185" s="201"/>
      <c r="GX185" s="201"/>
      <c r="GY185" s="201"/>
      <c r="GZ185" s="201"/>
      <c r="HA185" s="201"/>
      <c r="HB185" s="201"/>
      <c r="HC185" s="201"/>
      <c r="HD185" s="201"/>
      <c r="HE185" s="201"/>
      <c r="HF185" s="201"/>
      <c r="HG185" s="201"/>
      <c r="HH185" s="201"/>
      <c r="HI185" s="201"/>
      <c r="HJ185" s="201"/>
      <c r="HK185" s="201"/>
      <c r="HL185" s="201"/>
      <c r="HM185" s="201"/>
      <c r="HN185" s="201"/>
      <c r="HO185" s="201"/>
      <c r="HP185" s="201"/>
      <c r="HQ185" s="201"/>
      <c r="HR185" s="201"/>
      <c r="HS185" s="201"/>
      <c r="HT185" s="201"/>
      <c r="HU185" s="201"/>
      <c r="HV185" s="201"/>
      <c r="HW185" s="201"/>
      <c r="HX185" s="201"/>
      <c r="HY185" s="201"/>
      <c r="HZ185" s="201"/>
      <c r="IA185" s="201"/>
      <c r="IB185" s="201"/>
      <c r="IC185" s="201"/>
      <c r="ID185" s="201"/>
      <c r="IE185" s="201"/>
      <c r="IF185" s="201"/>
      <c r="IG185" s="201"/>
      <c r="IH185" s="201"/>
      <c r="II185" s="201"/>
      <c r="IJ185" s="201"/>
      <c r="IK185" s="201"/>
      <c r="IL185" s="201"/>
      <c r="IM185" s="201"/>
      <c r="IN185" s="201"/>
      <c r="IO185" s="201"/>
      <c r="IP185" s="201"/>
      <c r="IQ185" s="201"/>
      <c r="IR185" s="201"/>
      <c r="IS185" s="201"/>
      <c r="IT185" s="201"/>
      <c r="IU185" s="201"/>
      <c r="IV185" s="201"/>
      <c r="IW185" s="201"/>
      <c r="IX185" s="201"/>
      <c r="IY185" s="201"/>
    </row>
    <row r="186" spans="1:259" s="570" customFormat="1" ht="69.599999999999994" customHeight="1" x14ac:dyDescent="0.2">
      <c r="A186" s="1159" t="s">
        <v>125</v>
      </c>
      <c r="B186" s="1160"/>
      <c r="C186" s="1160"/>
      <c r="D186" s="1160"/>
      <c r="E186" s="1160"/>
      <c r="F186" s="1160"/>
      <c r="G186" s="1160"/>
      <c r="H186" s="1160"/>
      <c r="I186" s="1160"/>
      <c r="J186" s="1160"/>
      <c r="K186" s="1160"/>
      <c r="L186" s="1160"/>
      <c r="M186" s="1160"/>
      <c r="N186" s="1160"/>
      <c r="O186" s="1160"/>
      <c r="P186" s="1160"/>
      <c r="Q186" s="1161"/>
      <c r="R186" s="1068"/>
      <c r="S186" s="561"/>
      <c r="T186" s="1162"/>
      <c r="U186" s="668"/>
      <c r="V186" s="1151"/>
      <c r="W186" s="1151"/>
      <c r="X186" s="1151"/>
      <c r="Y186" s="1151"/>
      <c r="Z186" s="1151"/>
      <c r="AA186" s="1151"/>
      <c r="AB186" s="1151"/>
      <c r="AC186" s="1151"/>
      <c r="AD186" s="1151"/>
      <c r="AE186" s="1151"/>
      <c r="AF186" s="1151"/>
      <c r="AG186" s="1151"/>
      <c r="AH186" s="1151"/>
      <c r="AI186" s="1151"/>
      <c r="AJ186" s="1151"/>
      <c r="AK186" s="1151"/>
      <c r="AL186" s="1151"/>
      <c r="AM186" s="1151"/>
      <c r="AN186" s="1151"/>
      <c r="AO186" s="1151"/>
      <c r="AP186" s="1151"/>
      <c r="AQ186" s="1151"/>
      <c r="AR186" s="1151"/>
      <c r="AS186" s="1151"/>
      <c r="AT186" s="1151"/>
      <c r="AU186" s="1151"/>
      <c r="AV186" s="1151"/>
      <c r="AW186" s="1151"/>
      <c r="AX186" s="1151"/>
      <c r="AY186" s="1151"/>
      <c r="AZ186" s="1151"/>
      <c r="BA186" s="1151"/>
      <c r="BB186" s="1151"/>
      <c r="BC186" s="1151"/>
      <c r="BD186" s="1151"/>
      <c r="BE186" s="1151"/>
    </row>
    <row r="187" spans="1:259" s="570" customFormat="1" ht="69" customHeight="1" x14ac:dyDescent="0.2">
      <c r="A187" s="1163" t="s">
        <v>264</v>
      </c>
      <c r="B187" s="1164"/>
      <c r="C187" s="1164"/>
      <c r="D187" s="1164"/>
      <c r="E187" s="1164"/>
      <c r="F187" s="1164"/>
      <c r="G187" s="1164"/>
      <c r="H187" s="1164"/>
      <c r="I187" s="1164"/>
      <c r="J187" s="1164"/>
      <c r="K187" s="1164"/>
      <c r="L187" s="1164"/>
      <c r="M187" s="1164"/>
      <c r="N187" s="1164"/>
      <c r="O187" s="1164"/>
      <c r="P187" s="1164"/>
      <c r="Q187" s="1165"/>
      <c r="R187" s="1028"/>
      <c r="S187" s="561"/>
      <c r="T187" s="595"/>
      <c r="U187" s="596"/>
      <c r="V187" s="600"/>
      <c r="W187" s="600"/>
      <c r="X187" s="600"/>
      <c r="Y187" s="600"/>
      <c r="Z187" s="600"/>
      <c r="AA187" s="600"/>
      <c r="AB187" s="600"/>
      <c r="AC187" s="600"/>
      <c r="AD187" s="600"/>
      <c r="AE187" s="600"/>
      <c r="AF187" s="600"/>
      <c r="AG187" s="600"/>
      <c r="AH187" s="600"/>
      <c r="AI187" s="600"/>
      <c r="AJ187" s="600"/>
      <c r="AK187" s="600"/>
      <c r="AL187" s="600"/>
      <c r="AM187" s="600"/>
      <c r="AN187" s="600"/>
      <c r="AO187" s="600"/>
      <c r="AP187" s="600"/>
      <c r="AQ187" s="600"/>
      <c r="AR187" s="600"/>
      <c r="AS187" s="600"/>
      <c r="AT187" s="600"/>
      <c r="AU187" s="600"/>
      <c r="AV187" s="600"/>
      <c r="AW187" s="600"/>
      <c r="AX187" s="600"/>
      <c r="AY187" s="600"/>
      <c r="AZ187" s="600"/>
      <c r="BA187" s="600"/>
      <c r="BB187" s="600"/>
      <c r="BC187" s="600"/>
      <c r="BD187" s="600"/>
      <c r="BE187" s="600"/>
    </row>
    <row r="188" spans="1:259" s="570" customFormat="1" ht="69.599999999999994" customHeight="1" x14ac:dyDescent="0.2">
      <c r="A188" s="368" t="s">
        <v>100</v>
      </c>
      <c r="B188" s="369"/>
      <c r="C188" s="369"/>
      <c r="D188" s="369"/>
      <c r="E188" s="369"/>
      <c r="F188" s="369"/>
      <c r="G188" s="369"/>
      <c r="H188" s="369"/>
      <c r="I188" s="369"/>
      <c r="J188" s="369"/>
      <c r="K188" s="369"/>
      <c r="L188" s="369"/>
      <c r="M188" s="369"/>
      <c r="N188" s="369"/>
      <c r="O188" s="369"/>
      <c r="P188" s="369"/>
      <c r="Q188" s="370"/>
      <c r="R188" s="1028"/>
      <c r="S188" s="561"/>
      <c r="T188" s="595"/>
      <c r="U188" s="596"/>
      <c r="V188" s="600"/>
      <c r="W188" s="600"/>
      <c r="X188" s="600"/>
      <c r="Y188" s="600"/>
      <c r="Z188" s="600"/>
      <c r="AA188" s="600"/>
      <c r="AB188" s="600"/>
      <c r="AC188" s="600"/>
      <c r="AD188" s="600"/>
      <c r="AE188" s="600"/>
      <c r="AF188" s="600"/>
      <c r="AG188" s="600"/>
      <c r="AH188" s="600"/>
      <c r="AI188" s="600"/>
      <c r="AJ188" s="600"/>
      <c r="AK188" s="600"/>
      <c r="AL188" s="600"/>
      <c r="AM188" s="600"/>
      <c r="AN188" s="600"/>
      <c r="AO188" s="600"/>
      <c r="AP188" s="600"/>
      <c r="AQ188" s="600"/>
      <c r="AR188" s="600"/>
      <c r="AS188" s="600"/>
      <c r="AT188" s="600"/>
      <c r="AU188" s="600"/>
      <c r="AV188" s="600"/>
      <c r="AW188" s="600"/>
      <c r="AX188" s="600"/>
      <c r="AY188" s="600"/>
      <c r="AZ188" s="600"/>
      <c r="BA188" s="600"/>
      <c r="BB188" s="600"/>
      <c r="BC188" s="600"/>
      <c r="BD188" s="600"/>
      <c r="BE188" s="600"/>
    </row>
    <row r="189" spans="1:259" s="546" customFormat="1" ht="69.900000000000006" customHeight="1" x14ac:dyDescent="0.2">
      <c r="A189" s="70" t="s">
        <v>28</v>
      </c>
      <c r="B189" s="72"/>
      <c r="C189" s="72"/>
      <c r="D189" s="72"/>
      <c r="E189" s="72"/>
      <c r="F189" s="72"/>
      <c r="G189" s="72"/>
      <c r="H189" s="72"/>
      <c r="I189" s="72"/>
      <c r="J189" s="72"/>
      <c r="K189" s="72"/>
      <c r="L189" s="72"/>
      <c r="M189" s="72"/>
      <c r="N189" s="72"/>
      <c r="O189" s="72"/>
      <c r="P189" s="72"/>
      <c r="Q189" s="202"/>
      <c r="R189" s="1068"/>
      <c r="S189" s="561"/>
      <c r="T189" s="199"/>
    </row>
    <row r="190" spans="1:259" s="570" customFormat="1" ht="75" customHeight="1" x14ac:dyDescent="0.2">
      <c r="A190" s="1111"/>
      <c r="B190" s="1112"/>
      <c r="C190" s="1112"/>
      <c r="D190" s="1112"/>
      <c r="E190" s="1112"/>
      <c r="F190" s="1112"/>
      <c r="G190" s="1112"/>
      <c r="H190" s="1112"/>
      <c r="I190" s="1112"/>
      <c r="J190" s="1112"/>
      <c r="K190" s="1112"/>
      <c r="L190" s="1113"/>
      <c r="M190" s="1112"/>
      <c r="N190" s="1112"/>
      <c r="O190" s="1112"/>
      <c r="P190" s="1112"/>
      <c r="Q190" s="1114"/>
      <c r="R190" s="1028"/>
      <c r="S190" s="561"/>
      <c r="T190" s="579"/>
    </row>
    <row r="191" spans="1:259" s="570" customFormat="1" ht="75" customHeight="1" thickBot="1" x14ac:dyDescent="0.25">
      <c r="A191" s="1115"/>
      <c r="B191" s="1116"/>
      <c r="C191" s="1116"/>
      <c r="D191" s="1116"/>
      <c r="E191" s="1116"/>
      <c r="F191" s="1116"/>
      <c r="G191" s="1116"/>
      <c r="H191" s="1116"/>
      <c r="I191" s="1116"/>
      <c r="J191" s="1116"/>
      <c r="K191" s="1116"/>
      <c r="L191" s="1117"/>
      <c r="M191" s="1116"/>
      <c r="N191" s="1116"/>
      <c r="O191" s="1116"/>
      <c r="P191" s="1116"/>
      <c r="Q191" s="1118"/>
      <c r="R191" s="1028"/>
      <c r="S191" s="561"/>
      <c r="T191" s="579"/>
    </row>
    <row r="192" spans="1:259" s="201" customFormat="1" ht="69.599999999999994" customHeight="1" thickBot="1" x14ac:dyDescent="0.25">
      <c r="A192" s="996" t="s">
        <v>441</v>
      </c>
      <c r="B192" s="586"/>
      <c r="C192" s="586"/>
      <c r="D192" s="586"/>
      <c r="E192" s="586"/>
      <c r="F192" s="586"/>
      <c r="G192" s="586"/>
      <c r="H192" s="586"/>
      <c r="I192" s="586"/>
      <c r="J192" s="586"/>
      <c r="K192" s="586"/>
      <c r="L192" s="586"/>
      <c r="M192" s="586"/>
      <c r="N192" s="586"/>
      <c r="O192" s="586"/>
      <c r="P192" s="586"/>
      <c r="Q192" s="997"/>
      <c r="R192" s="186"/>
      <c r="S192" s="187"/>
      <c r="T192" s="188"/>
      <c r="U192" s="818"/>
      <c r="V192" s="818"/>
      <c r="W192" s="818"/>
      <c r="X192" s="818"/>
      <c r="Y192" s="818"/>
      <c r="Z192" s="818"/>
      <c r="AA192" s="818"/>
      <c r="AB192" s="818"/>
      <c r="AC192" s="818"/>
      <c r="AD192" s="818"/>
      <c r="AE192" s="818"/>
      <c r="AF192" s="818"/>
      <c r="AG192" s="818"/>
      <c r="AH192" s="818"/>
      <c r="AI192" s="818"/>
      <c r="AJ192" s="818"/>
      <c r="AK192" s="818"/>
      <c r="AL192" s="818"/>
      <c r="AM192" s="818"/>
      <c r="AN192" s="818"/>
      <c r="AO192" s="818"/>
      <c r="AP192" s="818"/>
      <c r="AQ192" s="818"/>
      <c r="AR192" s="818"/>
      <c r="AS192" s="818"/>
      <c r="AT192" s="818"/>
      <c r="AU192" s="818"/>
      <c r="AV192" s="818"/>
      <c r="AW192" s="818"/>
      <c r="AX192" s="818"/>
      <c r="AY192" s="818"/>
      <c r="AZ192" s="818"/>
      <c r="BA192" s="818"/>
      <c r="BB192" s="818"/>
      <c r="BC192" s="818"/>
      <c r="BD192" s="818"/>
      <c r="BE192" s="818"/>
    </row>
    <row r="193" spans="1:259" s="191" customFormat="1" ht="361.5" customHeight="1" thickTop="1" thickBot="1" x14ac:dyDescent="0.25">
      <c r="A193" s="688" t="s">
        <v>442</v>
      </c>
      <c r="B193" s="690"/>
      <c r="C193" s="690"/>
      <c r="D193" s="690"/>
      <c r="E193" s="690"/>
      <c r="F193" s="690"/>
      <c r="G193" s="690"/>
      <c r="H193" s="690"/>
      <c r="I193" s="690"/>
      <c r="J193" s="690"/>
      <c r="K193" s="690"/>
      <c r="L193" s="690"/>
      <c r="M193" s="690"/>
      <c r="N193" s="789"/>
      <c r="O193" s="1131" t="s">
        <v>20</v>
      </c>
      <c r="P193" s="67" t="s">
        <v>21</v>
      </c>
      <c r="Q193" s="1132" t="s">
        <v>22</v>
      </c>
      <c r="R193" s="186"/>
      <c r="S193" s="187"/>
      <c r="T193" s="569"/>
      <c r="U193" s="1166"/>
      <c r="V193" s="190"/>
      <c r="W193" s="190"/>
      <c r="X193" s="190"/>
      <c r="Y193" s="818"/>
      <c r="Z193" s="818"/>
      <c r="AA193" s="818"/>
      <c r="AB193" s="818"/>
      <c r="AC193" s="818"/>
      <c r="AD193" s="818"/>
      <c r="AE193" s="818"/>
      <c r="AF193" s="818"/>
      <c r="AG193" s="818"/>
      <c r="AH193" s="818"/>
      <c r="AI193" s="818"/>
      <c r="AJ193" s="818"/>
      <c r="AK193" s="818"/>
      <c r="AL193" s="818"/>
      <c r="AM193" s="818"/>
      <c r="AN193" s="818"/>
      <c r="AO193" s="190"/>
      <c r="AP193" s="190"/>
      <c r="AQ193" s="190"/>
      <c r="AR193" s="190"/>
      <c r="AS193" s="190"/>
      <c r="AT193" s="190"/>
      <c r="AU193" s="190"/>
      <c r="AV193" s="190"/>
      <c r="AW193" s="190"/>
      <c r="AX193" s="190"/>
      <c r="AY193" s="190"/>
      <c r="AZ193" s="190"/>
      <c r="BA193" s="190"/>
      <c r="BB193" s="190"/>
      <c r="BC193" s="190"/>
      <c r="BD193" s="190"/>
      <c r="BE193" s="190"/>
    </row>
    <row r="194" spans="1:259" s="201" customFormat="1" ht="69.599999999999994" customHeight="1" thickTop="1" x14ac:dyDescent="0.2">
      <c r="A194" s="70" t="s">
        <v>28</v>
      </c>
      <c r="B194" s="72"/>
      <c r="C194" s="72"/>
      <c r="D194" s="72"/>
      <c r="E194" s="72"/>
      <c r="F194" s="72"/>
      <c r="G194" s="72"/>
      <c r="H194" s="72"/>
      <c r="I194" s="72"/>
      <c r="J194" s="72"/>
      <c r="K194" s="72"/>
      <c r="L194" s="72"/>
      <c r="M194" s="72"/>
      <c r="N194" s="72"/>
      <c r="O194" s="72"/>
      <c r="P194" s="72"/>
      <c r="Q194" s="202"/>
      <c r="R194" s="198"/>
      <c r="S194" s="187"/>
      <c r="T194" s="199"/>
    </row>
    <row r="195" spans="1:259" s="570" customFormat="1" ht="75" customHeight="1" x14ac:dyDescent="0.2">
      <c r="A195" s="575"/>
      <c r="B195" s="576"/>
      <c r="C195" s="576"/>
      <c r="D195" s="576"/>
      <c r="E195" s="576"/>
      <c r="F195" s="576"/>
      <c r="G195" s="576"/>
      <c r="H195" s="576"/>
      <c r="I195" s="576"/>
      <c r="J195" s="576"/>
      <c r="K195" s="576"/>
      <c r="L195" s="577"/>
      <c r="M195" s="576"/>
      <c r="N195" s="576"/>
      <c r="O195" s="576"/>
      <c r="P195" s="576"/>
      <c r="Q195" s="578"/>
      <c r="R195" s="1028"/>
      <c r="S195" s="561"/>
      <c r="T195" s="579"/>
      <c r="U195" s="546"/>
    </row>
    <row r="196" spans="1:259" s="570" customFormat="1" ht="75" customHeight="1" thickBot="1" x14ac:dyDescent="0.25">
      <c r="A196" s="606"/>
      <c r="B196" s="607"/>
      <c r="C196" s="607"/>
      <c r="D196" s="607"/>
      <c r="E196" s="607"/>
      <c r="F196" s="607"/>
      <c r="G196" s="607"/>
      <c r="H196" s="607"/>
      <c r="I196" s="607"/>
      <c r="J196" s="607"/>
      <c r="K196" s="607"/>
      <c r="L196" s="608"/>
      <c r="M196" s="607"/>
      <c r="N196" s="607"/>
      <c r="O196" s="607"/>
      <c r="P196" s="607"/>
      <c r="Q196" s="609"/>
      <c r="R196" s="1028"/>
      <c r="S196" s="561"/>
      <c r="T196" s="579"/>
      <c r="U196" s="546"/>
    </row>
    <row r="197" spans="1:259" s="546" customFormat="1" ht="69.900000000000006" customHeight="1" thickBot="1" x14ac:dyDescent="0.25">
      <c r="A197" s="558" t="s">
        <v>307</v>
      </c>
      <c r="B197" s="559"/>
      <c r="C197" s="559"/>
      <c r="D197" s="559"/>
      <c r="E197" s="559"/>
      <c r="F197" s="559"/>
      <c r="G197" s="559"/>
      <c r="H197" s="559"/>
      <c r="I197" s="559"/>
      <c r="J197" s="559"/>
      <c r="K197" s="559"/>
      <c r="L197" s="559"/>
      <c r="M197" s="559"/>
      <c r="N197" s="559"/>
      <c r="O197" s="559"/>
      <c r="P197" s="559"/>
      <c r="Q197" s="560"/>
      <c r="R197" s="1028"/>
      <c r="S197" s="561"/>
      <c r="T197" s="595"/>
      <c r="U197" s="596"/>
      <c r="V197" s="596"/>
      <c r="W197" s="596"/>
      <c r="X197" s="596"/>
      <c r="Y197" s="600"/>
      <c r="Z197" s="600"/>
      <c r="AA197" s="600"/>
      <c r="AB197" s="600"/>
      <c r="AC197" s="600"/>
      <c r="AD197" s="600"/>
      <c r="AE197" s="600"/>
      <c r="AF197" s="600"/>
      <c r="AG197" s="600"/>
      <c r="AH197" s="600"/>
      <c r="AI197" s="600"/>
      <c r="AJ197" s="600"/>
      <c r="AK197" s="600"/>
      <c r="AL197" s="600"/>
      <c r="AM197" s="600"/>
      <c r="AN197" s="600"/>
      <c r="AO197" s="596"/>
      <c r="AP197" s="596"/>
      <c r="AQ197" s="596"/>
      <c r="AR197" s="596"/>
      <c r="AS197" s="596"/>
      <c r="AT197" s="596"/>
      <c r="AU197" s="596"/>
      <c r="AV197" s="596"/>
      <c r="AW197" s="596"/>
      <c r="AX197" s="596"/>
      <c r="AY197" s="596"/>
      <c r="AZ197" s="596"/>
      <c r="BA197" s="596"/>
      <c r="BB197" s="596"/>
      <c r="BC197" s="596"/>
      <c r="BD197" s="596"/>
      <c r="BE197" s="596"/>
    </row>
    <row r="198" spans="1:259" s="546" customFormat="1" ht="69.900000000000006" customHeight="1" thickBot="1" x14ac:dyDescent="0.25">
      <c r="A198" s="584" t="s">
        <v>443</v>
      </c>
      <c r="B198" s="593"/>
      <c r="C198" s="593"/>
      <c r="D198" s="593"/>
      <c r="E198" s="593"/>
      <c r="F198" s="593"/>
      <c r="G198" s="593"/>
      <c r="H198" s="593"/>
      <c r="I198" s="593"/>
      <c r="J198" s="593"/>
      <c r="K198" s="593"/>
      <c r="L198" s="586"/>
      <c r="M198" s="593"/>
      <c r="N198" s="593"/>
      <c r="O198" s="593"/>
      <c r="P198" s="593"/>
      <c r="Q198" s="594"/>
      <c r="R198" s="1028"/>
      <c r="S198" s="561"/>
      <c r="T198" s="595"/>
      <c r="U198" s="596"/>
      <c r="V198" s="596"/>
      <c r="W198" s="596"/>
      <c r="X198" s="596"/>
      <c r="Y198" s="596"/>
      <c r="Z198" s="596"/>
      <c r="AA198" s="596"/>
      <c r="AB198" s="596"/>
      <c r="AC198" s="596"/>
      <c r="AD198" s="596"/>
      <c r="AE198" s="596"/>
      <c r="AF198" s="596"/>
      <c r="AG198" s="596"/>
      <c r="AH198" s="596"/>
      <c r="AI198" s="596"/>
      <c r="AJ198" s="596"/>
      <c r="AK198" s="596"/>
      <c r="AL198" s="596"/>
      <c r="AM198" s="596"/>
      <c r="AN198" s="596"/>
      <c r="AO198" s="596"/>
      <c r="AP198" s="596"/>
      <c r="AQ198" s="596"/>
      <c r="AR198" s="596"/>
      <c r="AS198" s="596"/>
      <c r="AT198" s="596"/>
      <c r="AU198" s="596"/>
      <c r="AV198" s="596"/>
      <c r="AW198" s="596"/>
      <c r="AX198" s="596"/>
      <c r="AY198" s="596"/>
      <c r="AZ198" s="596"/>
      <c r="BA198" s="596"/>
      <c r="BB198" s="596"/>
      <c r="BC198" s="596"/>
      <c r="BD198" s="596"/>
      <c r="BE198" s="596"/>
    </row>
    <row r="199" spans="1:259" s="570" customFormat="1" ht="335.25" customHeight="1" thickTop="1" thickBot="1" x14ac:dyDescent="0.25">
      <c r="A199" s="645" t="s">
        <v>444</v>
      </c>
      <c r="B199" s="646"/>
      <c r="C199" s="646"/>
      <c r="D199" s="646"/>
      <c r="E199" s="646"/>
      <c r="F199" s="646"/>
      <c r="G199" s="646"/>
      <c r="H199" s="646"/>
      <c r="I199" s="646"/>
      <c r="J199" s="646"/>
      <c r="K199" s="646"/>
      <c r="L199" s="646"/>
      <c r="M199" s="647"/>
      <c r="N199" s="1157" t="s">
        <v>27</v>
      </c>
      <c r="O199" s="1131" t="s">
        <v>20</v>
      </c>
      <c r="P199" s="67" t="s">
        <v>21</v>
      </c>
      <c r="Q199" s="1132" t="s">
        <v>22</v>
      </c>
      <c r="R199" s="1028"/>
      <c r="S199" s="561"/>
      <c r="T199" s="569"/>
      <c r="U199" s="540"/>
      <c r="V199" s="600"/>
      <c r="W199" s="600"/>
      <c r="X199" s="600"/>
      <c r="Y199" s="596"/>
      <c r="Z199" s="596"/>
      <c r="AA199" s="596"/>
      <c r="AB199" s="596"/>
      <c r="AC199" s="596"/>
      <c r="AD199" s="596"/>
      <c r="AE199" s="596"/>
      <c r="AF199" s="596"/>
      <c r="AG199" s="596"/>
      <c r="AH199" s="596"/>
      <c r="AI199" s="596"/>
      <c r="AJ199" s="596"/>
      <c r="AK199" s="596"/>
      <c r="AL199" s="596"/>
      <c r="AM199" s="596"/>
      <c r="AN199" s="596"/>
      <c r="AO199" s="600"/>
      <c r="AP199" s="600"/>
      <c r="AQ199" s="600"/>
      <c r="AR199" s="600"/>
      <c r="AS199" s="600"/>
      <c r="AT199" s="600"/>
      <c r="AU199" s="600"/>
      <c r="AV199" s="600"/>
      <c r="AW199" s="600"/>
      <c r="AX199" s="600"/>
      <c r="AY199" s="600"/>
      <c r="AZ199" s="600"/>
      <c r="BA199" s="600"/>
      <c r="BB199" s="600"/>
      <c r="BC199" s="600"/>
      <c r="BD199" s="600"/>
      <c r="BE199" s="600"/>
    </row>
    <row r="200" spans="1:259" s="546" customFormat="1" ht="69.900000000000006" customHeight="1" thickTop="1" x14ac:dyDescent="0.2">
      <c r="A200" s="70" t="s">
        <v>28</v>
      </c>
      <c r="B200" s="72"/>
      <c r="C200" s="72"/>
      <c r="D200" s="72"/>
      <c r="E200" s="72"/>
      <c r="F200" s="72"/>
      <c r="G200" s="72"/>
      <c r="H200" s="72"/>
      <c r="I200" s="72"/>
      <c r="J200" s="72"/>
      <c r="K200" s="72"/>
      <c r="L200" s="72"/>
      <c r="M200" s="72"/>
      <c r="N200" s="72"/>
      <c r="O200" s="72"/>
      <c r="P200" s="72"/>
      <c r="Q200" s="202"/>
      <c r="R200" s="1068"/>
      <c r="S200" s="561"/>
      <c r="T200" s="199"/>
    </row>
    <row r="201" spans="1:259" s="570" customFormat="1" ht="75" customHeight="1" x14ac:dyDescent="0.2">
      <c r="A201" s="575"/>
      <c r="B201" s="576"/>
      <c r="C201" s="576"/>
      <c r="D201" s="576"/>
      <c r="E201" s="576"/>
      <c r="F201" s="576"/>
      <c r="G201" s="576"/>
      <c r="H201" s="576"/>
      <c r="I201" s="576"/>
      <c r="J201" s="576"/>
      <c r="K201" s="576"/>
      <c r="L201" s="577"/>
      <c r="M201" s="576"/>
      <c r="N201" s="576"/>
      <c r="O201" s="576"/>
      <c r="P201" s="576"/>
      <c r="Q201" s="578"/>
      <c r="R201" s="1028"/>
      <c r="S201" s="561"/>
      <c r="T201" s="579"/>
      <c r="U201" s="546"/>
    </row>
    <row r="202" spans="1:259" s="570" customFormat="1" ht="75" customHeight="1" thickBot="1" x14ac:dyDescent="0.25">
      <c r="A202" s="606"/>
      <c r="B202" s="607"/>
      <c r="C202" s="607"/>
      <c r="D202" s="607"/>
      <c r="E202" s="607"/>
      <c r="F202" s="607"/>
      <c r="G202" s="607"/>
      <c r="H202" s="607"/>
      <c r="I202" s="607"/>
      <c r="J202" s="607"/>
      <c r="K202" s="607"/>
      <c r="L202" s="608"/>
      <c r="M202" s="607"/>
      <c r="N202" s="607"/>
      <c r="O202" s="607"/>
      <c r="P202" s="607"/>
      <c r="Q202" s="609"/>
      <c r="R202" s="1028"/>
      <c r="S202" s="561"/>
      <c r="T202" s="579"/>
      <c r="U202" s="546"/>
    </row>
    <row r="203" spans="1:259" s="546" customFormat="1" ht="69.900000000000006" customHeight="1" thickBot="1" x14ac:dyDescent="0.25">
      <c r="A203" s="584" t="s">
        <v>445</v>
      </c>
      <c r="B203" s="593"/>
      <c r="C203" s="593"/>
      <c r="D203" s="593"/>
      <c r="E203" s="593"/>
      <c r="F203" s="593"/>
      <c r="G203" s="593"/>
      <c r="H203" s="593"/>
      <c r="I203" s="593"/>
      <c r="J203" s="593"/>
      <c r="K203" s="593"/>
      <c r="L203" s="586"/>
      <c r="M203" s="593"/>
      <c r="N203" s="593"/>
      <c r="O203" s="593"/>
      <c r="P203" s="593"/>
      <c r="Q203" s="594"/>
      <c r="R203" s="1028"/>
      <c r="S203" s="561"/>
      <c r="T203" s="1105" t="s">
        <v>446</v>
      </c>
      <c r="U203" s="596"/>
      <c r="V203" s="596"/>
      <c r="W203" s="596"/>
      <c r="X203" s="596"/>
      <c r="Y203" s="600"/>
      <c r="Z203" s="600"/>
      <c r="AA203" s="600"/>
      <c r="AB203" s="600"/>
      <c r="AC203" s="600"/>
      <c r="AD203" s="600"/>
      <c r="AE203" s="600"/>
      <c r="AF203" s="600"/>
      <c r="AG203" s="600"/>
      <c r="AH203" s="600"/>
      <c r="AI203" s="600"/>
      <c r="AJ203" s="600"/>
      <c r="AK203" s="600"/>
      <c r="AL203" s="600"/>
      <c r="AM203" s="600"/>
      <c r="AN203" s="600"/>
      <c r="AO203" s="596"/>
      <c r="AP203" s="596"/>
      <c r="AQ203" s="596"/>
      <c r="AR203" s="596"/>
      <c r="AS203" s="596"/>
      <c r="AT203" s="596"/>
      <c r="AU203" s="596"/>
      <c r="AV203" s="596"/>
      <c r="AW203" s="596"/>
      <c r="AX203" s="596"/>
      <c r="AY203" s="596"/>
      <c r="AZ203" s="596"/>
      <c r="BA203" s="596"/>
      <c r="BB203" s="596"/>
      <c r="BC203" s="596"/>
      <c r="BD203" s="596"/>
      <c r="BE203" s="596"/>
    </row>
    <row r="204" spans="1:259" s="570" customFormat="1" ht="263.39999999999998" customHeight="1" thickTop="1" thickBot="1" x14ac:dyDescent="0.25">
      <c r="A204" s="1167" t="s">
        <v>447</v>
      </c>
      <c r="B204" s="1168"/>
      <c r="C204" s="1168"/>
      <c r="D204" s="1168"/>
      <c r="E204" s="1168"/>
      <c r="F204" s="1168"/>
      <c r="G204" s="1168"/>
      <c r="H204" s="1168"/>
      <c r="I204" s="1168"/>
      <c r="J204" s="1168"/>
      <c r="K204" s="1168"/>
      <c r="L204" s="1168"/>
      <c r="M204" s="1168"/>
      <c r="N204" s="1169"/>
      <c r="O204" s="1131" t="s">
        <v>20</v>
      </c>
      <c r="P204" s="67" t="s">
        <v>21</v>
      </c>
      <c r="Q204" s="1132" t="s">
        <v>22</v>
      </c>
      <c r="R204" s="1028"/>
      <c r="S204" s="561"/>
      <c r="T204" s="569"/>
      <c r="U204" s="540"/>
      <c r="V204" s="600"/>
      <c r="W204" s="600"/>
      <c r="X204" s="600"/>
      <c r="Y204" s="600"/>
      <c r="Z204" s="600"/>
      <c r="AA204" s="600"/>
      <c r="AB204" s="600"/>
      <c r="AC204" s="600"/>
      <c r="AD204" s="600"/>
      <c r="AE204" s="600"/>
      <c r="AF204" s="600"/>
      <c r="AG204" s="600"/>
      <c r="AH204" s="600"/>
      <c r="AI204" s="600"/>
      <c r="AJ204" s="600"/>
      <c r="AK204" s="600"/>
      <c r="AL204" s="600"/>
      <c r="AM204" s="600"/>
      <c r="AN204" s="600"/>
      <c r="AO204" s="600"/>
      <c r="AP204" s="600"/>
      <c r="AQ204" s="600"/>
      <c r="AR204" s="600"/>
      <c r="AS204" s="600"/>
      <c r="AT204" s="600"/>
      <c r="AU204" s="600"/>
      <c r="AV204" s="600"/>
      <c r="AW204" s="600"/>
      <c r="AX204" s="600"/>
      <c r="AY204" s="600"/>
      <c r="AZ204" s="600"/>
      <c r="BA204" s="600"/>
      <c r="BB204" s="600"/>
      <c r="BC204" s="600"/>
      <c r="BD204" s="600"/>
      <c r="BE204" s="600"/>
    </row>
    <row r="205" spans="1:259" s="570" customFormat="1" ht="201.6" customHeight="1" thickTop="1" thickBot="1" x14ac:dyDescent="0.25">
      <c r="A205" s="573" t="s">
        <v>448</v>
      </c>
      <c r="B205" s="184"/>
      <c r="C205" s="184"/>
      <c r="D205" s="184"/>
      <c r="E205" s="184"/>
      <c r="F205" s="184"/>
      <c r="G205" s="184"/>
      <c r="H205" s="184"/>
      <c r="I205" s="184"/>
      <c r="J205" s="184"/>
      <c r="K205" s="184"/>
      <c r="L205" s="184"/>
      <c r="M205" s="184"/>
      <c r="N205" s="1153"/>
      <c r="O205" s="1170" t="s">
        <v>20</v>
      </c>
      <c r="P205" s="1170" t="s">
        <v>25</v>
      </c>
      <c r="Q205" s="1171" t="s">
        <v>22</v>
      </c>
      <c r="R205" s="1028"/>
      <c r="S205" s="561"/>
      <c r="T205" s="569"/>
      <c r="U205" s="596"/>
      <c r="V205" s="600"/>
      <c r="W205" s="600"/>
      <c r="X205" s="600"/>
      <c r="Y205" s="600"/>
      <c r="Z205" s="600"/>
      <c r="AA205" s="600"/>
      <c r="AB205" s="600"/>
      <c r="AC205" s="600"/>
      <c r="AD205" s="600"/>
      <c r="AE205" s="600"/>
      <c r="AF205" s="600"/>
      <c r="AG205" s="600"/>
      <c r="AH205" s="600"/>
      <c r="AI205" s="600"/>
      <c r="AJ205" s="600"/>
      <c r="AK205" s="600"/>
      <c r="AL205" s="600"/>
      <c r="AM205" s="600"/>
      <c r="AN205" s="600"/>
      <c r="AO205" s="600"/>
      <c r="AP205" s="600"/>
      <c r="AQ205" s="600"/>
      <c r="AR205" s="600"/>
      <c r="AS205" s="600"/>
      <c r="AT205" s="600"/>
      <c r="AU205" s="600"/>
      <c r="AV205" s="600"/>
      <c r="AW205" s="600"/>
      <c r="AX205" s="600"/>
      <c r="AY205" s="600"/>
      <c r="AZ205" s="600"/>
      <c r="BA205" s="600"/>
      <c r="BB205" s="600"/>
      <c r="BC205" s="600"/>
      <c r="BD205" s="600"/>
      <c r="BE205" s="600"/>
    </row>
    <row r="206" spans="1:259" s="1175" customFormat="1" ht="69.599999999999994" customHeight="1" thickTop="1" x14ac:dyDescent="0.2">
      <c r="A206" s="1172" t="s">
        <v>55</v>
      </c>
      <c r="B206" s="694"/>
      <c r="C206" s="694"/>
      <c r="D206" s="694"/>
      <c r="E206" s="694"/>
      <c r="F206" s="694"/>
      <c r="G206" s="694"/>
      <c r="H206" s="694"/>
      <c r="I206" s="694"/>
      <c r="J206" s="694"/>
      <c r="K206" s="694"/>
      <c r="L206" s="694"/>
      <c r="M206" s="694"/>
      <c r="N206" s="694"/>
      <c r="O206" s="694"/>
      <c r="P206" s="694"/>
      <c r="Q206" s="1173"/>
      <c r="R206" s="1174"/>
      <c r="T206" s="1176"/>
      <c r="U206" s="1177"/>
    </row>
    <row r="207" spans="1:259" s="546" customFormat="1" ht="69.900000000000006" customHeight="1" x14ac:dyDescent="0.2">
      <c r="A207" s="1178" t="s">
        <v>314</v>
      </c>
      <c r="B207" s="1178"/>
      <c r="C207" s="1178"/>
      <c r="D207" s="1178"/>
      <c r="E207" s="1178"/>
      <c r="F207" s="1178"/>
      <c r="G207" s="1178"/>
      <c r="H207" s="1178"/>
      <c r="I207" s="1178"/>
      <c r="J207" s="1178"/>
      <c r="K207" s="1178"/>
      <c r="L207" s="1178"/>
      <c r="M207" s="1178"/>
      <c r="N207" s="1178"/>
      <c r="O207" s="1178"/>
      <c r="P207" s="1178"/>
      <c r="Q207" s="1178"/>
      <c r="R207" s="198"/>
      <c r="S207" s="187"/>
      <c r="T207" s="199"/>
      <c r="U207" s="201"/>
      <c r="V207" s="201"/>
      <c r="W207" s="201"/>
      <c r="X207" s="201"/>
      <c r="Y207" s="201"/>
      <c r="Z207" s="201"/>
      <c r="AA207" s="201"/>
      <c r="AB207" s="201"/>
      <c r="AC207" s="201"/>
      <c r="AD207" s="201"/>
      <c r="AE207" s="201"/>
      <c r="AF207" s="201"/>
      <c r="AG207" s="201"/>
      <c r="AH207" s="201"/>
      <c r="AI207" s="201"/>
      <c r="AJ207" s="201"/>
      <c r="AK207" s="201"/>
      <c r="AL207" s="201"/>
      <c r="AM207" s="201"/>
      <c r="AN207" s="201"/>
      <c r="AO207" s="201"/>
      <c r="AP207" s="201"/>
      <c r="AQ207" s="201"/>
      <c r="AR207" s="201"/>
      <c r="AS207" s="201"/>
      <c r="AT207" s="201"/>
      <c r="AU207" s="201"/>
      <c r="AV207" s="201"/>
      <c r="AW207" s="201"/>
      <c r="AX207" s="201"/>
      <c r="AY207" s="201"/>
      <c r="AZ207" s="201"/>
      <c r="BA207" s="201"/>
      <c r="BB207" s="201"/>
      <c r="BC207" s="201"/>
      <c r="BD207" s="201"/>
      <c r="BE207" s="201"/>
      <c r="BF207" s="201"/>
      <c r="BG207" s="201"/>
      <c r="BH207" s="201"/>
      <c r="BI207" s="201"/>
      <c r="BJ207" s="201"/>
      <c r="BK207" s="201"/>
      <c r="BL207" s="201"/>
      <c r="BM207" s="201"/>
      <c r="BN207" s="201"/>
      <c r="BO207" s="201"/>
      <c r="BP207" s="201"/>
      <c r="BQ207" s="201"/>
      <c r="BR207" s="201"/>
      <c r="BS207" s="201"/>
      <c r="BT207" s="201"/>
      <c r="BU207" s="201"/>
      <c r="BV207" s="201"/>
      <c r="BW207" s="201"/>
      <c r="BX207" s="201"/>
      <c r="BY207" s="201"/>
      <c r="BZ207" s="201"/>
      <c r="CA207" s="201"/>
      <c r="CB207" s="201"/>
      <c r="CC207" s="201"/>
      <c r="CD207" s="201"/>
      <c r="CE207" s="201"/>
      <c r="CF207" s="201"/>
      <c r="CG207" s="201"/>
      <c r="CH207" s="201"/>
      <c r="CI207" s="201"/>
      <c r="CJ207" s="201"/>
      <c r="CK207" s="201"/>
      <c r="CL207" s="201"/>
      <c r="CM207" s="201"/>
      <c r="CN207" s="201"/>
      <c r="CO207" s="201"/>
      <c r="CP207" s="201"/>
      <c r="CQ207" s="201"/>
      <c r="CR207" s="201"/>
      <c r="CS207" s="201"/>
      <c r="CT207" s="201"/>
      <c r="CU207" s="201"/>
      <c r="CV207" s="201"/>
      <c r="CW207" s="201"/>
      <c r="CX207" s="201"/>
      <c r="CY207" s="201"/>
      <c r="CZ207" s="201"/>
      <c r="DA207" s="201"/>
      <c r="DB207" s="201"/>
      <c r="DC207" s="201"/>
      <c r="DD207" s="201"/>
      <c r="DE207" s="201"/>
      <c r="DF207" s="201"/>
      <c r="DG207" s="201"/>
      <c r="DH207" s="201"/>
      <c r="DI207" s="201"/>
      <c r="DJ207" s="201"/>
      <c r="DK207" s="201"/>
      <c r="DL207" s="201"/>
      <c r="DM207" s="201"/>
      <c r="DN207" s="201"/>
      <c r="DO207" s="201"/>
      <c r="DP207" s="201"/>
      <c r="DQ207" s="201"/>
      <c r="DR207" s="201"/>
      <c r="DS207" s="201"/>
      <c r="DT207" s="201"/>
      <c r="DU207" s="201"/>
      <c r="DV207" s="201"/>
      <c r="DW207" s="201"/>
      <c r="DX207" s="201"/>
      <c r="DY207" s="201"/>
      <c r="DZ207" s="201"/>
      <c r="EA207" s="201"/>
      <c r="EB207" s="201"/>
      <c r="EC207" s="201"/>
      <c r="ED207" s="201"/>
      <c r="EE207" s="201"/>
      <c r="EF207" s="201"/>
      <c r="EG207" s="201"/>
      <c r="EH207" s="201"/>
      <c r="EI207" s="201"/>
      <c r="EJ207" s="201"/>
      <c r="EK207" s="201"/>
      <c r="EL207" s="201"/>
      <c r="EM207" s="201"/>
      <c r="EN207" s="201"/>
      <c r="EO207" s="201"/>
      <c r="EP207" s="201"/>
      <c r="EQ207" s="201"/>
      <c r="ER207" s="201"/>
      <c r="ES207" s="201"/>
      <c r="ET207" s="201"/>
      <c r="EU207" s="201"/>
      <c r="EV207" s="201"/>
      <c r="EW207" s="201"/>
      <c r="EX207" s="201"/>
      <c r="EY207" s="201"/>
      <c r="EZ207" s="201"/>
      <c r="FA207" s="201"/>
      <c r="FB207" s="201"/>
      <c r="FC207" s="201"/>
      <c r="FD207" s="201"/>
      <c r="FE207" s="201"/>
      <c r="FF207" s="201"/>
      <c r="FG207" s="201"/>
      <c r="FH207" s="201"/>
      <c r="FI207" s="201"/>
      <c r="FJ207" s="201"/>
      <c r="FK207" s="201"/>
      <c r="FL207" s="201"/>
      <c r="FM207" s="201"/>
      <c r="FN207" s="201"/>
      <c r="FO207" s="201"/>
      <c r="FP207" s="201"/>
      <c r="FQ207" s="201"/>
      <c r="FR207" s="201"/>
      <c r="FS207" s="201"/>
      <c r="FT207" s="201"/>
      <c r="FU207" s="201"/>
      <c r="FV207" s="201"/>
      <c r="FW207" s="201"/>
      <c r="FX207" s="201"/>
      <c r="FY207" s="201"/>
      <c r="FZ207" s="201"/>
      <c r="GA207" s="201"/>
      <c r="GB207" s="201"/>
      <c r="GC207" s="201"/>
      <c r="GD207" s="201"/>
      <c r="GE207" s="201"/>
      <c r="GF207" s="201"/>
      <c r="GG207" s="201"/>
      <c r="GH207" s="201"/>
      <c r="GI207" s="201"/>
      <c r="GJ207" s="201"/>
      <c r="GK207" s="201"/>
      <c r="GL207" s="201"/>
      <c r="GM207" s="201"/>
      <c r="GN207" s="201"/>
      <c r="GO207" s="201"/>
      <c r="GP207" s="201"/>
      <c r="GQ207" s="201"/>
      <c r="GR207" s="201"/>
      <c r="GS207" s="201"/>
      <c r="GT207" s="201"/>
      <c r="GU207" s="201"/>
      <c r="GV207" s="201"/>
      <c r="GW207" s="201"/>
      <c r="GX207" s="201"/>
      <c r="GY207" s="201"/>
      <c r="GZ207" s="201"/>
      <c r="HA207" s="201"/>
      <c r="HB207" s="201"/>
      <c r="HC207" s="201"/>
      <c r="HD207" s="201"/>
      <c r="HE207" s="201"/>
      <c r="HF207" s="201"/>
      <c r="HG207" s="201"/>
      <c r="HH207" s="201"/>
      <c r="HI207" s="201"/>
      <c r="HJ207" s="201"/>
      <c r="HK207" s="201"/>
      <c r="HL207" s="201"/>
      <c r="HM207" s="201"/>
      <c r="HN207" s="201"/>
      <c r="HO207" s="201"/>
      <c r="HP207" s="201"/>
      <c r="HQ207" s="201"/>
      <c r="HR207" s="201"/>
      <c r="HS207" s="201"/>
      <c r="HT207" s="201"/>
      <c r="HU207" s="201"/>
      <c r="HV207" s="201"/>
      <c r="HW207" s="201"/>
      <c r="HX207" s="201"/>
      <c r="HY207" s="201"/>
      <c r="HZ207" s="201"/>
      <c r="IA207" s="201"/>
      <c r="IB207" s="201"/>
      <c r="IC207" s="201"/>
      <c r="ID207" s="201"/>
      <c r="IE207" s="201"/>
      <c r="IF207" s="201"/>
      <c r="IG207" s="201"/>
      <c r="IH207" s="201"/>
      <c r="II207" s="201"/>
      <c r="IJ207" s="201"/>
      <c r="IK207" s="201"/>
      <c r="IL207" s="201"/>
      <c r="IM207" s="201"/>
      <c r="IN207" s="201"/>
      <c r="IO207" s="201"/>
      <c r="IP207" s="201"/>
      <c r="IQ207" s="201"/>
      <c r="IR207" s="201"/>
      <c r="IS207" s="201"/>
      <c r="IT207" s="201"/>
      <c r="IU207" s="201"/>
      <c r="IV207" s="201"/>
      <c r="IW207" s="201"/>
      <c r="IX207" s="201"/>
      <c r="IY207" s="201"/>
    </row>
    <row r="208" spans="1:259" s="570" customFormat="1" ht="69" customHeight="1" x14ac:dyDescent="0.2">
      <c r="A208" s="905" t="s">
        <v>315</v>
      </c>
      <c r="B208" s="906"/>
      <c r="C208" s="906"/>
      <c r="D208" s="906"/>
      <c r="E208" s="906"/>
      <c r="F208" s="906"/>
      <c r="G208" s="906"/>
      <c r="H208" s="906"/>
      <c r="I208" s="906"/>
      <c r="J208" s="906"/>
      <c r="K208" s="906"/>
      <c r="L208" s="906"/>
      <c r="M208" s="906"/>
      <c r="N208" s="906"/>
      <c r="O208" s="906"/>
      <c r="P208" s="906"/>
      <c r="Q208" s="907"/>
      <c r="R208" s="1028"/>
      <c r="S208" s="561"/>
      <c r="T208" s="595"/>
      <c r="U208" s="596"/>
      <c r="V208" s="600"/>
      <c r="W208" s="600"/>
      <c r="X208" s="600"/>
      <c r="Y208" s="600"/>
      <c r="Z208" s="600"/>
      <c r="AA208" s="600"/>
      <c r="AB208" s="600"/>
      <c r="AC208" s="600"/>
      <c r="AD208" s="600"/>
      <c r="AE208" s="600"/>
      <c r="AF208" s="600"/>
      <c r="AG208" s="600"/>
      <c r="AH208" s="600"/>
      <c r="AI208" s="600"/>
      <c r="AJ208" s="600"/>
      <c r="AK208" s="600"/>
      <c r="AL208" s="600"/>
      <c r="AM208" s="600"/>
      <c r="AN208" s="600"/>
      <c r="AO208" s="600"/>
      <c r="AP208" s="600"/>
      <c r="AQ208" s="600"/>
      <c r="AR208" s="600"/>
      <c r="AS208" s="600"/>
      <c r="AT208" s="600"/>
      <c r="AU208" s="600"/>
      <c r="AV208" s="600"/>
      <c r="AW208" s="600"/>
      <c r="AX208" s="600"/>
      <c r="AY208" s="600"/>
      <c r="AZ208" s="600"/>
      <c r="BA208" s="600"/>
      <c r="BB208" s="600"/>
      <c r="BC208" s="600"/>
      <c r="BD208" s="600"/>
      <c r="BE208" s="600"/>
    </row>
    <row r="209" spans="1:259" s="570" customFormat="1" ht="69.599999999999994" customHeight="1" x14ac:dyDescent="0.2">
      <c r="A209" s="779" t="s">
        <v>100</v>
      </c>
      <c r="B209" s="780"/>
      <c r="C209" s="780"/>
      <c r="D209" s="780"/>
      <c r="E209" s="780"/>
      <c r="F209" s="780"/>
      <c r="G209" s="780"/>
      <c r="H209" s="780"/>
      <c r="I209" s="780"/>
      <c r="J209" s="780"/>
      <c r="K209" s="780"/>
      <c r="L209" s="780"/>
      <c r="M209" s="780"/>
      <c r="N209" s="780"/>
      <c r="O209" s="780"/>
      <c r="P209" s="780"/>
      <c r="Q209" s="781"/>
      <c r="R209" s="1028"/>
      <c r="S209" s="561"/>
      <c r="T209" s="595"/>
      <c r="U209" s="596"/>
      <c r="V209" s="600"/>
      <c r="W209" s="600"/>
      <c r="X209" s="600"/>
      <c r="Y209" s="600"/>
      <c r="Z209" s="600"/>
      <c r="AA209" s="600"/>
      <c r="AB209" s="600"/>
      <c r="AC209" s="600"/>
      <c r="AD209" s="600"/>
      <c r="AE209" s="600"/>
      <c r="AF209" s="600"/>
      <c r="AG209" s="600"/>
      <c r="AH209" s="600"/>
      <c r="AI209" s="600"/>
      <c r="AJ209" s="600"/>
      <c r="AK209" s="600"/>
      <c r="AL209" s="600"/>
      <c r="AM209" s="600"/>
      <c r="AN209" s="600"/>
      <c r="AO209" s="600"/>
      <c r="AP209" s="600"/>
      <c r="AQ209" s="600"/>
      <c r="AR209" s="600"/>
      <c r="AS209" s="600"/>
      <c r="AT209" s="600"/>
      <c r="AU209" s="600"/>
      <c r="AV209" s="600"/>
      <c r="AW209" s="600"/>
      <c r="AX209" s="600"/>
      <c r="AY209" s="600"/>
      <c r="AZ209" s="600"/>
      <c r="BA209" s="600"/>
      <c r="BB209" s="600"/>
      <c r="BC209" s="600"/>
      <c r="BD209" s="600"/>
      <c r="BE209" s="600"/>
    </row>
    <row r="210" spans="1:259" s="570" customFormat="1" ht="69" customHeight="1" thickBot="1" x14ac:dyDescent="0.25">
      <c r="A210" s="898" t="s">
        <v>316</v>
      </c>
      <c r="B210" s="899"/>
      <c r="C210" s="899"/>
      <c r="D210" s="899"/>
      <c r="E210" s="899"/>
      <c r="F210" s="899"/>
      <c r="G210" s="899"/>
      <c r="H210" s="899"/>
      <c r="I210" s="899"/>
      <c r="J210" s="899"/>
      <c r="K210" s="900"/>
      <c r="L210" s="1179"/>
      <c r="M210" s="1180"/>
      <c r="N210" s="1180"/>
      <c r="O210" s="777"/>
      <c r="P210" s="1180"/>
      <c r="Q210" s="1181"/>
      <c r="R210" s="1028"/>
      <c r="S210" s="561"/>
      <c r="T210" s="663"/>
      <c r="U210" s="1108"/>
      <c r="V210" s="664"/>
      <c r="W210" s="664"/>
      <c r="X210" s="664"/>
      <c r="Y210" s="664"/>
      <c r="Z210" s="664"/>
      <c r="AA210" s="664"/>
      <c r="AB210" s="664"/>
      <c r="AC210" s="664"/>
      <c r="AD210" s="664"/>
      <c r="AE210" s="664"/>
      <c r="AF210" s="664"/>
      <c r="AG210" s="664"/>
      <c r="AH210" s="664"/>
      <c r="AI210" s="664"/>
      <c r="AJ210" s="664"/>
      <c r="AK210" s="664"/>
      <c r="AL210" s="664"/>
      <c r="AM210" s="664"/>
      <c r="AN210" s="664"/>
      <c r="AO210" s="664"/>
      <c r="AP210" s="664"/>
      <c r="AQ210" s="664"/>
      <c r="AR210" s="664"/>
      <c r="AS210" s="664"/>
      <c r="AT210" s="664"/>
      <c r="AU210" s="664"/>
      <c r="AV210" s="664"/>
      <c r="AW210" s="664"/>
      <c r="AX210" s="664"/>
      <c r="AY210" s="664"/>
      <c r="AZ210" s="664"/>
      <c r="BA210" s="664"/>
      <c r="BB210" s="664"/>
      <c r="BC210" s="664"/>
      <c r="BD210" s="664"/>
      <c r="BE210" s="664"/>
    </row>
    <row r="211" spans="1:259" s="570" customFormat="1" ht="201.6" customHeight="1" thickTop="1" thickBot="1" x14ac:dyDescent="0.25">
      <c r="A211" s="566" t="s">
        <v>449</v>
      </c>
      <c r="B211" s="568"/>
      <c r="C211" s="568"/>
      <c r="D211" s="568"/>
      <c r="E211" s="568"/>
      <c r="F211" s="568"/>
      <c r="G211" s="568"/>
      <c r="H211" s="568"/>
      <c r="I211" s="568"/>
      <c r="J211" s="568"/>
      <c r="K211" s="568"/>
      <c r="L211" s="568"/>
      <c r="M211" s="568"/>
      <c r="N211" s="1182"/>
      <c r="O211" s="1154" t="s">
        <v>20</v>
      </c>
      <c r="P211" s="67" t="s">
        <v>21</v>
      </c>
      <c r="Q211" s="1132" t="s">
        <v>22</v>
      </c>
      <c r="R211" s="1028"/>
      <c r="S211" s="561"/>
      <c r="T211" s="569"/>
      <c r="U211" s="596"/>
      <c r="V211" s="600"/>
      <c r="W211" s="600"/>
      <c r="X211" s="600"/>
      <c r="Y211" s="600"/>
      <c r="Z211" s="600"/>
      <c r="AA211" s="600"/>
      <c r="AB211" s="600"/>
      <c r="AC211" s="600"/>
      <c r="AD211" s="600"/>
      <c r="AE211" s="600"/>
      <c r="AF211" s="600"/>
      <c r="AG211" s="600"/>
      <c r="AH211" s="600"/>
      <c r="AI211" s="600"/>
      <c r="AJ211" s="600"/>
      <c r="AK211" s="600"/>
      <c r="AL211" s="600"/>
      <c r="AM211" s="600"/>
      <c r="AN211" s="600"/>
      <c r="AO211" s="600"/>
      <c r="AP211" s="600"/>
      <c r="AQ211" s="600"/>
      <c r="AR211" s="600"/>
      <c r="AS211" s="600"/>
      <c r="AT211" s="600"/>
      <c r="AU211" s="600"/>
      <c r="AV211" s="600"/>
      <c r="AW211" s="600"/>
      <c r="AX211" s="600"/>
      <c r="AY211" s="600"/>
      <c r="AZ211" s="600"/>
      <c r="BA211" s="600"/>
      <c r="BB211" s="600"/>
      <c r="BC211" s="600"/>
      <c r="BD211" s="600"/>
      <c r="BE211" s="600"/>
    </row>
    <row r="212" spans="1:259" s="546" customFormat="1" ht="69.599999999999994" customHeight="1" thickTop="1" x14ac:dyDescent="0.2">
      <c r="A212" s="692" t="s">
        <v>450</v>
      </c>
      <c r="B212" s="694"/>
      <c r="C212" s="694"/>
      <c r="D212" s="694"/>
      <c r="E212" s="694"/>
      <c r="F212" s="694"/>
      <c r="G212" s="694"/>
      <c r="H212" s="694"/>
      <c r="I212" s="694"/>
      <c r="J212" s="694"/>
      <c r="K212" s="694"/>
      <c r="L212" s="694"/>
      <c r="M212" s="694"/>
      <c r="N212" s="694"/>
      <c r="O212" s="694"/>
      <c r="P212" s="694"/>
      <c r="Q212" s="791"/>
      <c r="R212" s="1068"/>
      <c r="S212" s="561"/>
      <c r="T212" s="199"/>
    </row>
    <row r="213" spans="1:259" s="546" customFormat="1" ht="69.599999999999994" customHeight="1" x14ac:dyDescent="0.2">
      <c r="A213" s="696" t="s">
        <v>74</v>
      </c>
      <c r="B213" s="697"/>
      <c r="C213" s="697"/>
      <c r="D213" s="697"/>
      <c r="E213" s="697"/>
      <c r="F213" s="697"/>
      <c r="G213" s="697"/>
      <c r="H213" s="697"/>
      <c r="I213" s="697"/>
      <c r="J213" s="697"/>
      <c r="K213" s="697"/>
      <c r="L213" s="697"/>
      <c r="M213" s="697"/>
      <c r="N213" s="697"/>
      <c r="O213" s="697"/>
      <c r="P213" s="697"/>
      <c r="Q213" s="698"/>
      <c r="R213" s="198"/>
      <c r="S213" s="187"/>
      <c r="T213" s="199"/>
      <c r="U213" s="201"/>
      <c r="V213" s="201"/>
      <c r="W213" s="201"/>
      <c r="X213" s="201"/>
      <c r="Y213" s="201"/>
      <c r="Z213" s="201"/>
      <c r="AA213" s="201"/>
      <c r="AB213" s="201"/>
      <c r="AC213" s="201"/>
      <c r="AD213" s="201"/>
      <c r="AE213" s="201"/>
      <c r="AF213" s="201"/>
      <c r="AG213" s="201"/>
      <c r="AH213" s="201"/>
      <c r="AI213" s="201"/>
      <c r="AJ213" s="201"/>
      <c r="AK213" s="201"/>
      <c r="AL213" s="201"/>
      <c r="AM213" s="201"/>
      <c r="AN213" s="201"/>
      <c r="AO213" s="201"/>
      <c r="AP213" s="201"/>
      <c r="AQ213" s="201"/>
      <c r="AR213" s="201"/>
      <c r="AS213" s="201"/>
      <c r="AT213" s="201"/>
      <c r="AU213" s="201"/>
      <c r="AV213" s="201"/>
      <c r="AW213" s="201"/>
      <c r="AX213" s="201"/>
      <c r="AY213" s="201"/>
      <c r="AZ213" s="201"/>
      <c r="BA213" s="201"/>
      <c r="BB213" s="201"/>
      <c r="BC213" s="201"/>
      <c r="BD213" s="201"/>
      <c r="BE213" s="201"/>
      <c r="BF213" s="201"/>
      <c r="BG213" s="201"/>
      <c r="BH213" s="201"/>
      <c r="BI213" s="201"/>
      <c r="BJ213" s="201"/>
      <c r="BK213" s="201"/>
      <c r="BL213" s="201"/>
      <c r="BM213" s="201"/>
      <c r="BN213" s="201"/>
      <c r="BO213" s="201"/>
      <c r="BP213" s="201"/>
      <c r="BQ213" s="201"/>
      <c r="BR213" s="201"/>
      <c r="BS213" s="201"/>
      <c r="BT213" s="201"/>
      <c r="BU213" s="201"/>
      <c r="BV213" s="201"/>
      <c r="BW213" s="201"/>
      <c r="BX213" s="201"/>
      <c r="BY213" s="201"/>
      <c r="BZ213" s="201"/>
      <c r="CA213" s="201"/>
      <c r="CB213" s="201"/>
      <c r="CC213" s="201"/>
      <c r="CD213" s="201"/>
      <c r="CE213" s="201"/>
      <c r="CF213" s="201"/>
      <c r="CG213" s="201"/>
      <c r="CH213" s="201"/>
      <c r="CI213" s="201"/>
      <c r="CJ213" s="201"/>
      <c r="CK213" s="201"/>
      <c r="CL213" s="201"/>
      <c r="CM213" s="201"/>
      <c r="CN213" s="201"/>
      <c r="CO213" s="201"/>
      <c r="CP213" s="201"/>
      <c r="CQ213" s="201"/>
      <c r="CR213" s="201"/>
      <c r="CS213" s="201"/>
      <c r="CT213" s="201"/>
      <c r="CU213" s="201"/>
      <c r="CV213" s="201"/>
      <c r="CW213" s="201"/>
      <c r="CX213" s="201"/>
      <c r="CY213" s="201"/>
      <c r="CZ213" s="201"/>
      <c r="DA213" s="201"/>
      <c r="DB213" s="201"/>
      <c r="DC213" s="201"/>
      <c r="DD213" s="201"/>
      <c r="DE213" s="201"/>
      <c r="DF213" s="201"/>
      <c r="DG213" s="201"/>
      <c r="DH213" s="201"/>
      <c r="DI213" s="201"/>
      <c r="DJ213" s="201"/>
      <c r="DK213" s="201"/>
      <c r="DL213" s="201"/>
      <c r="DM213" s="201"/>
      <c r="DN213" s="201"/>
      <c r="DO213" s="201"/>
      <c r="DP213" s="201"/>
      <c r="DQ213" s="201"/>
      <c r="DR213" s="201"/>
      <c r="DS213" s="201"/>
      <c r="DT213" s="201"/>
      <c r="DU213" s="201"/>
      <c r="DV213" s="201"/>
      <c r="DW213" s="201"/>
      <c r="DX213" s="201"/>
      <c r="DY213" s="201"/>
      <c r="DZ213" s="201"/>
      <c r="EA213" s="201"/>
      <c r="EB213" s="201"/>
      <c r="EC213" s="201"/>
      <c r="ED213" s="201"/>
      <c r="EE213" s="201"/>
      <c r="EF213" s="201"/>
      <c r="EG213" s="201"/>
      <c r="EH213" s="201"/>
      <c r="EI213" s="201"/>
      <c r="EJ213" s="201"/>
      <c r="EK213" s="201"/>
      <c r="EL213" s="201"/>
      <c r="EM213" s="201"/>
      <c r="EN213" s="201"/>
      <c r="EO213" s="201"/>
      <c r="EP213" s="201"/>
      <c r="EQ213" s="201"/>
      <c r="ER213" s="201"/>
      <c r="ES213" s="201"/>
      <c r="ET213" s="201"/>
      <c r="EU213" s="201"/>
      <c r="EV213" s="201"/>
      <c r="EW213" s="201"/>
      <c r="EX213" s="201"/>
      <c r="EY213" s="201"/>
      <c r="EZ213" s="201"/>
      <c r="FA213" s="201"/>
      <c r="FB213" s="201"/>
      <c r="FC213" s="201"/>
      <c r="FD213" s="201"/>
      <c r="FE213" s="201"/>
      <c r="FF213" s="201"/>
      <c r="FG213" s="201"/>
      <c r="FH213" s="201"/>
      <c r="FI213" s="201"/>
      <c r="FJ213" s="201"/>
      <c r="FK213" s="201"/>
      <c r="FL213" s="201"/>
      <c r="FM213" s="201"/>
      <c r="FN213" s="201"/>
      <c r="FO213" s="201"/>
      <c r="FP213" s="201"/>
      <c r="FQ213" s="201"/>
      <c r="FR213" s="201"/>
      <c r="FS213" s="201"/>
      <c r="FT213" s="201"/>
      <c r="FU213" s="201"/>
      <c r="FV213" s="201"/>
      <c r="FW213" s="201"/>
      <c r="FX213" s="201"/>
      <c r="FY213" s="201"/>
      <c r="FZ213" s="201"/>
      <c r="GA213" s="201"/>
      <c r="GB213" s="201"/>
      <c r="GC213" s="201"/>
      <c r="GD213" s="201"/>
      <c r="GE213" s="201"/>
      <c r="GF213" s="201"/>
      <c r="GG213" s="201"/>
      <c r="GH213" s="201"/>
      <c r="GI213" s="201"/>
      <c r="GJ213" s="201"/>
      <c r="GK213" s="201"/>
      <c r="GL213" s="201"/>
      <c r="GM213" s="201"/>
      <c r="GN213" s="201"/>
      <c r="GO213" s="201"/>
      <c r="GP213" s="201"/>
      <c r="GQ213" s="201"/>
      <c r="GR213" s="201"/>
      <c r="GS213" s="201"/>
      <c r="GT213" s="201"/>
      <c r="GU213" s="201"/>
      <c r="GV213" s="201"/>
      <c r="GW213" s="201"/>
      <c r="GX213" s="201"/>
      <c r="GY213" s="201"/>
      <c r="GZ213" s="201"/>
      <c r="HA213" s="201"/>
      <c r="HB213" s="201"/>
      <c r="HC213" s="201"/>
      <c r="HD213" s="201"/>
      <c r="HE213" s="201"/>
      <c r="HF213" s="201"/>
      <c r="HG213" s="201"/>
      <c r="HH213" s="201"/>
      <c r="HI213" s="201"/>
      <c r="HJ213" s="201"/>
      <c r="HK213" s="201"/>
      <c r="HL213" s="201"/>
      <c r="HM213" s="201"/>
      <c r="HN213" s="201"/>
      <c r="HO213" s="201"/>
      <c r="HP213" s="201"/>
      <c r="HQ213" s="201"/>
      <c r="HR213" s="201"/>
      <c r="HS213" s="201"/>
      <c r="HT213" s="201"/>
      <c r="HU213" s="201"/>
      <c r="HV213" s="201"/>
      <c r="HW213" s="201"/>
      <c r="HX213" s="201"/>
      <c r="HY213" s="201"/>
      <c r="HZ213" s="201"/>
      <c r="IA213" s="201"/>
      <c r="IB213" s="201"/>
      <c r="IC213" s="201"/>
      <c r="ID213" s="201"/>
      <c r="IE213" s="201"/>
      <c r="IF213" s="201"/>
      <c r="IG213" s="201"/>
      <c r="IH213" s="201"/>
      <c r="II213" s="201"/>
      <c r="IJ213" s="201"/>
      <c r="IK213" s="201"/>
      <c r="IL213" s="201"/>
      <c r="IM213" s="201"/>
      <c r="IN213" s="201"/>
      <c r="IO213" s="201"/>
      <c r="IP213" s="201"/>
      <c r="IQ213" s="201"/>
      <c r="IR213" s="201"/>
      <c r="IS213" s="201"/>
      <c r="IT213" s="201"/>
      <c r="IU213" s="201"/>
      <c r="IV213" s="201"/>
      <c r="IW213" s="201"/>
      <c r="IX213" s="201"/>
      <c r="IY213" s="201"/>
    </row>
    <row r="214" spans="1:259" s="570" customFormat="1" ht="69.599999999999994" customHeight="1" x14ac:dyDescent="0.2">
      <c r="A214" s="905" t="s">
        <v>451</v>
      </c>
      <c r="B214" s="906"/>
      <c r="C214" s="906"/>
      <c r="D214" s="906"/>
      <c r="E214" s="906"/>
      <c r="F214" s="906"/>
      <c r="G214" s="906"/>
      <c r="H214" s="906"/>
      <c r="I214" s="906"/>
      <c r="J214" s="906"/>
      <c r="K214" s="906"/>
      <c r="L214" s="906"/>
      <c r="M214" s="906"/>
      <c r="N214" s="906"/>
      <c r="O214" s="906"/>
      <c r="P214" s="906"/>
      <c r="Q214" s="907"/>
      <c r="R214" s="1028"/>
      <c r="S214" s="561"/>
      <c r="T214" s="595"/>
      <c r="U214" s="668"/>
      <c r="V214" s="600"/>
      <c r="W214" s="600"/>
      <c r="X214" s="600"/>
      <c r="Y214" s="600"/>
      <c r="Z214" s="600"/>
      <c r="AA214" s="600"/>
      <c r="AB214" s="600"/>
      <c r="AC214" s="600"/>
      <c r="AD214" s="600"/>
      <c r="AE214" s="600"/>
      <c r="AF214" s="600"/>
      <c r="AG214" s="600"/>
      <c r="AH214" s="600"/>
      <c r="AI214" s="600"/>
      <c r="AJ214" s="600"/>
      <c r="AK214" s="600"/>
      <c r="AL214" s="600"/>
      <c r="AM214" s="600"/>
      <c r="AN214" s="600"/>
      <c r="AO214" s="600"/>
      <c r="AP214" s="600"/>
      <c r="AQ214" s="600"/>
      <c r="AR214" s="600"/>
      <c r="AS214" s="600"/>
      <c r="AT214" s="600"/>
      <c r="AU214" s="600"/>
      <c r="AV214" s="600"/>
      <c r="AW214" s="600"/>
      <c r="AX214" s="600"/>
      <c r="AY214" s="600"/>
      <c r="AZ214" s="600"/>
      <c r="BA214" s="600"/>
      <c r="BB214" s="600"/>
      <c r="BC214" s="600"/>
      <c r="BD214" s="600"/>
      <c r="BE214" s="600"/>
    </row>
    <row r="215" spans="1:259" s="570" customFormat="1" ht="69.599999999999994" customHeight="1" thickBot="1" x14ac:dyDescent="0.25">
      <c r="A215" s="882" t="s">
        <v>145</v>
      </c>
      <c r="B215" s="883"/>
      <c r="C215" s="883"/>
      <c r="D215" s="883"/>
      <c r="E215" s="883"/>
      <c r="F215" s="883"/>
      <c r="G215" s="883"/>
      <c r="H215" s="883"/>
      <c r="I215" s="883"/>
      <c r="J215" s="883"/>
      <c r="K215" s="883"/>
      <c r="L215" s="883"/>
      <c r="M215" s="883"/>
      <c r="N215" s="883"/>
      <c r="O215" s="883"/>
      <c r="P215" s="883"/>
      <c r="Q215" s="884"/>
      <c r="R215" s="1028"/>
      <c r="S215" s="561"/>
      <c r="T215" s="595"/>
      <c r="U215" s="668"/>
      <c r="V215" s="600"/>
      <c r="W215" s="600"/>
      <c r="X215" s="600"/>
      <c r="Y215" s="600"/>
      <c r="Z215" s="600"/>
      <c r="AA215" s="600"/>
      <c r="AB215" s="600"/>
      <c r="AC215" s="600"/>
      <c r="AD215" s="600"/>
      <c r="AE215" s="600"/>
      <c r="AF215" s="600"/>
      <c r="AG215" s="600"/>
      <c r="AH215" s="600"/>
      <c r="AI215" s="600"/>
      <c r="AJ215" s="600"/>
      <c r="AK215" s="600"/>
      <c r="AL215" s="600"/>
      <c r="AM215" s="600"/>
      <c r="AN215" s="600"/>
      <c r="AO215" s="600"/>
      <c r="AP215" s="600"/>
      <c r="AQ215" s="600"/>
      <c r="AR215" s="600"/>
      <c r="AS215" s="600"/>
      <c r="AT215" s="600"/>
      <c r="AU215" s="600"/>
      <c r="AV215" s="600"/>
      <c r="AW215" s="600"/>
      <c r="AX215" s="600"/>
      <c r="AY215" s="600"/>
      <c r="AZ215" s="600"/>
      <c r="BA215" s="600"/>
      <c r="BB215" s="600"/>
      <c r="BC215" s="600"/>
      <c r="BD215" s="600"/>
      <c r="BE215" s="600"/>
    </row>
    <row r="216" spans="1:259" s="570" customFormat="1" ht="132" customHeight="1" thickTop="1" thickBot="1" x14ac:dyDescent="0.25">
      <c r="A216" s="1183" t="s">
        <v>452</v>
      </c>
      <c r="B216" s="245"/>
      <c r="C216" s="245"/>
      <c r="D216" s="245"/>
      <c r="E216" s="245"/>
      <c r="F216" s="245"/>
      <c r="G216" s="245"/>
      <c r="H216" s="245"/>
      <c r="I216" s="245"/>
      <c r="J216" s="245"/>
      <c r="K216" s="245"/>
      <c r="L216" s="245"/>
      <c r="M216" s="245"/>
      <c r="N216" s="1184"/>
      <c r="O216" s="1170" t="s">
        <v>20</v>
      </c>
      <c r="P216" s="1170" t="s">
        <v>25</v>
      </c>
      <c r="Q216" s="1171" t="s">
        <v>22</v>
      </c>
      <c r="R216" s="1028"/>
      <c r="S216" s="561"/>
      <c r="T216" s="569"/>
      <c r="U216" s="596"/>
      <c r="V216" s="600"/>
      <c r="W216" s="600"/>
      <c r="X216" s="600"/>
      <c r="Y216" s="600"/>
      <c r="Z216" s="600"/>
      <c r="AA216" s="600"/>
      <c r="AB216" s="600"/>
      <c r="AC216" s="600"/>
      <c r="AD216" s="600"/>
      <c r="AE216" s="600"/>
      <c r="AF216" s="600"/>
      <c r="AG216" s="600"/>
      <c r="AH216" s="600"/>
      <c r="AI216" s="600"/>
      <c r="AJ216" s="600"/>
      <c r="AK216" s="600"/>
      <c r="AL216" s="600"/>
      <c r="AM216" s="600"/>
      <c r="AN216" s="600"/>
      <c r="AO216" s="600"/>
      <c r="AP216" s="600"/>
      <c r="AQ216" s="600"/>
      <c r="AR216" s="600"/>
      <c r="AS216" s="600"/>
      <c r="AT216" s="600"/>
      <c r="AU216" s="600"/>
      <c r="AV216" s="600"/>
      <c r="AW216" s="600"/>
      <c r="AX216" s="600"/>
      <c r="AY216" s="600"/>
      <c r="AZ216" s="600"/>
      <c r="BA216" s="600"/>
      <c r="BB216" s="600"/>
      <c r="BC216" s="600"/>
      <c r="BD216" s="600"/>
      <c r="BE216" s="600"/>
    </row>
    <row r="217" spans="1:259" s="546" customFormat="1" ht="69.900000000000006" customHeight="1" thickTop="1" x14ac:dyDescent="0.2">
      <c r="A217" s="70" t="s">
        <v>28</v>
      </c>
      <c r="B217" s="72"/>
      <c r="C217" s="72"/>
      <c r="D217" s="72"/>
      <c r="E217" s="72"/>
      <c r="F217" s="72"/>
      <c r="G217" s="72"/>
      <c r="H217" s="72"/>
      <c r="I217" s="72"/>
      <c r="J217" s="72"/>
      <c r="K217" s="72"/>
      <c r="L217" s="72"/>
      <c r="M217" s="72"/>
      <c r="N217" s="72"/>
      <c r="O217" s="72"/>
      <c r="P217" s="72"/>
      <c r="Q217" s="202"/>
      <c r="R217" s="1068"/>
      <c r="S217" s="561"/>
      <c r="T217" s="199"/>
    </row>
    <row r="218" spans="1:259" s="570" customFormat="1" ht="75" customHeight="1" x14ac:dyDescent="0.2">
      <c r="A218" s="575"/>
      <c r="B218" s="576"/>
      <c r="C218" s="576"/>
      <c r="D218" s="576"/>
      <c r="E218" s="576"/>
      <c r="F218" s="576"/>
      <c r="G218" s="576"/>
      <c r="H218" s="576"/>
      <c r="I218" s="576"/>
      <c r="J218" s="576"/>
      <c r="K218" s="576"/>
      <c r="L218" s="577"/>
      <c r="M218" s="576"/>
      <c r="N218" s="576"/>
      <c r="O218" s="576"/>
      <c r="P218" s="576"/>
      <c r="Q218" s="578"/>
      <c r="R218" s="1028"/>
      <c r="S218" s="561"/>
      <c r="T218" s="579"/>
      <c r="U218" s="546"/>
    </row>
    <row r="219" spans="1:259" s="570" customFormat="1" ht="75" customHeight="1" thickBot="1" x14ac:dyDescent="0.25">
      <c r="A219" s="1185"/>
      <c r="B219" s="1186"/>
      <c r="C219" s="1186"/>
      <c r="D219" s="1186"/>
      <c r="E219" s="1186"/>
      <c r="F219" s="1186"/>
      <c r="G219" s="1186"/>
      <c r="H219" s="1186"/>
      <c r="I219" s="1186"/>
      <c r="J219" s="1186"/>
      <c r="K219" s="1186"/>
      <c r="L219" s="1187"/>
      <c r="M219" s="1186"/>
      <c r="N219" s="1186"/>
      <c r="O219" s="1186"/>
      <c r="P219" s="1186"/>
      <c r="Q219" s="1188"/>
      <c r="R219" s="1028"/>
      <c r="S219" s="561"/>
      <c r="T219" s="579"/>
      <c r="U219" s="546"/>
    </row>
    <row r="220" spans="1:259" s="546" customFormat="1" ht="69.900000000000006" customHeight="1" thickTop="1" thickBot="1" x14ac:dyDescent="0.25">
      <c r="A220" s="1189" t="s">
        <v>453</v>
      </c>
      <c r="B220" s="1190"/>
      <c r="C220" s="1190"/>
      <c r="D220" s="1190"/>
      <c r="E220" s="1190"/>
      <c r="F220" s="1190"/>
      <c r="G220" s="1190"/>
      <c r="H220" s="1190"/>
      <c r="I220" s="1190"/>
      <c r="J220" s="1190"/>
      <c r="K220" s="1190"/>
      <c r="L220" s="1191"/>
      <c r="M220" s="1190"/>
      <c r="N220" s="1190"/>
      <c r="O220" s="1190"/>
      <c r="P220" s="1190"/>
      <c r="Q220" s="1192"/>
      <c r="R220" s="1028"/>
      <c r="S220" s="561"/>
      <c r="T220" s="595"/>
      <c r="U220" s="595"/>
      <c r="V220" s="596"/>
      <c r="W220" s="596"/>
      <c r="X220" s="596"/>
      <c r="Y220" s="600"/>
      <c r="Z220" s="600"/>
      <c r="AA220" s="600"/>
      <c r="AB220" s="600"/>
      <c r="AC220" s="600"/>
      <c r="AD220" s="600"/>
      <c r="AE220" s="600"/>
      <c r="AF220" s="600"/>
      <c r="AG220" s="600"/>
      <c r="AH220" s="600"/>
      <c r="AI220" s="600"/>
      <c r="AJ220" s="600"/>
      <c r="AK220" s="600"/>
      <c r="AL220" s="600"/>
      <c r="AM220" s="600"/>
      <c r="AN220" s="600"/>
      <c r="AO220" s="596"/>
      <c r="AP220" s="596"/>
      <c r="AQ220" s="596"/>
      <c r="AR220" s="596"/>
      <c r="AS220" s="596"/>
      <c r="AT220" s="596"/>
      <c r="AU220" s="596"/>
      <c r="AV220" s="596"/>
      <c r="AW220" s="596"/>
      <c r="AX220" s="596"/>
      <c r="AY220" s="596"/>
      <c r="AZ220" s="596"/>
      <c r="BA220" s="596"/>
      <c r="BB220" s="596"/>
      <c r="BC220" s="596"/>
      <c r="BD220" s="596"/>
      <c r="BE220" s="596"/>
    </row>
    <row r="221" spans="1:259" s="570" customFormat="1" ht="140.1" customHeight="1" thickTop="1" thickBot="1" x14ac:dyDescent="0.25">
      <c r="A221" s="1193" t="s">
        <v>454</v>
      </c>
      <c r="B221" s="1194"/>
      <c r="C221" s="1194"/>
      <c r="D221" s="1194"/>
      <c r="E221" s="1194"/>
      <c r="F221" s="1194"/>
      <c r="G221" s="1194"/>
      <c r="H221" s="1194"/>
      <c r="I221" s="1194"/>
      <c r="J221" s="1194"/>
      <c r="K221" s="1194"/>
      <c r="L221" s="1194"/>
      <c r="M221" s="1194"/>
      <c r="N221" s="1195"/>
      <c r="O221" s="1196" t="s">
        <v>455</v>
      </c>
      <c r="P221" s="67" t="s">
        <v>21</v>
      </c>
      <c r="Q221" s="1197" t="s">
        <v>22</v>
      </c>
      <c r="R221" s="1028"/>
      <c r="S221" s="561"/>
      <c r="T221" s="569"/>
      <c r="U221" s="596"/>
      <c r="V221" s="600"/>
      <c r="W221" s="600"/>
      <c r="X221" s="600"/>
      <c r="Y221" s="596"/>
      <c r="Z221" s="596"/>
      <c r="AA221" s="596"/>
      <c r="AB221" s="596"/>
      <c r="AC221" s="596"/>
      <c r="AD221" s="596"/>
      <c r="AE221" s="596"/>
      <c r="AF221" s="596"/>
      <c r="AG221" s="596"/>
      <c r="AH221" s="596"/>
      <c r="AI221" s="596"/>
      <c r="AJ221" s="596"/>
      <c r="AK221" s="596"/>
      <c r="AL221" s="596"/>
      <c r="AM221" s="596"/>
      <c r="AN221" s="596"/>
      <c r="AO221" s="600"/>
      <c r="AP221" s="600"/>
      <c r="AQ221" s="600"/>
      <c r="AR221" s="600"/>
      <c r="AS221" s="600"/>
      <c r="AT221" s="600"/>
      <c r="AU221" s="600"/>
      <c r="AV221" s="600"/>
      <c r="AW221" s="600"/>
      <c r="AX221" s="600"/>
      <c r="AY221" s="600"/>
      <c r="AZ221" s="600"/>
      <c r="BA221" s="600"/>
      <c r="BB221" s="600"/>
      <c r="BC221" s="600"/>
      <c r="BD221" s="600"/>
      <c r="BE221" s="600"/>
    </row>
    <row r="222" spans="1:259" s="546" customFormat="1" ht="69.900000000000006" customHeight="1" thickTop="1" x14ac:dyDescent="0.2">
      <c r="A222" s="70" t="s">
        <v>28</v>
      </c>
      <c r="B222" s="72"/>
      <c r="C222" s="72"/>
      <c r="D222" s="72"/>
      <c r="E222" s="72"/>
      <c r="F222" s="72"/>
      <c r="G222" s="72"/>
      <c r="H222" s="72"/>
      <c r="I222" s="72"/>
      <c r="J222" s="72"/>
      <c r="K222" s="72"/>
      <c r="L222" s="72"/>
      <c r="M222" s="72"/>
      <c r="N222" s="72"/>
      <c r="O222" s="72"/>
      <c r="P222" s="72"/>
      <c r="Q222" s="202"/>
      <c r="R222" s="1068"/>
      <c r="S222" s="561"/>
      <c r="T222" s="199"/>
    </row>
    <row r="223" spans="1:259" s="570" customFormat="1" ht="75" customHeight="1" x14ac:dyDescent="0.2">
      <c r="A223" s="575"/>
      <c r="B223" s="576"/>
      <c r="C223" s="576"/>
      <c r="D223" s="576"/>
      <c r="E223" s="576"/>
      <c r="F223" s="576"/>
      <c r="G223" s="576"/>
      <c r="H223" s="576"/>
      <c r="I223" s="576"/>
      <c r="J223" s="576"/>
      <c r="K223" s="576"/>
      <c r="L223" s="577"/>
      <c r="M223" s="576"/>
      <c r="N223" s="576"/>
      <c r="O223" s="576"/>
      <c r="P223" s="576"/>
      <c r="Q223" s="578"/>
      <c r="R223" s="1028"/>
      <c r="S223" s="561"/>
      <c r="T223" s="579"/>
      <c r="U223" s="546"/>
    </row>
    <row r="224" spans="1:259" s="570" customFormat="1" ht="75" customHeight="1" thickBot="1" x14ac:dyDescent="0.25">
      <c r="A224" s="606"/>
      <c r="B224" s="607"/>
      <c r="C224" s="607"/>
      <c r="D224" s="607"/>
      <c r="E224" s="607"/>
      <c r="F224" s="607"/>
      <c r="G224" s="607"/>
      <c r="H224" s="607"/>
      <c r="I224" s="607"/>
      <c r="J224" s="607"/>
      <c r="K224" s="607"/>
      <c r="L224" s="608"/>
      <c r="M224" s="607"/>
      <c r="N224" s="607"/>
      <c r="O224" s="607"/>
      <c r="P224" s="607"/>
      <c r="Q224" s="609"/>
      <c r="R224" s="1028"/>
      <c r="S224" s="561"/>
      <c r="T224" s="579"/>
      <c r="U224" s="546"/>
    </row>
    <row r="225" spans="1:259" s="546" customFormat="1" ht="69.900000000000006" customHeight="1" thickBot="1" x14ac:dyDescent="0.25">
      <c r="A225" s="724" t="s">
        <v>456</v>
      </c>
      <c r="B225" s="726"/>
      <c r="C225" s="726"/>
      <c r="D225" s="726"/>
      <c r="E225" s="726"/>
      <c r="F225" s="726"/>
      <c r="G225" s="726"/>
      <c r="H225" s="726"/>
      <c r="I225" s="726"/>
      <c r="J225" s="726"/>
      <c r="K225" s="726"/>
      <c r="L225" s="726"/>
      <c r="M225" s="726"/>
      <c r="N225" s="726"/>
      <c r="O225" s="726"/>
      <c r="P225" s="726"/>
      <c r="Q225" s="819"/>
      <c r="R225" s="1028"/>
      <c r="S225" s="561"/>
      <c r="T225" s="1121"/>
      <c r="U225" s="596"/>
      <c r="V225" s="596"/>
      <c r="W225" s="596"/>
      <c r="X225" s="596"/>
      <c r="Y225" s="600"/>
      <c r="Z225" s="600"/>
      <c r="AA225" s="600"/>
      <c r="AB225" s="600"/>
      <c r="AC225" s="600"/>
      <c r="AD225" s="600"/>
      <c r="AE225" s="600"/>
      <c r="AF225" s="600"/>
      <c r="AG225" s="600"/>
      <c r="AH225" s="600"/>
      <c r="AI225" s="600"/>
      <c r="AJ225" s="600"/>
      <c r="AK225" s="600"/>
      <c r="AL225" s="600"/>
      <c r="AM225" s="600"/>
      <c r="AN225" s="600"/>
      <c r="AO225" s="596"/>
      <c r="AP225" s="596"/>
      <c r="AQ225" s="596"/>
      <c r="AR225" s="596"/>
      <c r="AS225" s="596"/>
      <c r="AT225" s="596"/>
      <c r="AU225" s="596"/>
      <c r="AV225" s="596"/>
      <c r="AW225" s="596"/>
      <c r="AX225" s="596"/>
      <c r="AY225" s="596"/>
      <c r="AZ225" s="596"/>
      <c r="BA225" s="596"/>
      <c r="BB225" s="596"/>
      <c r="BC225" s="596"/>
      <c r="BD225" s="596"/>
      <c r="BE225" s="596"/>
    </row>
    <row r="226" spans="1:259" s="570" customFormat="1" ht="132" customHeight="1" thickTop="1" thickBot="1" x14ac:dyDescent="0.25">
      <c r="A226" s="1091" t="s">
        <v>457</v>
      </c>
      <c r="B226" s="1092"/>
      <c r="C226" s="1092"/>
      <c r="D226" s="1092"/>
      <c r="E226" s="1092"/>
      <c r="F226" s="1092"/>
      <c r="G226" s="1092"/>
      <c r="H226" s="1092"/>
      <c r="I226" s="1092"/>
      <c r="J226" s="1092"/>
      <c r="K226" s="1092"/>
      <c r="L226" s="1092"/>
      <c r="M226" s="1092"/>
      <c r="N226" s="1093"/>
      <c r="O226" s="1196" t="s">
        <v>455</v>
      </c>
      <c r="P226" s="67" t="s">
        <v>21</v>
      </c>
      <c r="Q226" s="1197" t="s">
        <v>22</v>
      </c>
      <c r="R226" s="1028"/>
      <c r="S226" s="561"/>
      <c r="T226" s="569"/>
      <c r="U226" s="596"/>
      <c r="V226" s="600"/>
      <c r="W226" s="600"/>
      <c r="X226" s="600"/>
      <c r="Y226" s="600"/>
      <c r="Z226" s="600"/>
      <c r="AA226" s="600"/>
      <c r="AB226" s="600"/>
      <c r="AC226" s="600"/>
      <c r="AD226" s="600"/>
      <c r="AE226" s="600"/>
      <c r="AF226" s="600"/>
      <c r="AG226" s="600"/>
      <c r="AH226" s="600"/>
      <c r="AI226" s="600"/>
      <c r="AJ226" s="600"/>
      <c r="AK226" s="600"/>
      <c r="AL226" s="600"/>
      <c r="AM226" s="600"/>
      <c r="AN226" s="600"/>
      <c r="AO226" s="600"/>
      <c r="AP226" s="600"/>
      <c r="AQ226" s="600"/>
      <c r="AR226" s="600"/>
      <c r="AS226" s="600"/>
      <c r="AT226" s="600"/>
      <c r="AU226" s="600"/>
      <c r="AV226" s="600"/>
      <c r="AW226" s="600"/>
      <c r="AX226" s="600"/>
      <c r="AY226" s="600"/>
      <c r="AZ226" s="600"/>
      <c r="BA226" s="600"/>
      <c r="BB226" s="600"/>
      <c r="BC226" s="600"/>
      <c r="BD226" s="600"/>
      <c r="BE226" s="600"/>
    </row>
    <row r="227" spans="1:259" s="546" customFormat="1" ht="69.900000000000006" customHeight="1" thickTop="1" x14ac:dyDescent="0.2">
      <c r="A227" s="833" t="s">
        <v>141</v>
      </c>
      <c r="B227" s="834"/>
      <c r="C227" s="834"/>
      <c r="D227" s="834"/>
      <c r="E227" s="834"/>
      <c r="F227" s="834"/>
      <c r="G227" s="834"/>
      <c r="H227" s="834"/>
      <c r="I227" s="834"/>
      <c r="J227" s="834"/>
      <c r="K227" s="834"/>
      <c r="L227" s="835"/>
      <c r="M227" s="834"/>
      <c r="N227" s="834"/>
      <c r="O227" s="834"/>
      <c r="P227" s="834"/>
      <c r="Q227" s="836"/>
      <c r="R227" s="1068"/>
      <c r="S227" s="561"/>
      <c r="T227" s="199"/>
      <c r="U227" s="1081"/>
    </row>
    <row r="228" spans="1:259" s="546" customFormat="1" ht="69.900000000000006" customHeight="1" x14ac:dyDescent="0.2">
      <c r="A228" s="696" t="s">
        <v>458</v>
      </c>
      <c r="B228" s="697"/>
      <c r="C228" s="697"/>
      <c r="D228" s="697"/>
      <c r="E228" s="697"/>
      <c r="F228" s="697"/>
      <c r="G228" s="697"/>
      <c r="H228" s="697"/>
      <c r="I228" s="697"/>
      <c r="J228" s="697"/>
      <c r="K228" s="697"/>
      <c r="L228" s="697"/>
      <c r="M228" s="697"/>
      <c r="N228" s="697"/>
      <c r="O228" s="697"/>
      <c r="P228" s="697"/>
      <c r="Q228" s="698"/>
      <c r="R228" s="1068"/>
      <c r="S228" s="561"/>
      <c r="T228" s="199"/>
    </row>
    <row r="229" spans="1:259" s="570" customFormat="1" ht="70.2" customHeight="1" x14ac:dyDescent="0.2">
      <c r="A229" s="699" t="s">
        <v>147</v>
      </c>
      <c r="B229" s="700"/>
      <c r="C229" s="700"/>
      <c r="D229" s="700"/>
      <c r="E229" s="700"/>
      <c r="F229" s="700"/>
      <c r="G229" s="700"/>
      <c r="H229" s="700"/>
      <c r="I229" s="701"/>
      <c r="J229" s="841"/>
      <c r="K229" s="841"/>
      <c r="L229" s="841"/>
      <c r="M229" s="841"/>
      <c r="N229" s="841"/>
      <c r="O229" s="841"/>
      <c r="P229" s="841"/>
      <c r="Q229" s="913"/>
      <c r="R229" s="1028"/>
      <c r="S229" s="561"/>
      <c r="T229" s="595"/>
      <c r="U229" s="596"/>
      <c r="V229" s="600"/>
      <c r="W229" s="600"/>
      <c r="X229" s="600"/>
      <c r="Y229" s="600"/>
      <c r="Z229" s="600"/>
      <c r="AA229" s="600"/>
      <c r="AB229" s="600"/>
      <c r="AC229" s="600"/>
      <c r="AD229" s="600"/>
      <c r="AE229" s="600"/>
      <c r="AF229" s="600"/>
      <c r="AG229" s="600"/>
      <c r="AH229" s="600"/>
      <c r="AI229" s="600"/>
      <c r="AJ229" s="600"/>
      <c r="AK229" s="600"/>
      <c r="AL229" s="600"/>
      <c r="AM229" s="600"/>
      <c r="AN229" s="600"/>
      <c r="AO229" s="600"/>
      <c r="AP229" s="600"/>
      <c r="AQ229" s="600"/>
      <c r="AR229" s="600"/>
      <c r="AS229" s="600"/>
      <c r="AT229" s="600"/>
      <c r="AU229" s="600"/>
      <c r="AV229" s="600"/>
      <c r="AW229" s="600"/>
      <c r="AX229" s="600"/>
      <c r="AY229" s="600"/>
      <c r="AZ229" s="600"/>
      <c r="BA229" s="600"/>
      <c r="BB229" s="600"/>
      <c r="BC229" s="600"/>
      <c r="BD229" s="600"/>
      <c r="BE229" s="600"/>
    </row>
    <row r="230" spans="1:259" s="570" customFormat="1" ht="70.2" customHeight="1" x14ac:dyDescent="0.2">
      <c r="A230" s="707" t="s">
        <v>332</v>
      </c>
      <c r="B230" s="708"/>
      <c r="C230" s="708"/>
      <c r="D230" s="708"/>
      <c r="E230" s="708"/>
      <c r="F230" s="708"/>
      <c r="G230" s="708"/>
      <c r="H230" s="708"/>
      <c r="I230" s="709"/>
      <c r="J230" s="572" t="s">
        <v>149</v>
      </c>
      <c r="K230" s="710"/>
      <c r="L230" s="710"/>
      <c r="M230" s="710"/>
      <c r="N230" s="710"/>
      <c r="O230" s="710"/>
      <c r="P230" s="710"/>
      <c r="Q230" s="711"/>
      <c r="R230" s="1028"/>
      <c r="S230" s="561"/>
      <c r="T230" s="595"/>
      <c r="U230" s="596"/>
      <c r="V230" s="600"/>
      <c r="W230" s="600"/>
      <c r="X230" s="600"/>
      <c r="Y230" s="600"/>
      <c r="Z230" s="600"/>
      <c r="AA230" s="600"/>
      <c r="AB230" s="600"/>
      <c r="AC230" s="600"/>
      <c r="AD230" s="600"/>
      <c r="AE230" s="600"/>
      <c r="AF230" s="600"/>
      <c r="AG230" s="600"/>
      <c r="AH230" s="600"/>
      <c r="AI230" s="600"/>
      <c r="AJ230" s="600"/>
      <c r="AK230" s="600"/>
      <c r="AL230" s="600"/>
      <c r="AM230" s="600"/>
      <c r="AN230" s="600"/>
      <c r="AO230" s="600"/>
      <c r="AP230" s="600"/>
      <c r="AQ230" s="600"/>
      <c r="AR230" s="600"/>
      <c r="AS230" s="600"/>
      <c r="AT230" s="600"/>
      <c r="AU230" s="600"/>
      <c r="AV230" s="600"/>
      <c r="AW230" s="600"/>
      <c r="AX230" s="600"/>
      <c r="AY230" s="600"/>
      <c r="AZ230" s="600"/>
      <c r="BA230" s="600"/>
      <c r="BB230" s="600"/>
      <c r="BC230" s="600"/>
      <c r="BD230" s="600"/>
      <c r="BE230" s="600"/>
    </row>
    <row r="231" spans="1:259" s="570" customFormat="1" ht="70.2" customHeight="1" x14ac:dyDescent="0.2">
      <c r="A231" s="715"/>
      <c r="B231" s="716"/>
      <c r="C231" s="716"/>
      <c r="D231" s="716"/>
      <c r="E231" s="716"/>
      <c r="F231" s="716"/>
      <c r="G231" s="716"/>
      <c r="H231" s="716"/>
      <c r="I231" s="717"/>
      <c r="J231" s="843" t="s">
        <v>150</v>
      </c>
      <c r="K231" s="878"/>
      <c r="L231" s="914" t="s">
        <v>151</v>
      </c>
      <c r="M231" s="572"/>
      <c r="N231" s="710"/>
      <c r="O231" s="710"/>
      <c r="P231" s="710"/>
      <c r="Q231" s="711"/>
      <c r="R231" s="1028"/>
      <c r="S231" s="561"/>
      <c r="T231" s="595"/>
      <c r="U231" s="596"/>
      <c r="V231" s="600"/>
      <c r="W231" s="600"/>
      <c r="X231" s="600"/>
      <c r="Y231" s="600"/>
      <c r="Z231" s="600"/>
      <c r="AA231" s="600"/>
      <c r="AB231" s="600"/>
      <c r="AC231" s="600"/>
      <c r="AD231" s="600"/>
      <c r="AE231" s="600"/>
      <c r="AF231" s="600"/>
      <c r="AG231" s="600"/>
      <c r="AH231" s="600"/>
      <c r="AI231" s="600"/>
      <c r="AJ231" s="600"/>
      <c r="AK231" s="600"/>
      <c r="AL231" s="600"/>
      <c r="AM231" s="600"/>
      <c r="AN231" s="600"/>
      <c r="AO231" s="600"/>
      <c r="AP231" s="600"/>
      <c r="AQ231" s="600"/>
      <c r="AR231" s="600"/>
      <c r="AS231" s="600"/>
      <c r="AT231" s="600"/>
      <c r="AU231" s="600"/>
      <c r="AV231" s="600"/>
      <c r="AW231" s="600"/>
      <c r="AX231" s="600"/>
      <c r="AY231" s="600"/>
      <c r="AZ231" s="600"/>
      <c r="BA231" s="600"/>
      <c r="BB231" s="600"/>
      <c r="BC231" s="600"/>
      <c r="BD231" s="600"/>
      <c r="BE231" s="600"/>
    </row>
    <row r="232" spans="1:259" s="570" customFormat="1" ht="70.2" customHeight="1" x14ac:dyDescent="0.2">
      <c r="A232" s="712" t="s">
        <v>333</v>
      </c>
      <c r="B232" s="713"/>
      <c r="C232" s="713"/>
      <c r="D232" s="713"/>
      <c r="E232" s="713"/>
      <c r="F232" s="713"/>
      <c r="G232" s="713"/>
      <c r="H232" s="713"/>
      <c r="I232" s="714"/>
      <c r="J232" s="572" t="s">
        <v>157</v>
      </c>
      <c r="K232" s="710"/>
      <c r="L232" s="710"/>
      <c r="M232" s="710"/>
      <c r="N232" s="710"/>
      <c r="O232" s="710"/>
      <c r="P232" s="710"/>
      <c r="Q232" s="711"/>
      <c r="R232" s="186"/>
      <c r="S232" s="187"/>
      <c r="T232" s="188"/>
      <c r="U232" s="818"/>
      <c r="V232" s="190"/>
      <c r="W232" s="190"/>
      <c r="X232" s="190"/>
      <c r="Y232" s="190"/>
      <c r="Z232" s="190"/>
      <c r="AA232" s="190"/>
      <c r="AB232" s="190"/>
      <c r="AC232" s="190"/>
      <c r="AD232" s="190"/>
      <c r="AE232" s="190"/>
      <c r="AF232" s="190"/>
      <c r="AG232" s="190"/>
      <c r="AH232" s="190"/>
      <c r="AI232" s="190"/>
      <c r="AJ232" s="190"/>
      <c r="AK232" s="190"/>
      <c r="AL232" s="190"/>
      <c r="AM232" s="190"/>
      <c r="AN232" s="190"/>
      <c r="AO232" s="190"/>
      <c r="AP232" s="190"/>
      <c r="AQ232" s="190"/>
      <c r="AR232" s="190"/>
      <c r="AS232" s="190"/>
      <c r="AT232" s="190"/>
      <c r="AU232" s="190"/>
      <c r="AV232" s="190"/>
      <c r="AW232" s="190"/>
      <c r="AX232" s="190"/>
      <c r="AY232" s="190"/>
      <c r="AZ232" s="190"/>
      <c r="BA232" s="190"/>
      <c r="BB232" s="190"/>
      <c r="BC232" s="190"/>
      <c r="BD232" s="190"/>
      <c r="BE232" s="190"/>
      <c r="BF232" s="191"/>
      <c r="BG232" s="191"/>
      <c r="BH232" s="191"/>
      <c r="BI232" s="191"/>
      <c r="BJ232" s="191"/>
      <c r="BK232" s="191"/>
      <c r="BL232" s="191"/>
      <c r="BM232" s="191"/>
      <c r="BN232" s="191"/>
      <c r="BO232" s="191"/>
      <c r="BP232" s="191"/>
      <c r="BQ232" s="191"/>
      <c r="BR232" s="191"/>
      <c r="BS232" s="191"/>
      <c r="BT232" s="191"/>
      <c r="BU232" s="191"/>
      <c r="BV232" s="191"/>
      <c r="BW232" s="191"/>
      <c r="BX232" s="191"/>
      <c r="BY232" s="191"/>
      <c r="BZ232" s="191"/>
      <c r="CA232" s="191"/>
      <c r="CB232" s="191"/>
      <c r="CC232" s="191"/>
      <c r="CD232" s="191"/>
      <c r="CE232" s="191"/>
      <c r="CF232" s="191"/>
      <c r="CG232" s="191"/>
      <c r="CH232" s="191"/>
      <c r="CI232" s="191"/>
      <c r="CJ232" s="191"/>
      <c r="CK232" s="191"/>
      <c r="CL232" s="191"/>
      <c r="CM232" s="191"/>
      <c r="CN232" s="191"/>
      <c r="CO232" s="191"/>
      <c r="CP232" s="191"/>
      <c r="CQ232" s="191"/>
      <c r="CR232" s="191"/>
      <c r="CS232" s="191"/>
      <c r="CT232" s="191"/>
      <c r="CU232" s="191"/>
      <c r="CV232" s="191"/>
      <c r="CW232" s="191"/>
      <c r="CX232" s="191"/>
      <c r="CY232" s="191"/>
      <c r="CZ232" s="191"/>
      <c r="DA232" s="191"/>
      <c r="DB232" s="191"/>
      <c r="DC232" s="191"/>
      <c r="DD232" s="191"/>
      <c r="DE232" s="191"/>
      <c r="DF232" s="191"/>
      <c r="DG232" s="191"/>
      <c r="DH232" s="191"/>
      <c r="DI232" s="191"/>
      <c r="DJ232" s="191"/>
      <c r="DK232" s="191"/>
      <c r="DL232" s="191"/>
      <c r="DM232" s="191"/>
      <c r="DN232" s="191"/>
      <c r="DO232" s="191"/>
      <c r="DP232" s="191"/>
      <c r="DQ232" s="191"/>
      <c r="DR232" s="191"/>
      <c r="DS232" s="191"/>
      <c r="DT232" s="191"/>
      <c r="DU232" s="191"/>
      <c r="DV232" s="191"/>
      <c r="DW232" s="191"/>
      <c r="DX232" s="191"/>
      <c r="DY232" s="191"/>
      <c r="DZ232" s="191"/>
      <c r="EA232" s="191"/>
      <c r="EB232" s="191"/>
      <c r="EC232" s="191"/>
      <c r="ED232" s="191"/>
      <c r="EE232" s="191"/>
      <c r="EF232" s="191"/>
      <c r="EG232" s="191"/>
      <c r="EH232" s="191"/>
      <c r="EI232" s="191"/>
      <c r="EJ232" s="191"/>
      <c r="EK232" s="191"/>
      <c r="EL232" s="191"/>
      <c r="EM232" s="191"/>
      <c r="EN232" s="191"/>
      <c r="EO232" s="191"/>
      <c r="EP232" s="191"/>
      <c r="EQ232" s="191"/>
      <c r="ER232" s="191"/>
      <c r="ES232" s="191"/>
      <c r="ET232" s="191"/>
      <c r="EU232" s="191"/>
      <c r="EV232" s="191"/>
      <c r="EW232" s="191"/>
      <c r="EX232" s="191"/>
      <c r="EY232" s="191"/>
      <c r="EZ232" s="191"/>
      <c r="FA232" s="191"/>
      <c r="FB232" s="191"/>
      <c r="FC232" s="191"/>
      <c r="FD232" s="191"/>
      <c r="FE232" s="191"/>
      <c r="FF232" s="191"/>
      <c r="FG232" s="191"/>
      <c r="FH232" s="191"/>
      <c r="FI232" s="191"/>
      <c r="FJ232" s="191"/>
      <c r="FK232" s="191"/>
      <c r="FL232" s="191"/>
      <c r="FM232" s="191"/>
      <c r="FN232" s="191"/>
      <c r="FO232" s="191"/>
      <c r="FP232" s="191"/>
      <c r="FQ232" s="191"/>
      <c r="FR232" s="191"/>
      <c r="FS232" s="191"/>
      <c r="FT232" s="191"/>
      <c r="FU232" s="191"/>
      <c r="FV232" s="191"/>
      <c r="FW232" s="191"/>
      <c r="FX232" s="191"/>
      <c r="FY232" s="191"/>
      <c r="FZ232" s="191"/>
      <c r="GA232" s="191"/>
      <c r="GB232" s="191"/>
      <c r="GC232" s="191"/>
      <c r="GD232" s="191"/>
      <c r="GE232" s="191"/>
      <c r="GF232" s="191"/>
      <c r="GG232" s="191"/>
      <c r="GH232" s="191"/>
      <c r="GI232" s="191"/>
      <c r="GJ232" s="191"/>
      <c r="GK232" s="191"/>
      <c r="GL232" s="191"/>
      <c r="GM232" s="191"/>
      <c r="GN232" s="191"/>
      <c r="GO232" s="191"/>
      <c r="GP232" s="191"/>
      <c r="GQ232" s="191"/>
      <c r="GR232" s="191"/>
      <c r="GS232" s="191"/>
      <c r="GT232" s="191"/>
      <c r="GU232" s="191"/>
      <c r="GV232" s="191"/>
      <c r="GW232" s="191"/>
      <c r="GX232" s="191"/>
      <c r="GY232" s="191"/>
      <c r="GZ232" s="191"/>
      <c r="HA232" s="191"/>
      <c r="HB232" s="191"/>
      <c r="HC232" s="191"/>
      <c r="HD232" s="191"/>
      <c r="HE232" s="191"/>
      <c r="HF232" s="191"/>
      <c r="HG232" s="191"/>
      <c r="HH232" s="191"/>
      <c r="HI232" s="191"/>
      <c r="HJ232" s="191"/>
      <c r="HK232" s="191"/>
      <c r="HL232" s="191"/>
      <c r="HM232" s="191"/>
      <c r="HN232" s="191"/>
      <c r="HO232" s="191"/>
      <c r="HP232" s="191"/>
      <c r="HQ232" s="191"/>
      <c r="HR232" s="191"/>
      <c r="HS232" s="191"/>
      <c r="HT232" s="191"/>
      <c r="HU232" s="191"/>
      <c r="HV232" s="191"/>
      <c r="HW232" s="191"/>
      <c r="HX232" s="191"/>
      <c r="HY232" s="191"/>
      <c r="HZ232" s="191"/>
      <c r="IA232" s="191"/>
      <c r="IB232" s="191"/>
      <c r="IC232" s="191"/>
      <c r="ID232" s="191"/>
      <c r="IE232" s="191"/>
      <c r="IF232" s="191"/>
      <c r="IG232" s="191"/>
      <c r="IH232" s="191"/>
      <c r="II232" s="191"/>
      <c r="IJ232" s="191"/>
      <c r="IK232" s="191"/>
      <c r="IL232" s="191"/>
      <c r="IM232" s="191"/>
      <c r="IN232" s="191"/>
      <c r="IO232" s="191"/>
      <c r="IP232" s="191"/>
      <c r="IQ232" s="191"/>
      <c r="IR232" s="191"/>
      <c r="IS232" s="191"/>
      <c r="IT232" s="191"/>
      <c r="IU232" s="191"/>
      <c r="IV232" s="191"/>
      <c r="IW232" s="191"/>
      <c r="IX232" s="191"/>
      <c r="IY232" s="191"/>
    </row>
    <row r="233" spans="1:259" s="570" customFormat="1" ht="70.2" customHeight="1" x14ac:dyDescent="0.2">
      <c r="A233" s="715"/>
      <c r="B233" s="716"/>
      <c r="C233" s="716"/>
      <c r="D233" s="716"/>
      <c r="E233" s="716"/>
      <c r="F233" s="716"/>
      <c r="G233" s="716"/>
      <c r="H233" s="716"/>
      <c r="I233" s="717"/>
      <c r="J233" s="843" t="s">
        <v>158</v>
      </c>
      <c r="K233" s="878"/>
      <c r="L233" s="914" t="s">
        <v>151</v>
      </c>
      <c r="M233" s="572"/>
      <c r="N233" s="710"/>
      <c r="O233" s="710"/>
      <c r="P233" s="710"/>
      <c r="Q233" s="711"/>
      <c r="R233" s="186"/>
      <c r="S233" s="187"/>
      <c r="T233" s="188"/>
      <c r="U233" s="818"/>
      <c r="V233" s="190"/>
      <c r="W233" s="190"/>
      <c r="X233" s="190"/>
      <c r="Y233" s="190"/>
      <c r="Z233" s="190"/>
      <c r="AA233" s="190"/>
      <c r="AB233" s="190"/>
      <c r="AC233" s="190"/>
      <c r="AD233" s="190"/>
      <c r="AE233" s="190"/>
      <c r="AF233" s="190"/>
      <c r="AG233" s="190"/>
      <c r="AH233" s="190"/>
      <c r="AI233" s="190"/>
      <c r="AJ233" s="190"/>
      <c r="AK233" s="190"/>
      <c r="AL233" s="190"/>
      <c r="AM233" s="190"/>
      <c r="AN233" s="190"/>
      <c r="AO233" s="190"/>
      <c r="AP233" s="190"/>
      <c r="AQ233" s="190"/>
      <c r="AR233" s="190"/>
      <c r="AS233" s="190"/>
      <c r="AT233" s="190"/>
      <c r="AU233" s="190"/>
      <c r="AV233" s="190"/>
      <c r="AW233" s="190"/>
      <c r="AX233" s="190"/>
      <c r="AY233" s="190"/>
      <c r="AZ233" s="190"/>
      <c r="BA233" s="190"/>
      <c r="BB233" s="190"/>
      <c r="BC233" s="190"/>
      <c r="BD233" s="190"/>
      <c r="BE233" s="190"/>
      <c r="BF233" s="191"/>
      <c r="BG233" s="191"/>
      <c r="BH233" s="191"/>
      <c r="BI233" s="191"/>
      <c r="BJ233" s="191"/>
      <c r="BK233" s="191"/>
      <c r="BL233" s="191"/>
      <c r="BM233" s="191"/>
      <c r="BN233" s="191"/>
      <c r="BO233" s="191"/>
      <c r="BP233" s="191"/>
      <c r="BQ233" s="191"/>
      <c r="BR233" s="191"/>
      <c r="BS233" s="191"/>
      <c r="BT233" s="191"/>
      <c r="BU233" s="191"/>
      <c r="BV233" s="191"/>
      <c r="BW233" s="191"/>
      <c r="BX233" s="191"/>
      <c r="BY233" s="191"/>
      <c r="BZ233" s="191"/>
      <c r="CA233" s="191"/>
      <c r="CB233" s="191"/>
      <c r="CC233" s="191"/>
      <c r="CD233" s="191"/>
      <c r="CE233" s="191"/>
      <c r="CF233" s="191"/>
      <c r="CG233" s="191"/>
      <c r="CH233" s="191"/>
      <c r="CI233" s="191"/>
      <c r="CJ233" s="191"/>
      <c r="CK233" s="191"/>
      <c r="CL233" s="191"/>
      <c r="CM233" s="191"/>
      <c r="CN233" s="191"/>
      <c r="CO233" s="191"/>
      <c r="CP233" s="191"/>
      <c r="CQ233" s="191"/>
      <c r="CR233" s="191"/>
      <c r="CS233" s="191"/>
      <c r="CT233" s="191"/>
      <c r="CU233" s="191"/>
      <c r="CV233" s="191"/>
      <c r="CW233" s="191"/>
      <c r="CX233" s="191"/>
      <c r="CY233" s="191"/>
      <c r="CZ233" s="191"/>
      <c r="DA233" s="191"/>
      <c r="DB233" s="191"/>
      <c r="DC233" s="191"/>
      <c r="DD233" s="191"/>
      <c r="DE233" s="191"/>
      <c r="DF233" s="191"/>
      <c r="DG233" s="191"/>
      <c r="DH233" s="191"/>
      <c r="DI233" s="191"/>
      <c r="DJ233" s="191"/>
      <c r="DK233" s="191"/>
      <c r="DL233" s="191"/>
      <c r="DM233" s="191"/>
      <c r="DN233" s="191"/>
      <c r="DO233" s="191"/>
      <c r="DP233" s="191"/>
      <c r="DQ233" s="191"/>
      <c r="DR233" s="191"/>
      <c r="DS233" s="191"/>
      <c r="DT233" s="191"/>
      <c r="DU233" s="191"/>
      <c r="DV233" s="191"/>
      <c r="DW233" s="191"/>
      <c r="DX233" s="191"/>
      <c r="DY233" s="191"/>
      <c r="DZ233" s="191"/>
      <c r="EA233" s="191"/>
      <c r="EB233" s="191"/>
      <c r="EC233" s="191"/>
      <c r="ED233" s="191"/>
      <c r="EE233" s="191"/>
      <c r="EF233" s="191"/>
      <c r="EG233" s="191"/>
      <c r="EH233" s="191"/>
      <c r="EI233" s="191"/>
      <c r="EJ233" s="191"/>
      <c r="EK233" s="191"/>
      <c r="EL233" s="191"/>
      <c r="EM233" s="191"/>
      <c r="EN233" s="191"/>
      <c r="EO233" s="191"/>
      <c r="EP233" s="191"/>
      <c r="EQ233" s="191"/>
      <c r="ER233" s="191"/>
      <c r="ES233" s="191"/>
      <c r="ET233" s="191"/>
      <c r="EU233" s="191"/>
      <c r="EV233" s="191"/>
      <c r="EW233" s="191"/>
      <c r="EX233" s="191"/>
      <c r="EY233" s="191"/>
      <c r="EZ233" s="191"/>
      <c r="FA233" s="191"/>
      <c r="FB233" s="191"/>
      <c r="FC233" s="191"/>
      <c r="FD233" s="191"/>
      <c r="FE233" s="191"/>
      <c r="FF233" s="191"/>
      <c r="FG233" s="191"/>
      <c r="FH233" s="191"/>
      <c r="FI233" s="191"/>
      <c r="FJ233" s="191"/>
      <c r="FK233" s="191"/>
      <c r="FL233" s="191"/>
      <c r="FM233" s="191"/>
      <c r="FN233" s="191"/>
      <c r="FO233" s="191"/>
      <c r="FP233" s="191"/>
      <c r="FQ233" s="191"/>
      <c r="FR233" s="191"/>
      <c r="FS233" s="191"/>
      <c r="FT233" s="191"/>
      <c r="FU233" s="191"/>
      <c r="FV233" s="191"/>
      <c r="FW233" s="191"/>
      <c r="FX233" s="191"/>
      <c r="FY233" s="191"/>
      <c r="FZ233" s="191"/>
      <c r="GA233" s="191"/>
      <c r="GB233" s="191"/>
      <c r="GC233" s="191"/>
      <c r="GD233" s="191"/>
      <c r="GE233" s="191"/>
      <c r="GF233" s="191"/>
      <c r="GG233" s="191"/>
      <c r="GH233" s="191"/>
      <c r="GI233" s="191"/>
      <c r="GJ233" s="191"/>
      <c r="GK233" s="191"/>
      <c r="GL233" s="191"/>
      <c r="GM233" s="191"/>
      <c r="GN233" s="191"/>
      <c r="GO233" s="191"/>
      <c r="GP233" s="191"/>
      <c r="GQ233" s="191"/>
      <c r="GR233" s="191"/>
      <c r="GS233" s="191"/>
      <c r="GT233" s="191"/>
      <c r="GU233" s="191"/>
      <c r="GV233" s="191"/>
      <c r="GW233" s="191"/>
      <c r="GX233" s="191"/>
      <c r="GY233" s="191"/>
      <c r="GZ233" s="191"/>
      <c r="HA233" s="191"/>
      <c r="HB233" s="191"/>
      <c r="HC233" s="191"/>
      <c r="HD233" s="191"/>
      <c r="HE233" s="191"/>
      <c r="HF233" s="191"/>
      <c r="HG233" s="191"/>
      <c r="HH233" s="191"/>
      <c r="HI233" s="191"/>
      <c r="HJ233" s="191"/>
      <c r="HK233" s="191"/>
      <c r="HL233" s="191"/>
      <c r="HM233" s="191"/>
      <c r="HN233" s="191"/>
      <c r="HO233" s="191"/>
      <c r="HP233" s="191"/>
      <c r="HQ233" s="191"/>
      <c r="HR233" s="191"/>
      <c r="HS233" s="191"/>
      <c r="HT233" s="191"/>
      <c r="HU233" s="191"/>
      <c r="HV233" s="191"/>
      <c r="HW233" s="191"/>
      <c r="HX233" s="191"/>
      <c r="HY233" s="191"/>
      <c r="HZ233" s="191"/>
      <c r="IA233" s="191"/>
      <c r="IB233" s="191"/>
      <c r="IC233" s="191"/>
      <c r="ID233" s="191"/>
      <c r="IE233" s="191"/>
      <c r="IF233" s="191"/>
      <c r="IG233" s="191"/>
      <c r="IH233" s="191"/>
      <c r="II233" s="191"/>
      <c r="IJ233" s="191"/>
      <c r="IK233" s="191"/>
      <c r="IL233" s="191"/>
      <c r="IM233" s="191"/>
      <c r="IN233" s="191"/>
      <c r="IO233" s="191"/>
      <c r="IP233" s="191"/>
      <c r="IQ233" s="191"/>
      <c r="IR233" s="191"/>
      <c r="IS233" s="191"/>
      <c r="IT233" s="191"/>
      <c r="IU233" s="191"/>
      <c r="IV233" s="191"/>
      <c r="IW233" s="191"/>
      <c r="IX233" s="191"/>
      <c r="IY233" s="191"/>
    </row>
    <row r="234" spans="1:259" s="570" customFormat="1" ht="70.2" customHeight="1" x14ac:dyDescent="0.2">
      <c r="A234" s="707" t="s">
        <v>154</v>
      </c>
      <c r="B234" s="708"/>
      <c r="C234" s="708"/>
      <c r="D234" s="708"/>
      <c r="E234" s="708"/>
      <c r="F234" s="708"/>
      <c r="G234" s="708"/>
      <c r="H234" s="708"/>
      <c r="I234" s="709"/>
      <c r="J234" s="915" t="s">
        <v>155</v>
      </c>
      <c r="K234" s="572" t="s">
        <v>156</v>
      </c>
      <c r="L234" s="710"/>
      <c r="M234" s="710"/>
      <c r="N234" s="710"/>
      <c r="O234" s="710"/>
      <c r="P234" s="710"/>
      <c r="Q234" s="711"/>
      <c r="R234" s="186"/>
      <c r="S234" s="187"/>
      <c r="T234" s="188"/>
      <c r="U234" s="818"/>
      <c r="V234" s="190"/>
      <c r="W234" s="190"/>
      <c r="X234" s="190"/>
      <c r="Y234" s="190"/>
      <c r="Z234" s="190"/>
      <c r="AA234" s="190"/>
      <c r="AB234" s="190"/>
      <c r="AC234" s="190"/>
      <c r="AD234" s="190"/>
      <c r="AE234" s="190"/>
      <c r="AF234" s="190"/>
      <c r="AG234" s="190"/>
      <c r="AH234" s="190"/>
      <c r="AI234" s="190"/>
      <c r="AJ234" s="190"/>
      <c r="AK234" s="190"/>
      <c r="AL234" s="190"/>
      <c r="AM234" s="190"/>
      <c r="AN234" s="190"/>
      <c r="AO234" s="190"/>
      <c r="AP234" s="190"/>
      <c r="AQ234" s="190"/>
      <c r="AR234" s="190"/>
      <c r="AS234" s="190"/>
      <c r="AT234" s="190"/>
      <c r="AU234" s="190"/>
      <c r="AV234" s="190"/>
      <c r="AW234" s="190"/>
      <c r="AX234" s="190"/>
      <c r="AY234" s="190"/>
      <c r="AZ234" s="190"/>
      <c r="BA234" s="190"/>
      <c r="BB234" s="190"/>
      <c r="BC234" s="190"/>
      <c r="BD234" s="190"/>
      <c r="BE234" s="190"/>
      <c r="BF234" s="191"/>
      <c r="BG234" s="191"/>
      <c r="BH234" s="191"/>
      <c r="BI234" s="191"/>
      <c r="BJ234" s="191"/>
      <c r="BK234" s="191"/>
      <c r="BL234" s="191"/>
      <c r="BM234" s="191"/>
      <c r="BN234" s="191"/>
      <c r="BO234" s="191"/>
      <c r="BP234" s="191"/>
      <c r="BQ234" s="191"/>
      <c r="BR234" s="191"/>
      <c r="BS234" s="191"/>
      <c r="BT234" s="191"/>
      <c r="BU234" s="191"/>
      <c r="BV234" s="191"/>
      <c r="BW234" s="191"/>
      <c r="BX234" s="191"/>
      <c r="BY234" s="191"/>
      <c r="BZ234" s="191"/>
      <c r="CA234" s="191"/>
      <c r="CB234" s="191"/>
      <c r="CC234" s="191"/>
      <c r="CD234" s="191"/>
      <c r="CE234" s="191"/>
      <c r="CF234" s="191"/>
      <c r="CG234" s="191"/>
      <c r="CH234" s="191"/>
      <c r="CI234" s="191"/>
      <c r="CJ234" s="191"/>
      <c r="CK234" s="191"/>
      <c r="CL234" s="191"/>
      <c r="CM234" s="191"/>
      <c r="CN234" s="191"/>
      <c r="CO234" s="191"/>
      <c r="CP234" s="191"/>
      <c r="CQ234" s="191"/>
      <c r="CR234" s="191"/>
      <c r="CS234" s="191"/>
      <c r="CT234" s="191"/>
      <c r="CU234" s="191"/>
      <c r="CV234" s="191"/>
      <c r="CW234" s="191"/>
      <c r="CX234" s="191"/>
      <c r="CY234" s="191"/>
      <c r="CZ234" s="191"/>
      <c r="DA234" s="191"/>
      <c r="DB234" s="191"/>
      <c r="DC234" s="191"/>
      <c r="DD234" s="191"/>
      <c r="DE234" s="191"/>
      <c r="DF234" s="191"/>
      <c r="DG234" s="191"/>
      <c r="DH234" s="191"/>
      <c r="DI234" s="191"/>
      <c r="DJ234" s="191"/>
      <c r="DK234" s="191"/>
      <c r="DL234" s="191"/>
      <c r="DM234" s="191"/>
      <c r="DN234" s="191"/>
      <c r="DO234" s="191"/>
      <c r="DP234" s="191"/>
      <c r="DQ234" s="191"/>
      <c r="DR234" s="191"/>
      <c r="DS234" s="191"/>
      <c r="DT234" s="191"/>
      <c r="DU234" s="191"/>
      <c r="DV234" s="191"/>
      <c r="DW234" s="191"/>
      <c r="DX234" s="191"/>
      <c r="DY234" s="191"/>
      <c r="DZ234" s="191"/>
      <c r="EA234" s="191"/>
      <c r="EB234" s="191"/>
      <c r="EC234" s="191"/>
      <c r="ED234" s="191"/>
      <c r="EE234" s="191"/>
      <c r="EF234" s="191"/>
      <c r="EG234" s="191"/>
      <c r="EH234" s="191"/>
      <c r="EI234" s="191"/>
      <c r="EJ234" s="191"/>
      <c r="EK234" s="191"/>
      <c r="EL234" s="191"/>
      <c r="EM234" s="191"/>
      <c r="EN234" s="191"/>
      <c r="EO234" s="191"/>
      <c r="EP234" s="191"/>
      <c r="EQ234" s="191"/>
      <c r="ER234" s="191"/>
      <c r="ES234" s="191"/>
      <c r="ET234" s="191"/>
      <c r="EU234" s="191"/>
      <c r="EV234" s="191"/>
      <c r="EW234" s="191"/>
      <c r="EX234" s="191"/>
      <c r="EY234" s="191"/>
      <c r="EZ234" s="191"/>
      <c r="FA234" s="191"/>
      <c r="FB234" s="191"/>
      <c r="FC234" s="191"/>
      <c r="FD234" s="191"/>
      <c r="FE234" s="191"/>
      <c r="FF234" s="191"/>
      <c r="FG234" s="191"/>
      <c r="FH234" s="191"/>
      <c r="FI234" s="191"/>
      <c r="FJ234" s="191"/>
      <c r="FK234" s="191"/>
      <c r="FL234" s="191"/>
      <c r="FM234" s="191"/>
      <c r="FN234" s="191"/>
      <c r="FO234" s="191"/>
      <c r="FP234" s="191"/>
      <c r="FQ234" s="191"/>
      <c r="FR234" s="191"/>
      <c r="FS234" s="191"/>
      <c r="FT234" s="191"/>
      <c r="FU234" s="191"/>
      <c r="FV234" s="191"/>
      <c r="FW234" s="191"/>
      <c r="FX234" s="191"/>
      <c r="FY234" s="191"/>
      <c r="FZ234" s="191"/>
      <c r="GA234" s="191"/>
      <c r="GB234" s="191"/>
      <c r="GC234" s="191"/>
      <c r="GD234" s="191"/>
      <c r="GE234" s="191"/>
      <c r="GF234" s="191"/>
      <c r="GG234" s="191"/>
      <c r="GH234" s="191"/>
      <c r="GI234" s="191"/>
      <c r="GJ234" s="191"/>
      <c r="GK234" s="191"/>
      <c r="GL234" s="191"/>
      <c r="GM234" s="191"/>
      <c r="GN234" s="191"/>
      <c r="GO234" s="191"/>
      <c r="GP234" s="191"/>
      <c r="GQ234" s="191"/>
      <c r="GR234" s="191"/>
      <c r="GS234" s="191"/>
      <c r="GT234" s="191"/>
      <c r="GU234" s="191"/>
      <c r="GV234" s="191"/>
      <c r="GW234" s="191"/>
      <c r="GX234" s="191"/>
      <c r="GY234" s="191"/>
      <c r="GZ234" s="191"/>
      <c r="HA234" s="191"/>
      <c r="HB234" s="191"/>
      <c r="HC234" s="191"/>
      <c r="HD234" s="191"/>
      <c r="HE234" s="191"/>
      <c r="HF234" s="191"/>
      <c r="HG234" s="191"/>
      <c r="HH234" s="191"/>
      <c r="HI234" s="191"/>
      <c r="HJ234" s="191"/>
      <c r="HK234" s="191"/>
      <c r="HL234" s="191"/>
      <c r="HM234" s="191"/>
      <c r="HN234" s="191"/>
      <c r="HO234" s="191"/>
      <c r="HP234" s="191"/>
      <c r="HQ234" s="191"/>
      <c r="HR234" s="191"/>
      <c r="HS234" s="191"/>
      <c r="HT234" s="191"/>
      <c r="HU234" s="191"/>
      <c r="HV234" s="191"/>
      <c r="HW234" s="191"/>
      <c r="HX234" s="191"/>
      <c r="HY234" s="191"/>
      <c r="HZ234" s="191"/>
      <c r="IA234" s="191"/>
      <c r="IB234" s="191"/>
      <c r="IC234" s="191"/>
      <c r="ID234" s="191"/>
      <c r="IE234" s="191"/>
      <c r="IF234" s="191"/>
      <c r="IG234" s="191"/>
      <c r="IH234" s="191"/>
      <c r="II234" s="191"/>
      <c r="IJ234" s="191"/>
      <c r="IK234" s="191"/>
      <c r="IL234" s="191"/>
      <c r="IM234" s="191"/>
      <c r="IN234" s="191"/>
      <c r="IO234" s="191"/>
      <c r="IP234" s="191"/>
      <c r="IQ234" s="191"/>
      <c r="IR234" s="191"/>
      <c r="IS234" s="191"/>
      <c r="IT234" s="191"/>
      <c r="IU234" s="191"/>
      <c r="IV234" s="191"/>
      <c r="IW234" s="191"/>
      <c r="IX234" s="191"/>
      <c r="IY234" s="191"/>
    </row>
    <row r="235" spans="1:259" s="570" customFormat="1" ht="70.2" customHeight="1" x14ac:dyDescent="0.2">
      <c r="A235" s="712"/>
      <c r="B235" s="713"/>
      <c r="C235" s="713"/>
      <c r="D235" s="713"/>
      <c r="E235" s="713"/>
      <c r="F235" s="713"/>
      <c r="G235" s="713"/>
      <c r="H235" s="713"/>
      <c r="I235" s="714"/>
      <c r="J235" s="572" t="s">
        <v>157</v>
      </c>
      <c r="K235" s="710"/>
      <c r="L235" s="710"/>
      <c r="M235" s="710"/>
      <c r="N235" s="710"/>
      <c r="O235" s="710"/>
      <c r="P235" s="710"/>
      <c r="Q235" s="711"/>
      <c r="R235" s="186"/>
      <c r="S235" s="187"/>
      <c r="T235" s="188"/>
      <c r="U235" s="818"/>
      <c r="V235" s="190"/>
      <c r="W235" s="190"/>
      <c r="X235" s="190"/>
      <c r="Y235" s="190"/>
      <c r="Z235" s="190"/>
      <c r="AA235" s="190"/>
      <c r="AB235" s="190"/>
      <c r="AC235" s="190"/>
      <c r="AD235" s="190"/>
      <c r="AE235" s="190"/>
      <c r="AF235" s="190"/>
      <c r="AG235" s="190"/>
      <c r="AH235" s="190"/>
      <c r="AI235" s="190"/>
      <c r="AJ235" s="190"/>
      <c r="AK235" s="190"/>
      <c r="AL235" s="190"/>
      <c r="AM235" s="190"/>
      <c r="AN235" s="190"/>
      <c r="AO235" s="190"/>
      <c r="AP235" s="190"/>
      <c r="AQ235" s="190"/>
      <c r="AR235" s="190"/>
      <c r="AS235" s="190"/>
      <c r="AT235" s="190"/>
      <c r="AU235" s="190"/>
      <c r="AV235" s="190"/>
      <c r="AW235" s="190"/>
      <c r="AX235" s="190"/>
      <c r="AY235" s="190"/>
      <c r="AZ235" s="190"/>
      <c r="BA235" s="190"/>
      <c r="BB235" s="190"/>
      <c r="BC235" s="190"/>
      <c r="BD235" s="190"/>
      <c r="BE235" s="190"/>
      <c r="BF235" s="191"/>
      <c r="BG235" s="191"/>
      <c r="BH235" s="191"/>
      <c r="BI235" s="191"/>
      <c r="BJ235" s="191"/>
      <c r="BK235" s="191"/>
      <c r="BL235" s="191"/>
      <c r="BM235" s="191"/>
      <c r="BN235" s="191"/>
      <c r="BO235" s="191"/>
      <c r="BP235" s="191"/>
      <c r="BQ235" s="191"/>
      <c r="BR235" s="191"/>
      <c r="BS235" s="191"/>
      <c r="BT235" s="191"/>
      <c r="BU235" s="191"/>
      <c r="BV235" s="191"/>
      <c r="BW235" s="191"/>
      <c r="BX235" s="191"/>
      <c r="BY235" s="191"/>
      <c r="BZ235" s="191"/>
      <c r="CA235" s="191"/>
      <c r="CB235" s="191"/>
      <c r="CC235" s="191"/>
      <c r="CD235" s="191"/>
      <c r="CE235" s="191"/>
      <c r="CF235" s="191"/>
      <c r="CG235" s="191"/>
      <c r="CH235" s="191"/>
      <c r="CI235" s="191"/>
      <c r="CJ235" s="191"/>
      <c r="CK235" s="191"/>
      <c r="CL235" s="191"/>
      <c r="CM235" s="191"/>
      <c r="CN235" s="191"/>
      <c r="CO235" s="191"/>
      <c r="CP235" s="191"/>
      <c r="CQ235" s="191"/>
      <c r="CR235" s="191"/>
      <c r="CS235" s="191"/>
      <c r="CT235" s="191"/>
      <c r="CU235" s="191"/>
      <c r="CV235" s="191"/>
      <c r="CW235" s="191"/>
      <c r="CX235" s="191"/>
      <c r="CY235" s="191"/>
      <c r="CZ235" s="191"/>
      <c r="DA235" s="191"/>
      <c r="DB235" s="191"/>
      <c r="DC235" s="191"/>
      <c r="DD235" s="191"/>
      <c r="DE235" s="191"/>
      <c r="DF235" s="191"/>
      <c r="DG235" s="191"/>
      <c r="DH235" s="191"/>
      <c r="DI235" s="191"/>
      <c r="DJ235" s="191"/>
      <c r="DK235" s="191"/>
      <c r="DL235" s="191"/>
      <c r="DM235" s="191"/>
      <c r="DN235" s="191"/>
      <c r="DO235" s="191"/>
      <c r="DP235" s="191"/>
      <c r="DQ235" s="191"/>
      <c r="DR235" s="191"/>
      <c r="DS235" s="191"/>
      <c r="DT235" s="191"/>
      <c r="DU235" s="191"/>
      <c r="DV235" s="191"/>
      <c r="DW235" s="191"/>
      <c r="DX235" s="191"/>
      <c r="DY235" s="191"/>
      <c r="DZ235" s="191"/>
      <c r="EA235" s="191"/>
      <c r="EB235" s="191"/>
      <c r="EC235" s="191"/>
      <c r="ED235" s="191"/>
      <c r="EE235" s="191"/>
      <c r="EF235" s="191"/>
      <c r="EG235" s="191"/>
      <c r="EH235" s="191"/>
      <c r="EI235" s="191"/>
      <c r="EJ235" s="191"/>
      <c r="EK235" s="191"/>
      <c r="EL235" s="191"/>
      <c r="EM235" s="191"/>
      <c r="EN235" s="191"/>
      <c r="EO235" s="191"/>
      <c r="EP235" s="191"/>
      <c r="EQ235" s="191"/>
      <c r="ER235" s="191"/>
      <c r="ES235" s="191"/>
      <c r="ET235" s="191"/>
      <c r="EU235" s="191"/>
      <c r="EV235" s="191"/>
      <c r="EW235" s="191"/>
      <c r="EX235" s="191"/>
      <c r="EY235" s="191"/>
      <c r="EZ235" s="191"/>
      <c r="FA235" s="191"/>
      <c r="FB235" s="191"/>
      <c r="FC235" s="191"/>
      <c r="FD235" s="191"/>
      <c r="FE235" s="191"/>
      <c r="FF235" s="191"/>
      <c r="FG235" s="191"/>
      <c r="FH235" s="191"/>
      <c r="FI235" s="191"/>
      <c r="FJ235" s="191"/>
      <c r="FK235" s="191"/>
      <c r="FL235" s="191"/>
      <c r="FM235" s="191"/>
      <c r="FN235" s="191"/>
      <c r="FO235" s="191"/>
      <c r="FP235" s="191"/>
      <c r="FQ235" s="191"/>
      <c r="FR235" s="191"/>
      <c r="FS235" s="191"/>
      <c r="FT235" s="191"/>
      <c r="FU235" s="191"/>
      <c r="FV235" s="191"/>
      <c r="FW235" s="191"/>
      <c r="FX235" s="191"/>
      <c r="FY235" s="191"/>
      <c r="FZ235" s="191"/>
      <c r="GA235" s="191"/>
      <c r="GB235" s="191"/>
      <c r="GC235" s="191"/>
      <c r="GD235" s="191"/>
      <c r="GE235" s="191"/>
      <c r="GF235" s="191"/>
      <c r="GG235" s="191"/>
      <c r="GH235" s="191"/>
      <c r="GI235" s="191"/>
      <c r="GJ235" s="191"/>
      <c r="GK235" s="191"/>
      <c r="GL235" s="191"/>
      <c r="GM235" s="191"/>
      <c r="GN235" s="191"/>
      <c r="GO235" s="191"/>
      <c r="GP235" s="191"/>
      <c r="GQ235" s="191"/>
      <c r="GR235" s="191"/>
      <c r="GS235" s="191"/>
      <c r="GT235" s="191"/>
      <c r="GU235" s="191"/>
      <c r="GV235" s="191"/>
      <c r="GW235" s="191"/>
      <c r="GX235" s="191"/>
      <c r="GY235" s="191"/>
      <c r="GZ235" s="191"/>
      <c r="HA235" s="191"/>
      <c r="HB235" s="191"/>
      <c r="HC235" s="191"/>
      <c r="HD235" s="191"/>
      <c r="HE235" s="191"/>
      <c r="HF235" s="191"/>
      <c r="HG235" s="191"/>
      <c r="HH235" s="191"/>
      <c r="HI235" s="191"/>
      <c r="HJ235" s="191"/>
      <c r="HK235" s="191"/>
      <c r="HL235" s="191"/>
      <c r="HM235" s="191"/>
      <c r="HN235" s="191"/>
      <c r="HO235" s="191"/>
      <c r="HP235" s="191"/>
      <c r="HQ235" s="191"/>
      <c r="HR235" s="191"/>
      <c r="HS235" s="191"/>
      <c r="HT235" s="191"/>
      <c r="HU235" s="191"/>
      <c r="HV235" s="191"/>
      <c r="HW235" s="191"/>
      <c r="HX235" s="191"/>
      <c r="HY235" s="191"/>
      <c r="HZ235" s="191"/>
      <c r="IA235" s="191"/>
      <c r="IB235" s="191"/>
      <c r="IC235" s="191"/>
      <c r="ID235" s="191"/>
      <c r="IE235" s="191"/>
      <c r="IF235" s="191"/>
      <c r="IG235" s="191"/>
      <c r="IH235" s="191"/>
      <c r="II235" s="191"/>
      <c r="IJ235" s="191"/>
      <c r="IK235" s="191"/>
      <c r="IL235" s="191"/>
      <c r="IM235" s="191"/>
      <c r="IN235" s="191"/>
      <c r="IO235" s="191"/>
      <c r="IP235" s="191"/>
      <c r="IQ235" s="191"/>
      <c r="IR235" s="191"/>
      <c r="IS235" s="191"/>
      <c r="IT235" s="191"/>
      <c r="IU235" s="191"/>
      <c r="IV235" s="191"/>
      <c r="IW235" s="191"/>
      <c r="IX235" s="191"/>
      <c r="IY235" s="191"/>
    </row>
    <row r="236" spans="1:259" s="570" customFormat="1" ht="70.2" customHeight="1" x14ac:dyDescent="0.2">
      <c r="A236" s="715"/>
      <c r="B236" s="716"/>
      <c r="C236" s="716"/>
      <c r="D236" s="716"/>
      <c r="E236" s="716"/>
      <c r="F236" s="716"/>
      <c r="G236" s="716"/>
      <c r="H236" s="716"/>
      <c r="I236" s="717"/>
      <c r="J236" s="843" t="s">
        <v>158</v>
      </c>
      <c r="K236" s="878"/>
      <c r="L236" s="914" t="s">
        <v>151</v>
      </c>
      <c r="M236" s="572"/>
      <c r="N236" s="710"/>
      <c r="O236" s="710"/>
      <c r="P236" s="710"/>
      <c r="Q236" s="711"/>
      <c r="R236" s="186"/>
      <c r="S236" s="187"/>
      <c r="T236" s="188"/>
      <c r="U236" s="818"/>
      <c r="V236" s="190"/>
      <c r="W236" s="190"/>
      <c r="X236" s="190"/>
      <c r="Y236" s="190"/>
      <c r="Z236" s="190"/>
      <c r="AA236" s="190"/>
      <c r="AB236" s="190"/>
      <c r="AC236" s="190"/>
      <c r="AD236" s="190"/>
      <c r="AE236" s="190"/>
      <c r="AF236" s="190"/>
      <c r="AG236" s="190"/>
      <c r="AH236" s="190"/>
      <c r="AI236" s="190"/>
      <c r="AJ236" s="190"/>
      <c r="AK236" s="190"/>
      <c r="AL236" s="190"/>
      <c r="AM236" s="190"/>
      <c r="AN236" s="190"/>
      <c r="AO236" s="190"/>
      <c r="AP236" s="190"/>
      <c r="AQ236" s="190"/>
      <c r="AR236" s="190"/>
      <c r="AS236" s="190"/>
      <c r="AT236" s="190"/>
      <c r="AU236" s="190"/>
      <c r="AV236" s="190"/>
      <c r="AW236" s="190"/>
      <c r="AX236" s="190"/>
      <c r="AY236" s="190"/>
      <c r="AZ236" s="190"/>
      <c r="BA236" s="190"/>
      <c r="BB236" s="190"/>
      <c r="BC236" s="190"/>
      <c r="BD236" s="190"/>
      <c r="BE236" s="190"/>
      <c r="BF236" s="191"/>
      <c r="BG236" s="191"/>
      <c r="BH236" s="191"/>
      <c r="BI236" s="191"/>
      <c r="BJ236" s="191"/>
      <c r="BK236" s="191"/>
      <c r="BL236" s="191"/>
      <c r="BM236" s="191"/>
      <c r="BN236" s="191"/>
      <c r="BO236" s="191"/>
      <c r="BP236" s="191"/>
      <c r="BQ236" s="191"/>
      <c r="BR236" s="191"/>
      <c r="BS236" s="191"/>
      <c r="BT236" s="191"/>
      <c r="BU236" s="191"/>
      <c r="BV236" s="191"/>
      <c r="BW236" s="191"/>
      <c r="BX236" s="191"/>
      <c r="BY236" s="191"/>
      <c r="BZ236" s="191"/>
      <c r="CA236" s="191"/>
      <c r="CB236" s="191"/>
      <c r="CC236" s="191"/>
      <c r="CD236" s="191"/>
      <c r="CE236" s="191"/>
      <c r="CF236" s="191"/>
      <c r="CG236" s="191"/>
      <c r="CH236" s="191"/>
      <c r="CI236" s="191"/>
      <c r="CJ236" s="191"/>
      <c r="CK236" s="191"/>
      <c r="CL236" s="191"/>
      <c r="CM236" s="191"/>
      <c r="CN236" s="191"/>
      <c r="CO236" s="191"/>
      <c r="CP236" s="191"/>
      <c r="CQ236" s="191"/>
      <c r="CR236" s="191"/>
      <c r="CS236" s="191"/>
      <c r="CT236" s="191"/>
      <c r="CU236" s="191"/>
      <c r="CV236" s="191"/>
      <c r="CW236" s="191"/>
      <c r="CX236" s="191"/>
      <c r="CY236" s="191"/>
      <c r="CZ236" s="191"/>
      <c r="DA236" s="191"/>
      <c r="DB236" s="191"/>
      <c r="DC236" s="191"/>
      <c r="DD236" s="191"/>
      <c r="DE236" s="191"/>
      <c r="DF236" s="191"/>
      <c r="DG236" s="191"/>
      <c r="DH236" s="191"/>
      <c r="DI236" s="191"/>
      <c r="DJ236" s="191"/>
      <c r="DK236" s="191"/>
      <c r="DL236" s="191"/>
      <c r="DM236" s="191"/>
      <c r="DN236" s="191"/>
      <c r="DO236" s="191"/>
      <c r="DP236" s="191"/>
      <c r="DQ236" s="191"/>
      <c r="DR236" s="191"/>
      <c r="DS236" s="191"/>
      <c r="DT236" s="191"/>
      <c r="DU236" s="191"/>
      <c r="DV236" s="191"/>
      <c r="DW236" s="191"/>
      <c r="DX236" s="191"/>
      <c r="DY236" s="191"/>
      <c r="DZ236" s="191"/>
      <c r="EA236" s="191"/>
      <c r="EB236" s="191"/>
      <c r="EC236" s="191"/>
      <c r="ED236" s="191"/>
      <c r="EE236" s="191"/>
      <c r="EF236" s="191"/>
      <c r="EG236" s="191"/>
      <c r="EH236" s="191"/>
      <c r="EI236" s="191"/>
      <c r="EJ236" s="191"/>
      <c r="EK236" s="191"/>
      <c r="EL236" s="191"/>
      <c r="EM236" s="191"/>
      <c r="EN236" s="191"/>
      <c r="EO236" s="191"/>
      <c r="EP236" s="191"/>
      <c r="EQ236" s="191"/>
      <c r="ER236" s="191"/>
      <c r="ES236" s="191"/>
      <c r="ET236" s="191"/>
      <c r="EU236" s="191"/>
      <c r="EV236" s="191"/>
      <c r="EW236" s="191"/>
      <c r="EX236" s="191"/>
      <c r="EY236" s="191"/>
      <c r="EZ236" s="191"/>
      <c r="FA236" s="191"/>
      <c r="FB236" s="191"/>
      <c r="FC236" s="191"/>
      <c r="FD236" s="191"/>
      <c r="FE236" s="191"/>
      <c r="FF236" s="191"/>
      <c r="FG236" s="191"/>
      <c r="FH236" s="191"/>
      <c r="FI236" s="191"/>
      <c r="FJ236" s="191"/>
      <c r="FK236" s="191"/>
      <c r="FL236" s="191"/>
      <c r="FM236" s="191"/>
      <c r="FN236" s="191"/>
      <c r="FO236" s="191"/>
      <c r="FP236" s="191"/>
      <c r="FQ236" s="191"/>
      <c r="FR236" s="191"/>
      <c r="FS236" s="191"/>
      <c r="FT236" s="191"/>
      <c r="FU236" s="191"/>
      <c r="FV236" s="191"/>
      <c r="FW236" s="191"/>
      <c r="FX236" s="191"/>
      <c r="FY236" s="191"/>
      <c r="FZ236" s="191"/>
      <c r="GA236" s="191"/>
      <c r="GB236" s="191"/>
      <c r="GC236" s="191"/>
      <c r="GD236" s="191"/>
      <c r="GE236" s="191"/>
      <c r="GF236" s="191"/>
      <c r="GG236" s="191"/>
      <c r="GH236" s="191"/>
      <c r="GI236" s="191"/>
      <c r="GJ236" s="191"/>
      <c r="GK236" s="191"/>
      <c r="GL236" s="191"/>
      <c r="GM236" s="191"/>
      <c r="GN236" s="191"/>
      <c r="GO236" s="191"/>
      <c r="GP236" s="191"/>
      <c r="GQ236" s="191"/>
      <c r="GR236" s="191"/>
      <c r="GS236" s="191"/>
      <c r="GT236" s="191"/>
      <c r="GU236" s="191"/>
      <c r="GV236" s="191"/>
      <c r="GW236" s="191"/>
      <c r="GX236" s="191"/>
      <c r="GY236" s="191"/>
      <c r="GZ236" s="191"/>
      <c r="HA236" s="191"/>
      <c r="HB236" s="191"/>
      <c r="HC236" s="191"/>
      <c r="HD236" s="191"/>
      <c r="HE236" s="191"/>
      <c r="HF236" s="191"/>
      <c r="HG236" s="191"/>
      <c r="HH236" s="191"/>
      <c r="HI236" s="191"/>
      <c r="HJ236" s="191"/>
      <c r="HK236" s="191"/>
      <c r="HL236" s="191"/>
      <c r="HM236" s="191"/>
      <c r="HN236" s="191"/>
      <c r="HO236" s="191"/>
      <c r="HP236" s="191"/>
      <c r="HQ236" s="191"/>
      <c r="HR236" s="191"/>
      <c r="HS236" s="191"/>
      <c r="HT236" s="191"/>
      <c r="HU236" s="191"/>
      <c r="HV236" s="191"/>
      <c r="HW236" s="191"/>
      <c r="HX236" s="191"/>
      <c r="HY236" s="191"/>
      <c r="HZ236" s="191"/>
      <c r="IA236" s="191"/>
      <c r="IB236" s="191"/>
      <c r="IC236" s="191"/>
      <c r="ID236" s="191"/>
      <c r="IE236" s="191"/>
      <c r="IF236" s="191"/>
      <c r="IG236" s="191"/>
      <c r="IH236" s="191"/>
      <c r="II236" s="191"/>
      <c r="IJ236" s="191"/>
      <c r="IK236" s="191"/>
      <c r="IL236" s="191"/>
      <c r="IM236" s="191"/>
      <c r="IN236" s="191"/>
      <c r="IO236" s="191"/>
      <c r="IP236" s="191"/>
      <c r="IQ236" s="191"/>
      <c r="IR236" s="191"/>
      <c r="IS236" s="191"/>
      <c r="IT236" s="191"/>
      <c r="IU236" s="191"/>
      <c r="IV236" s="191"/>
      <c r="IW236" s="191"/>
      <c r="IX236" s="191"/>
      <c r="IY236" s="191"/>
    </row>
    <row r="237" spans="1:259" s="570" customFormat="1" ht="70.2" customHeight="1" x14ac:dyDescent="0.2">
      <c r="A237" s="707" t="s">
        <v>334</v>
      </c>
      <c r="B237" s="708"/>
      <c r="C237" s="708"/>
      <c r="D237" s="708"/>
      <c r="E237" s="708"/>
      <c r="F237" s="708"/>
      <c r="G237" s="708"/>
      <c r="H237" s="708"/>
      <c r="I237" s="709"/>
      <c r="J237" s="915" t="s">
        <v>155</v>
      </c>
      <c r="K237" s="572" t="s">
        <v>156</v>
      </c>
      <c r="L237" s="710"/>
      <c r="M237" s="710"/>
      <c r="N237" s="710"/>
      <c r="O237" s="710"/>
      <c r="P237" s="710"/>
      <c r="Q237" s="711"/>
      <c r="R237" s="186"/>
      <c r="S237" s="187"/>
      <c r="T237" s="188"/>
      <c r="U237" s="818"/>
      <c r="V237" s="190"/>
      <c r="W237" s="190"/>
      <c r="X237" s="190"/>
      <c r="Y237" s="190"/>
      <c r="Z237" s="190"/>
      <c r="AA237" s="190"/>
      <c r="AB237" s="190"/>
      <c r="AC237" s="190"/>
      <c r="AD237" s="190"/>
      <c r="AE237" s="190"/>
      <c r="AF237" s="190"/>
      <c r="AG237" s="190"/>
      <c r="AH237" s="190"/>
      <c r="AI237" s="190"/>
      <c r="AJ237" s="190"/>
      <c r="AK237" s="190"/>
      <c r="AL237" s="190"/>
      <c r="AM237" s="190"/>
      <c r="AN237" s="190"/>
      <c r="AO237" s="190"/>
      <c r="AP237" s="190"/>
      <c r="AQ237" s="190"/>
      <c r="AR237" s="190"/>
      <c r="AS237" s="190"/>
      <c r="AT237" s="190"/>
      <c r="AU237" s="190"/>
      <c r="AV237" s="190"/>
      <c r="AW237" s="190"/>
      <c r="AX237" s="190"/>
      <c r="AY237" s="190"/>
      <c r="AZ237" s="190"/>
      <c r="BA237" s="190"/>
      <c r="BB237" s="190"/>
      <c r="BC237" s="190"/>
      <c r="BD237" s="190"/>
      <c r="BE237" s="190"/>
      <c r="BF237" s="191"/>
      <c r="BG237" s="191"/>
      <c r="BH237" s="191"/>
      <c r="BI237" s="191"/>
      <c r="BJ237" s="191"/>
      <c r="BK237" s="191"/>
      <c r="BL237" s="191"/>
      <c r="BM237" s="191"/>
      <c r="BN237" s="191"/>
      <c r="BO237" s="191"/>
      <c r="BP237" s="191"/>
      <c r="BQ237" s="191"/>
      <c r="BR237" s="191"/>
      <c r="BS237" s="191"/>
      <c r="BT237" s="191"/>
      <c r="BU237" s="191"/>
      <c r="BV237" s="191"/>
      <c r="BW237" s="191"/>
      <c r="BX237" s="191"/>
      <c r="BY237" s="191"/>
      <c r="BZ237" s="191"/>
      <c r="CA237" s="191"/>
      <c r="CB237" s="191"/>
      <c r="CC237" s="191"/>
      <c r="CD237" s="191"/>
      <c r="CE237" s="191"/>
      <c r="CF237" s="191"/>
      <c r="CG237" s="191"/>
      <c r="CH237" s="191"/>
      <c r="CI237" s="191"/>
      <c r="CJ237" s="191"/>
      <c r="CK237" s="191"/>
      <c r="CL237" s="191"/>
      <c r="CM237" s="191"/>
      <c r="CN237" s="191"/>
      <c r="CO237" s="191"/>
      <c r="CP237" s="191"/>
      <c r="CQ237" s="191"/>
      <c r="CR237" s="191"/>
      <c r="CS237" s="191"/>
      <c r="CT237" s="191"/>
      <c r="CU237" s="191"/>
      <c r="CV237" s="191"/>
      <c r="CW237" s="191"/>
      <c r="CX237" s="191"/>
      <c r="CY237" s="191"/>
      <c r="CZ237" s="191"/>
      <c r="DA237" s="191"/>
      <c r="DB237" s="191"/>
      <c r="DC237" s="191"/>
      <c r="DD237" s="191"/>
      <c r="DE237" s="191"/>
      <c r="DF237" s="191"/>
      <c r="DG237" s="191"/>
      <c r="DH237" s="191"/>
      <c r="DI237" s="191"/>
      <c r="DJ237" s="191"/>
      <c r="DK237" s="191"/>
      <c r="DL237" s="191"/>
      <c r="DM237" s="191"/>
      <c r="DN237" s="191"/>
      <c r="DO237" s="191"/>
      <c r="DP237" s="191"/>
      <c r="DQ237" s="191"/>
      <c r="DR237" s="191"/>
      <c r="DS237" s="191"/>
      <c r="DT237" s="191"/>
      <c r="DU237" s="191"/>
      <c r="DV237" s="191"/>
      <c r="DW237" s="191"/>
      <c r="DX237" s="191"/>
      <c r="DY237" s="191"/>
      <c r="DZ237" s="191"/>
      <c r="EA237" s="191"/>
      <c r="EB237" s="191"/>
      <c r="EC237" s="191"/>
      <c r="ED237" s="191"/>
      <c r="EE237" s="191"/>
      <c r="EF237" s="191"/>
      <c r="EG237" s="191"/>
      <c r="EH237" s="191"/>
      <c r="EI237" s="191"/>
      <c r="EJ237" s="191"/>
      <c r="EK237" s="191"/>
      <c r="EL237" s="191"/>
      <c r="EM237" s="191"/>
      <c r="EN237" s="191"/>
      <c r="EO237" s="191"/>
      <c r="EP237" s="191"/>
      <c r="EQ237" s="191"/>
      <c r="ER237" s="191"/>
      <c r="ES237" s="191"/>
      <c r="ET237" s="191"/>
      <c r="EU237" s="191"/>
      <c r="EV237" s="191"/>
      <c r="EW237" s="191"/>
      <c r="EX237" s="191"/>
      <c r="EY237" s="191"/>
      <c r="EZ237" s="191"/>
      <c r="FA237" s="191"/>
      <c r="FB237" s="191"/>
      <c r="FC237" s="191"/>
      <c r="FD237" s="191"/>
      <c r="FE237" s="191"/>
      <c r="FF237" s="191"/>
      <c r="FG237" s="191"/>
      <c r="FH237" s="191"/>
      <c r="FI237" s="191"/>
      <c r="FJ237" s="191"/>
      <c r="FK237" s="191"/>
      <c r="FL237" s="191"/>
      <c r="FM237" s="191"/>
      <c r="FN237" s="191"/>
      <c r="FO237" s="191"/>
      <c r="FP237" s="191"/>
      <c r="FQ237" s="191"/>
      <c r="FR237" s="191"/>
      <c r="FS237" s="191"/>
      <c r="FT237" s="191"/>
      <c r="FU237" s="191"/>
      <c r="FV237" s="191"/>
      <c r="FW237" s="191"/>
      <c r="FX237" s="191"/>
      <c r="FY237" s="191"/>
      <c r="FZ237" s="191"/>
      <c r="GA237" s="191"/>
      <c r="GB237" s="191"/>
      <c r="GC237" s="191"/>
      <c r="GD237" s="191"/>
      <c r="GE237" s="191"/>
      <c r="GF237" s="191"/>
      <c r="GG237" s="191"/>
      <c r="GH237" s="191"/>
      <c r="GI237" s="191"/>
      <c r="GJ237" s="191"/>
      <c r="GK237" s="191"/>
      <c r="GL237" s="191"/>
      <c r="GM237" s="191"/>
      <c r="GN237" s="191"/>
      <c r="GO237" s="191"/>
      <c r="GP237" s="191"/>
      <c r="GQ237" s="191"/>
      <c r="GR237" s="191"/>
      <c r="GS237" s="191"/>
      <c r="GT237" s="191"/>
      <c r="GU237" s="191"/>
      <c r="GV237" s="191"/>
      <c r="GW237" s="191"/>
      <c r="GX237" s="191"/>
      <c r="GY237" s="191"/>
      <c r="GZ237" s="191"/>
      <c r="HA237" s="191"/>
      <c r="HB237" s="191"/>
      <c r="HC237" s="191"/>
      <c r="HD237" s="191"/>
      <c r="HE237" s="191"/>
      <c r="HF237" s="191"/>
      <c r="HG237" s="191"/>
      <c r="HH237" s="191"/>
      <c r="HI237" s="191"/>
      <c r="HJ237" s="191"/>
      <c r="HK237" s="191"/>
      <c r="HL237" s="191"/>
      <c r="HM237" s="191"/>
      <c r="HN237" s="191"/>
      <c r="HO237" s="191"/>
      <c r="HP237" s="191"/>
      <c r="HQ237" s="191"/>
      <c r="HR237" s="191"/>
      <c r="HS237" s="191"/>
      <c r="HT237" s="191"/>
      <c r="HU237" s="191"/>
      <c r="HV237" s="191"/>
      <c r="HW237" s="191"/>
      <c r="HX237" s="191"/>
      <c r="HY237" s="191"/>
      <c r="HZ237" s="191"/>
      <c r="IA237" s="191"/>
      <c r="IB237" s="191"/>
      <c r="IC237" s="191"/>
      <c r="ID237" s="191"/>
      <c r="IE237" s="191"/>
      <c r="IF237" s="191"/>
      <c r="IG237" s="191"/>
      <c r="IH237" s="191"/>
      <c r="II237" s="191"/>
      <c r="IJ237" s="191"/>
      <c r="IK237" s="191"/>
      <c r="IL237" s="191"/>
      <c r="IM237" s="191"/>
      <c r="IN237" s="191"/>
      <c r="IO237" s="191"/>
      <c r="IP237" s="191"/>
      <c r="IQ237" s="191"/>
      <c r="IR237" s="191"/>
      <c r="IS237" s="191"/>
      <c r="IT237" s="191"/>
      <c r="IU237" s="191"/>
      <c r="IV237" s="191"/>
      <c r="IW237" s="191"/>
      <c r="IX237" s="191"/>
      <c r="IY237" s="191"/>
    </row>
    <row r="238" spans="1:259" s="570" customFormat="1" ht="70.2" customHeight="1" x14ac:dyDescent="0.2">
      <c r="A238" s="712"/>
      <c r="B238" s="713"/>
      <c r="C238" s="713"/>
      <c r="D238" s="713"/>
      <c r="E238" s="713"/>
      <c r="F238" s="713"/>
      <c r="G238" s="713"/>
      <c r="H238" s="713"/>
      <c r="I238" s="714"/>
      <c r="J238" s="572" t="s">
        <v>157</v>
      </c>
      <c r="K238" s="710"/>
      <c r="L238" s="710"/>
      <c r="M238" s="710"/>
      <c r="N238" s="710"/>
      <c r="O238" s="710"/>
      <c r="P238" s="710"/>
      <c r="Q238" s="711"/>
      <c r="R238" s="186"/>
      <c r="S238" s="187"/>
      <c r="T238" s="188"/>
      <c r="U238" s="818"/>
      <c r="V238" s="190"/>
      <c r="W238" s="190"/>
      <c r="X238" s="190"/>
      <c r="Y238" s="190"/>
      <c r="Z238" s="190"/>
      <c r="AA238" s="190"/>
      <c r="AB238" s="190"/>
      <c r="AC238" s="190"/>
      <c r="AD238" s="190"/>
      <c r="AE238" s="190"/>
      <c r="AF238" s="190"/>
      <c r="AG238" s="190"/>
      <c r="AH238" s="190"/>
      <c r="AI238" s="190"/>
      <c r="AJ238" s="190"/>
      <c r="AK238" s="190"/>
      <c r="AL238" s="190"/>
      <c r="AM238" s="190"/>
      <c r="AN238" s="190"/>
      <c r="AO238" s="190"/>
      <c r="AP238" s="190"/>
      <c r="AQ238" s="190"/>
      <c r="AR238" s="190"/>
      <c r="AS238" s="190"/>
      <c r="AT238" s="190"/>
      <c r="AU238" s="190"/>
      <c r="AV238" s="190"/>
      <c r="AW238" s="190"/>
      <c r="AX238" s="190"/>
      <c r="AY238" s="190"/>
      <c r="AZ238" s="190"/>
      <c r="BA238" s="190"/>
      <c r="BB238" s="190"/>
      <c r="BC238" s="190"/>
      <c r="BD238" s="190"/>
      <c r="BE238" s="190"/>
      <c r="BF238" s="191"/>
      <c r="BG238" s="191"/>
      <c r="BH238" s="191"/>
      <c r="BI238" s="191"/>
      <c r="BJ238" s="191"/>
      <c r="BK238" s="191"/>
      <c r="BL238" s="191"/>
      <c r="BM238" s="191"/>
      <c r="BN238" s="191"/>
      <c r="BO238" s="191"/>
      <c r="BP238" s="191"/>
      <c r="BQ238" s="191"/>
      <c r="BR238" s="191"/>
      <c r="BS238" s="191"/>
      <c r="BT238" s="191"/>
      <c r="BU238" s="191"/>
      <c r="BV238" s="191"/>
      <c r="BW238" s="191"/>
      <c r="BX238" s="191"/>
      <c r="BY238" s="191"/>
      <c r="BZ238" s="191"/>
      <c r="CA238" s="191"/>
      <c r="CB238" s="191"/>
      <c r="CC238" s="191"/>
      <c r="CD238" s="191"/>
      <c r="CE238" s="191"/>
      <c r="CF238" s="191"/>
      <c r="CG238" s="191"/>
      <c r="CH238" s="191"/>
      <c r="CI238" s="191"/>
      <c r="CJ238" s="191"/>
      <c r="CK238" s="191"/>
      <c r="CL238" s="191"/>
      <c r="CM238" s="191"/>
      <c r="CN238" s="191"/>
      <c r="CO238" s="191"/>
      <c r="CP238" s="191"/>
      <c r="CQ238" s="191"/>
      <c r="CR238" s="191"/>
      <c r="CS238" s="191"/>
      <c r="CT238" s="191"/>
      <c r="CU238" s="191"/>
      <c r="CV238" s="191"/>
      <c r="CW238" s="191"/>
      <c r="CX238" s="191"/>
      <c r="CY238" s="191"/>
      <c r="CZ238" s="191"/>
      <c r="DA238" s="191"/>
      <c r="DB238" s="191"/>
      <c r="DC238" s="191"/>
      <c r="DD238" s="191"/>
      <c r="DE238" s="191"/>
      <c r="DF238" s="191"/>
      <c r="DG238" s="191"/>
      <c r="DH238" s="191"/>
      <c r="DI238" s="191"/>
      <c r="DJ238" s="191"/>
      <c r="DK238" s="191"/>
      <c r="DL238" s="191"/>
      <c r="DM238" s="191"/>
      <c r="DN238" s="191"/>
      <c r="DO238" s="191"/>
      <c r="DP238" s="191"/>
      <c r="DQ238" s="191"/>
      <c r="DR238" s="191"/>
      <c r="DS238" s="191"/>
      <c r="DT238" s="191"/>
      <c r="DU238" s="191"/>
      <c r="DV238" s="191"/>
      <c r="DW238" s="191"/>
      <c r="DX238" s="191"/>
      <c r="DY238" s="191"/>
      <c r="DZ238" s="191"/>
      <c r="EA238" s="191"/>
      <c r="EB238" s="191"/>
      <c r="EC238" s="191"/>
      <c r="ED238" s="191"/>
      <c r="EE238" s="191"/>
      <c r="EF238" s="191"/>
      <c r="EG238" s="191"/>
      <c r="EH238" s="191"/>
      <c r="EI238" s="191"/>
      <c r="EJ238" s="191"/>
      <c r="EK238" s="191"/>
      <c r="EL238" s="191"/>
      <c r="EM238" s="191"/>
      <c r="EN238" s="191"/>
      <c r="EO238" s="191"/>
      <c r="EP238" s="191"/>
      <c r="EQ238" s="191"/>
      <c r="ER238" s="191"/>
      <c r="ES238" s="191"/>
      <c r="ET238" s="191"/>
      <c r="EU238" s="191"/>
      <c r="EV238" s="191"/>
      <c r="EW238" s="191"/>
      <c r="EX238" s="191"/>
      <c r="EY238" s="191"/>
      <c r="EZ238" s="191"/>
      <c r="FA238" s="191"/>
      <c r="FB238" s="191"/>
      <c r="FC238" s="191"/>
      <c r="FD238" s="191"/>
      <c r="FE238" s="191"/>
      <c r="FF238" s="191"/>
      <c r="FG238" s="191"/>
      <c r="FH238" s="191"/>
      <c r="FI238" s="191"/>
      <c r="FJ238" s="191"/>
      <c r="FK238" s="191"/>
      <c r="FL238" s="191"/>
      <c r="FM238" s="191"/>
      <c r="FN238" s="191"/>
      <c r="FO238" s="191"/>
      <c r="FP238" s="191"/>
      <c r="FQ238" s="191"/>
      <c r="FR238" s="191"/>
      <c r="FS238" s="191"/>
      <c r="FT238" s="191"/>
      <c r="FU238" s="191"/>
      <c r="FV238" s="191"/>
      <c r="FW238" s="191"/>
      <c r="FX238" s="191"/>
      <c r="FY238" s="191"/>
      <c r="FZ238" s="191"/>
      <c r="GA238" s="191"/>
      <c r="GB238" s="191"/>
      <c r="GC238" s="191"/>
      <c r="GD238" s="191"/>
      <c r="GE238" s="191"/>
      <c r="GF238" s="191"/>
      <c r="GG238" s="191"/>
      <c r="GH238" s="191"/>
      <c r="GI238" s="191"/>
      <c r="GJ238" s="191"/>
      <c r="GK238" s="191"/>
      <c r="GL238" s="191"/>
      <c r="GM238" s="191"/>
      <c r="GN238" s="191"/>
      <c r="GO238" s="191"/>
      <c r="GP238" s="191"/>
      <c r="GQ238" s="191"/>
      <c r="GR238" s="191"/>
      <c r="GS238" s="191"/>
      <c r="GT238" s="191"/>
      <c r="GU238" s="191"/>
      <c r="GV238" s="191"/>
      <c r="GW238" s="191"/>
      <c r="GX238" s="191"/>
      <c r="GY238" s="191"/>
      <c r="GZ238" s="191"/>
      <c r="HA238" s="191"/>
      <c r="HB238" s="191"/>
      <c r="HC238" s="191"/>
      <c r="HD238" s="191"/>
      <c r="HE238" s="191"/>
      <c r="HF238" s="191"/>
      <c r="HG238" s="191"/>
      <c r="HH238" s="191"/>
      <c r="HI238" s="191"/>
      <c r="HJ238" s="191"/>
      <c r="HK238" s="191"/>
      <c r="HL238" s="191"/>
      <c r="HM238" s="191"/>
      <c r="HN238" s="191"/>
      <c r="HO238" s="191"/>
      <c r="HP238" s="191"/>
      <c r="HQ238" s="191"/>
      <c r="HR238" s="191"/>
      <c r="HS238" s="191"/>
      <c r="HT238" s="191"/>
      <c r="HU238" s="191"/>
      <c r="HV238" s="191"/>
      <c r="HW238" s="191"/>
      <c r="HX238" s="191"/>
      <c r="HY238" s="191"/>
      <c r="HZ238" s="191"/>
      <c r="IA238" s="191"/>
      <c r="IB238" s="191"/>
      <c r="IC238" s="191"/>
      <c r="ID238" s="191"/>
      <c r="IE238" s="191"/>
      <c r="IF238" s="191"/>
      <c r="IG238" s="191"/>
      <c r="IH238" s="191"/>
      <c r="II238" s="191"/>
      <c r="IJ238" s="191"/>
      <c r="IK238" s="191"/>
      <c r="IL238" s="191"/>
      <c r="IM238" s="191"/>
      <c r="IN238" s="191"/>
      <c r="IO238" s="191"/>
      <c r="IP238" s="191"/>
      <c r="IQ238" s="191"/>
      <c r="IR238" s="191"/>
      <c r="IS238" s="191"/>
      <c r="IT238" s="191"/>
      <c r="IU238" s="191"/>
      <c r="IV238" s="191"/>
      <c r="IW238" s="191"/>
      <c r="IX238" s="191"/>
      <c r="IY238" s="191"/>
    </row>
    <row r="239" spans="1:259" s="570" customFormat="1" ht="70.2" customHeight="1" x14ac:dyDescent="0.2">
      <c r="A239" s="715"/>
      <c r="B239" s="716"/>
      <c r="C239" s="716"/>
      <c r="D239" s="716"/>
      <c r="E239" s="716"/>
      <c r="F239" s="716"/>
      <c r="G239" s="716"/>
      <c r="H239" s="716"/>
      <c r="I239" s="717"/>
      <c r="J239" s="843" t="s">
        <v>158</v>
      </c>
      <c r="K239" s="878"/>
      <c r="L239" s="914" t="s">
        <v>151</v>
      </c>
      <c r="M239" s="572"/>
      <c r="N239" s="710"/>
      <c r="O239" s="710"/>
      <c r="P239" s="710"/>
      <c r="Q239" s="711"/>
      <c r="R239" s="186"/>
      <c r="S239" s="187"/>
      <c r="T239" s="188"/>
      <c r="U239" s="818"/>
      <c r="V239" s="190"/>
      <c r="W239" s="190"/>
      <c r="X239" s="190"/>
      <c r="Y239" s="190"/>
      <c r="Z239" s="190"/>
      <c r="AA239" s="190"/>
      <c r="AB239" s="190"/>
      <c r="AC239" s="190"/>
      <c r="AD239" s="190"/>
      <c r="AE239" s="190"/>
      <c r="AF239" s="190"/>
      <c r="AG239" s="190"/>
      <c r="AH239" s="190"/>
      <c r="AI239" s="190"/>
      <c r="AJ239" s="190"/>
      <c r="AK239" s="190"/>
      <c r="AL239" s="190"/>
      <c r="AM239" s="190"/>
      <c r="AN239" s="190"/>
      <c r="AO239" s="190"/>
      <c r="AP239" s="190"/>
      <c r="AQ239" s="190"/>
      <c r="AR239" s="190"/>
      <c r="AS239" s="190"/>
      <c r="AT239" s="190"/>
      <c r="AU239" s="190"/>
      <c r="AV239" s="190"/>
      <c r="AW239" s="190"/>
      <c r="AX239" s="190"/>
      <c r="AY239" s="190"/>
      <c r="AZ239" s="190"/>
      <c r="BA239" s="190"/>
      <c r="BB239" s="190"/>
      <c r="BC239" s="190"/>
      <c r="BD239" s="190"/>
      <c r="BE239" s="190"/>
      <c r="BF239" s="191"/>
      <c r="BG239" s="191"/>
      <c r="BH239" s="191"/>
      <c r="BI239" s="191"/>
      <c r="BJ239" s="191"/>
      <c r="BK239" s="191"/>
      <c r="BL239" s="191"/>
      <c r="BM239" s="191"/>
      <c r="BN239" s="191"/>
      <c r="BO239" s="191"/>
      <c r="BP239" s="191"/>
      <c r="BQ239" s="191"/>
      <c r="BR239" s="191"/>
      <c r="BS239" s="191"/>
      <c r="BT239" s="191"/>
      <c r="BU239" s="191"/>
      <c r="BV239" s="191"/>
      <c r="BW239" s="191"/>
      <c r="BX239" s="191"/>
      <c r="BY239" s="191"/>
      <c r="BZ239" s="191"/>
      <c r="CA239" s="191"/>
      <c r="CB239" s="191"/>
      <c r="CC239" s="191"/>
      <c r="CD239" s="191"/>
      <c r="CE239" s="191"/>
      <c r="CF239" s="191"/>
      <c r="CG239" s="191"/>
      <c r="CH239" s="191"/>
      <c r="CI239" s="191"/>
      <c r="CJ239" s="191"/>
      <c r="CK239" s="191"/>
      <c r="CL239" s="191"/>
      <c r="CM239" s="191"/>
      <c r="CN239" s="191"/>
      <c r="CO239" s="191"/>
      <c r="CP239" s="191"/>
      <c r="CQ239" s="191"/>
      <c r="CR239" s="191"/>
      <c r="CS239" s="191"/>
      <c r="CT239" s="191"/>
      <c r="CU239" s="191"/>
      <c r="CV239" s="191"/>
      <c r="CW239" s="191"/>
      <c r="CX239" s="191"/>
      <c r="CY239" s="191"/>
      <c r="CZ239" s="191"/>
      <c r="DA239" s="191"/>
      <c r="DB239" s="191"/>
      <c r="DC239" s="191"/>
      <c r="DD239" s="191"/>
      <c r="DE239" s="191"/>
      <c r="DF239" s="191"/>
      <c r="DG239" s="191"/>
      <c r="DH239" s="191"/>
      <c r="DI239" s="191"/>
      <c r="DJ239" s="191"/>
      <c r="DK239" s="191"/>
      <c r="DL239" s="191"/>
      <c r="DM239" s="191"/>
      <c r="DN239" s="191"/>
      <c r="DO239" s="191"/>
      <c r="DP239" s="191"/>
      <c r="DQ239" s="191"/>
      <c r="DR239" s="191"/>
      <c r="DS239" s="191"/>
      <c r="DT239" s="191"/>
      <c r="DU239" s="191"/>
      <c r="DV239" s="191"/>
      <c r="DW239" s="191"/>
      <c r="DX239" s="191"/>
      <c r="DY239" s="191"/>
      <c r="DZ239" s="191"/>
      <c r="EA239" s="191"/>
      <c r="EB239" s="191"/>
      <c r="EC239" s="191"/>
      <c r="ED239" s="191"/>
      <c r="EE239" s="191"/>
      <c r="EF239" s="191"/>
      <c r="EG239" s="191"/>
      <c r="EH239" s="191"/>
      <c r="EI239" s="191"/>
      <c r="EJ239" s="191"/>
      <c r="EK239" s="191"/>
      <c r="EL239" s="191"/>
      <c r="EM239" s="191"/>
      <c r="EN239" s="191"/>
      <c r="EO239" s="191"/>
      <c r="EP239" s="191"/>
      <c r="EQ239" s="191"/>
      <c r="ER239" s="191"/>
      <c r="ES239" s="191"/>
      <c r="ET239" s="191"/>
      <c r="EU239" s="191"/>
      <c r="EV239" s="191"/>
      <c r="EW239" s="191"/>
      <c r="EX239" s="191"/>
      <c r="EY239" s="191"/>
      <c r="EZ239" s="191"/>
      <c r="FA239" s="191"/>
      <c r="FB239" s="191"/>
      <c r="FC239" s="191"/>
      <c r="FD239" s="191"/>
      <c r="FE239" s="191"/>
      <c r="FF239" s="191"/>
      <c r="FG239" s="191"/>
      <c r="FH239" s="191"/>
      <c r="FI239" s="191"/>
      <c r="FJ239" s="191"/>
      <c r="FK239" s="191"/>
      <c r="FL239" s="191"/>
      <c r="FM239" s="191"/>
      <c r="FN239" s="191"/>
      <c r="FO239" s="191"/>
      <c r="FP239" s="191"/>
      <c r="FQ239" s="191"/>
      <c r="FR239" s="191"/>
      <c r="FS239" s="191"/>
      <c r="FT239" s="191"/>
      <c r="FU239" s="191"/>
      <c r="FV239" s="191"/>
      <c r="FW239" s="191"/>
      <c r="FX239" s="191"/>
      <c r="FY239" s="191"/>
      <c r="FZ239" s="191"/>
      <c r="GA239" s="191"/>
      <c r="GB239" s="191"/>
      <c r="GC239" s="191"/>
      <c r="GD239" s="191"/>
      <c r="GE239" s="191"/>
      <c r="GF239" s="191"/>
      <c r="GG239" s="191"/>
      <c r="GH239" s="191"/>
      <c r="GI239" s="191"/>
      <c r="GJ239" s="191"/>
      <c r="GK239" s="191"/>
      <c r="GL239" s="191"/>
      <c r="GM239" s="191"/>
      <c r="GN239" s="191"/>
      <c r="GO239" s="191"/>
      <c r="GP239" s="191"/>
      <c r="GQ239" s="191"/>
      <c r="GR239" s="191"/>
      <c r="GS239" s="191"/>
      <c r="GT239" s="191"/>
      <c r="GU239" s="191"/>
      <c r="GV239" s="191"/>
      <c r="GW239" s="191"/>
      <c r="GX239" s="191"/>
      <c r="GY239" s="191"/>
      <c r="GZ239" s="191"/>
      <c r="HA239" s="191"/>
      <c r="HB239" s="191"/>
      <c r="HC239" s="191"/>
      <c r="HD239" s="191"/>
      <c r="HE239" s="191"/>
      <c r="HF239" s="191"/>
      <c r="HG239" s="191"/>
      <c r="HH239" s="191"/>
      <c r="HI239" s="191"/>
      <c r="HJ239" s="191"/>
      <c r="HK239" s="191"/>
      <c r="HL239" s="191"/>
      <c r="HM239" s="191"/>
      <c r="HN239" s="191"/>
      <c r="HO239" s="191"/>
      <c r="HP239" s="191"/>
      <c r="HQ239" s="191"/>
      <c r="HR239" s="191"/>
      <c r="HS239" s="191"/>
      <c r="HT239" s="191"/>
      <c r="HU239" s="191"/>
      <c r="HV239" s="191"/>
      <c r="HW239" s="191"/>
      <c r="HX239" s="191"/>
      <c r="HY239" s="191"/>
      <c r="HZ239" s="191"/>
      <c r="IA239" s="191"/>
      <c r="IB239" s="191"/>
      <c r="IC239" s="191"/>
      <c r="ID239" s="191"/>
      <c r="IE239" s="191"/>
      <c r="IF239" s="191"/>
      <c r="IG239" s="191"/>
      <c r="IH239" s="191"/>
      <c r="II239" s="191"/>
      <c r="IJ239" s="191"/>
      <c r="IK239" s="191"/>
      <c r="IL239" s="191"/>
      <c r="IM239" s="191"/>
      <c r="IN239" s="191"/>
      <c r="IO239" s="191"/>
      <c r="IP239" s="191"/>
      <c r="IQ239" s="191"/>
      <c r="IR239" s="191"/>
      <c r="IS239" s="191"/>
      <c r="IT239" s="191"/>
      <c r="IU239" s="191"/>
      <c r="IV239" s="191"/>
      <c r="IW239" s="191"/>
      <c r="IX239" s="191"/>
      <c r="IY239" s="191"/>
    </row>
    <row r="240" spans="1:259" s="570" customFormat="1" ht="70.2" customHeight="1" x14ac:dyDescent="0.2">
      <c r="A240" s="707" t="s">
        <v>459</v>
      </c>
      <c r="B240" s="708"/>
      <c r="C240" s="708"/>
      <c r="D240" s="708"/>
      <c r="E240" s="708"/>
      <c r="F240" s="708"/>
      <c r="G240" s="708"/>
      <c r="H240" s="708"/>
      <c r="I240" s="709"/>
      <c r="J240" s="572" t="s">
        <v>336</v>
      </c>
      <c r="K240" s="710"/>
      <c r="L240" s="710"/>
      <c r="M240" s="710"/>
      <c r="N240" s="710"/>
      <c r="O240" s="710"/>
      <c r="P240" s="710"/>
      <c r="Q240" s="711"/>
      <c r="R240" s="186"/>
      <c r="S240" s="187"/>
      <c r="T240" s="188"/>
      <c r="U240" s="818"/>
      <c r="V240" s="190"/>
      <c r="W240" s="190"/>
      <c r="X240" s="190"/>
      <c r="Y240" s="190"/>
      <c r="Z240" s="190"/>
      <c r="AA240" s="190"/>
      <c r="AB240" s="190"/>
      <c r="AC240" s="190"/>
      <c r="AD240" s="190"/>
      <c r="AE240" s="190"/>
      <c r="AF240" s="190"/>
      <c r="AG240" s="190"/>
      <c r="AH240" s="190"/>
      <c r="AI240" s="190"/>
      <c r="AJ240" s="190"/>
      <c r="AK240" s="190"/>
      <c r="AL240" s="190"/>
      <c r="AM240" s="190"/>
      <c r="AN240" s="190"/>
      <c r="AO240" s="190"/>
      <c r="AP240" s="190"/>
      <c r="AQ240" s="190"/>
      <c r="AR240" s="190"/>
      <c r="AS240" s="190"/>
      <c r="AT240" s="190"/>
      <c r="AU240" s="190"/>
      <c r="AV240" s="190"/>
      <c r="AW240" s="190"/>
      <c r="AX240" s="190"/>
      <c r="AY240" s="190"/>
      <c r="AZ240" s="190"/>
      <c r="BA240" s="190"/>
      <c r="BB240" s="190"/>
      <c r="BC240" s="190"/>
      <c r="BD240" s="190"/>
      <c r="BE240" s="190"/>
      <c r="BF240" s="191"/>
      <c r="BG240" s="191"/>
      <c r="BH240" s="191"/>
      <c r="BI240" s="191"/>
      <c r="BJ240" s="191"/>
      <c r="BK240" s="191"/>
      <c r="BL240" s="191"/>
      <c r="BM240" s="191"/>
      <c r="BN240" s="191"/>
      <c r="BO240" s="191"/>
      <c r="BP240" s="191"/>
      <c r="BQ240" s="191"/>
      <c r="BR240" s="191"/>
      <c r="BS240" s="191"/>
      <c r="BT240" s="191"/>
      <c r="BU240" s="191"/>
      <c r="BV240" s="191"/>
      <c r="BW240" s="191"/>
      <c r="BX240" s="191"/>
      <c r="BY240" s="191"/>
      <c r="BZ240" s="191"/>
      <c r="CA240" s="191"/>
      <c r="CB240" s="191"/>
      <c r="CC240" s="191"/>
      <c r="CD240" s="191"/>
      <c r="CE240" s="191"/>
      <c r="CF240" s="191"/>
      <c r="CG240" s="191"/>
      <c r="CH240" s="191"/>
      <c r="CI240" s="191"/>
      <c r="CJ240" s="191"/>
      <c r="CK240" s="191"/>
      <c r="CL240" s="191"/>
      <c r="CM240" s="191"/>
      <c r="CN240" s="191"/>
      <c r="CO240" s="191"/>
      <c r="CP240" s="191"/>
      <c r="CQ240" s="191"/>
      <c r="CR240" s="191"/>
      <c r="CS240" s="191"/>
      <c r="CT240" s="191"/>
      <c r="CU240" s="191"/>
      <c r="CV240" s="191"/>
      <c r="CW240" s="191"/>
      <c r="CX240" s="191"/>
      <c r="CY240" s="191"/>
      <c r="CZ240" s="191"/>
      <c r="DA240" s="191"/>
      <c r="DB240" s="191"/>
      <c r="DC240" s="191"/>
      <c r="DD240" s="191"/>
      <c r="DE240" s="191"/>
      <c r="DF240" s="191"/>
      <c r="DG240" s="191"/>
      <c r="DH240" s="191"/>
      <c r="DI240" s="191"/>
      <c r="DJ240" s="191"/>
      <c r="DK240" s="191"/>
      <c r="DL240" s="191"/>
      <c r="DM240" s="191"/>
      <c r="DN240" s="191"/>
      <c r="DO240" s="191"/>
      <c r="DP240" s="191"/>
      <c r="DQ240" s="191"/>
      <c r="DR240" s="191"/>
      <c r="DS240" s="191"/>
      <c r="DT240" s="191"/>
      <c r="DU240" s="191"/>
      <c r="DV240" s="191"/>
      <c r="DW240" s="191"/>
      <c r="DX240" s="191"/>
      <c r="DY240" s="191"/>
      <c r="DZ240" s="191"/>
      <c r="EA240" s="191"/>
      <c r="EB240" s="191"/>
      <c r="EC240" s="191"/>
      <c r="ED240" s="191"/>
      <c r="EE240" s="191"/>
      <c r="EF240" s="191"/>
      <c r="EG240" s="191"/>
      <c r="EH240" s="191"/>
      <c r="EI240" s="191"/>
      <c r="EJ240" s="191"/>
      <c r="EK240" s="191"/>
      <c r="EL240" s="191"/>
      <c r="EM240" s="191"/>
      <c r="EN240" s="191"/>
      <c r="EO240" s="191"/>
      <c r="EP240" s="191"/>
      <c r="EQ240" s="191"/>
      <c r="ER240" s="191"/>
      <c r="ES240" s="191"/>
      <c r="ET240" s="191"/>
      <c r="EU240" s="191"/>
      <c r="EV240" s="191"/>
      <c r="EW240" s="191"/>
      <c r="EX240" s="191"/>
      <c r="EY240" s="191"/>
      <c r="EZ240" s="191"/>
      <c r="FA240" s="191"/>
      <c r="FB240" s="191"/>
      <c r="FC240" s="191"/>
      <c r="FD240" s="191"/>
      <c r="FE240" s="191"/>
      <c r="FF240" s="191"/>
      <c r="FG240" s="191"/>
      <c r="FH240" s="191"/>
      <c r="FI240" s="191"/>
      <c r="FJ240" s="191"/>
      <c r="FK240" s="191"/>
      <c r="FL240" s="191"/>
      <c r="FM240" s="191"/>
      <c r="FN240" s="191"/>
      <c r="FO240" s="191"/>
      <c r="FP240" s="191"/>
      <c r="FQ240" s="191"/>
      <c r="FR240" s="191"/>
      <c r="FS240" s="191"/>
      <c r="FT240" s="191"/>
      <c r="FU240" s="191"/>
      <c r="FV240" s="191"/>
      <c r="FW240" s="191"/>
      <c r="FX240" s="191"/>
      <c r="FY240" s="191"/>
      <c r="FZ240" s="191"/>
      <c r="GA240" s="191"/>
      <c r="GB240" s="191"/>
      <c r="GC240" s="191"/>
      <c r="GD240" s="191"/>
      <c r="GE240" s="191"/>
      <c r="GF240" s="191"/>
      <c r="GG240" s="191"/>
      <c r="GH240" s="191"/>
      <c r="GI240" s="191"/>
      <c r="GJ240" s="191"/>
      <c r="GK240" s="191"/>
      <c r="GL240" s="191"/>
      <c r="GM240" s="191"/>
      <c r="GN240" s="191"/>
      <c r="GO240" s="191"/>
      <c r="GP240" s="191"/>
      <c r="GQ240" s="191"/>
      <c r="GR240" s="191"/>
      <c r="GS240" s="191"/>
      <c r="GT240" s="191"/>
      <c r="GU240" s="191"/>
      <c r="GV240" s="191"/>
      <c r="GW240" s="191"/>
      <c r="GX240" s="191"/>
      <c r="GY240" s="191"/>
      <c r="GZ240" s="191"/>
      <c r="HA240" s="191"/>
      <c r="HB240" s="191"/>
      <c r="HC240" s="191"/>
      <c r="HD240" s="191"/>
      <c r="HE240" s="191"/>
      <c r="HF240" s="191"/>
      <c r="HG240" s="191"/>
      <c r="HH240" s="191"/>
      <c r="HI240" s="191"/>
      <c r="HJ240" s="191"/>
      <c r="HK240" s="191"/>
      <c r="HL240" s="191"/>
      <c r="HM240" s="191"/>
      <c r="HN240" s="191"/>
      <c r="HO240" s="191"/>
      <c r="HP240" s="191"/>
      <c r="HQ240" s="191"/>
      <c r="HR240" s="191"/>
      <c r="HS240" s="191"/>
      <c r="HT240" s="191"/>
      <c r="HU240" s="191"/>
      <c r="HV240" s="191"/>
      <c r="HW240" s="191"/>
      <c r="HX240" s="191"/>
      <c r="HY240" s="191"/>
      <c r="HZ240" s="191"/>
      <c r="IA240" s="191"/>
      <c r="IB240" s="191"/>
      <c r="IC240" s="191"/>
      <c r="ID240" s="191"/>
      <c r="IE240" s="191"/>
      <c r="IF240" s="191"/>
      <c r="IG240" s="191"/>
      <c r="IH240" s="191"/>
      <c r="II240" s="191"/>
      <c r="IJ240" s="191"/>
      <c r="IK240" s="191"/>
      <c r="IL240" s="191"/>
      <c r="IM240" s="191"/>
      <c r="IN240" s="191"/>
      <c r="IO240" s="191"/>
      <c r="IP240" s="191"/>
      <c r="IQ240" s="191"/>
      <c r="IR240" s="191"/>
      <c r="IS240" s="191"/>
      <c r="IT240" s="191"/>
      <c r="IU240" s="191"/>
      <c r="IV240" s="191"/>
      <c r="IW240" s="191"/>
      <c r="IX240" s="191"/>
      <c r="IY240" s="191"/>
    </row>
    <row r="241" spans="1:259" s="191" customFormat="1" ht="69.900000000000006" customHeight="1" x14ac:dyDescent="0.2">
      <c r="A241" s="715"/>
      <c r="B241" s="716"/>
      <c r="C241" s="716"/>
      <c r="D241" s="716"/>
      <c r="E241" s="716"/>
      <c r="F241" s="716"/>
      <c r="G241" s="716"/>
      <c r="H241" s="716"/>
      <c r="I241" s="717"/>
      <c r="J241" s="843" t="s">
        <v>337</v>
      </c>
      <c r="K241" s="878"/>
      <c r="L241" s="916" t="s">
        <v>338</v>
      </c>
      <c r="M241" s="862" t="s">
        <v>339</v>
      </c>
      <c r="N241" s="863"/>
      <c r="O241" s="863"/>
      <c r="P241" s="863"/>
      <c r="Q241" s="864"/>
      <c r="R241" s="186"/>
      <c r="S241" s="187"/>
      <c r="T241" s="188"/>
      <c r="U241" s="1081"/>
      <c r="V241" s="190"/>
      <c r="W241" s="190"/>
      <c r="X241" s="190"/>
      <c r="Y241" s="190"/>
      <c r="Z241" s="190"/>
      <c r="AA241" s="190"/>
      <c r="AB241" s="190"/>
      <c r="AC241" s="190"/>
      <c r="AD241" s="190"/>
      <c r="AE241" s="190"/>
      <c r="AF241" s="190"/>
      <c r="AG241" s="190"/>
      <c r="AH241" s="190"/>
      <c r="AI241" s="190"/>
      <c r="AJ241" s="190"/>
      <c r="AK241" s="190"/>
      <c r="AL241" s="190"/>
      <c r="AM241" s="190"/>
      <c r="AN241" s="190"/>
      <c r="AO241" s="190"/>
      <c r="AP241" s="190"/>
      <c r="AQ241" s="190"/>
      <c r="AR241" s="190"/>
      <c r="AS241" s="190"/>
      <c r="AT241" s="190"/>
      <c r="AU241" s="190"/>
      <c r="AV241" s="190"/>
      <c r="AW241" s="190"/>
      <c r="AX241" s="190"/>
      <c r="AY241" s="190"/>
      <c r="AZ241" s="190"/>
      <c r="BA241" s="190"/>
      <c r="BB241" s="190"/>
      <c r="BC241" s="190"/>
      <c r="BD241" s="190"/>
      <c r="BE241" s="190"/>
    </row>
    <row r="242" spans="1:259" s="570" customFormat="1" ht="70.2" customHeight="1" x14ac:dyDescent="0.2">
      <c r="A242" s="718" t="s">
        <v>160</v>
      </c>
      <c r="B242" s="719"/>
      <c r="C242" s="719"/>
      <c r="D242" s="719"/>
      <c r="E242" s="719"/>
      <c r="F242" s="719"/>
      <c r="G242" s="719"/>
      <c r="H242" s="719"/>
      <c r="I242" s="720"/>
      <c r="J242" s="920"/>
      <c r="K242" s="918"/>
      <c r="L242" s="918"/>
      <c r="M242" s="918"/>
      <c r="N242" s="918"/>
      <c r="O242" s="918"/>
      <c r="P242" s="918"/>
      <c r="Q242" s="921"/>
      <c r="R242" s="1028"/>
      <c r="S242" s="561"/>
      <c r="T242" s="595"/>
      <c r="U242" s="1198"/>
      <c r="V242" s="600"/>
      <c r="W242" s="600"/>
      <c r="X242" s="600"/>
      <c r="Y242" s="600"/>
      <c r="Z242" s="600"/>
      <c r="AA242" s="600"/>
      <c r="AB242" s="600"/>
      <c r="AC242" s="600"/>
      <c r="AD242" s="600"/>
      <c r="AE242" s="600"/>
      <c r="AF242" s="600"/>
      <c r="AG242" s="600"/>
      <c r="AH242" s="600"/>
      <c r="AI242" s="600"/>
      <c r="AJ242" s="600"/>
      <c r="AK242" s="600"/>
      <c r="AL242" s="600"/>
      <c r="AM242" s="600"/>
      <c r="AN242" s="600"/>
      <c r="AO242" s="600"/>
      <c r="AP242" s="600"/>
      <c r="AQ242" s="600"/>
      <c r="AR242" s="600"/>
      <c r="AS242" s="600"/>
      <c r="AT242" s="600"/>
      <c r="AU242" s="600"/>
      <c r="AV242" s="600"/>
      <c r="AW242" s="600"/>
      <c r="AX242" s="600"/>
      <c r="AY242" s="600"/>
      <c r="AZ242" s="600"/>
      <c r="BA242" s="600"/>
      <c r="BB242" s="600"/>
      <c r="BC242" s="600"/>
      <c r="BD242" s="600"/>
      <c r="BE242" s="600"/>
    </row>
    <row r="243" spans="1:259" s="546" customFormat="1" ht="69.900000000000006" customHeight="1" x14ac:dyDescent="0.2">
      <c r="A243" s="1199" t="s">
        <v>340</v>
      </c>
      <c r="B243" s="697"/>
      <c r="C243" s="697"/>
      <c r="D243" s="697"/>
      <c r="E243" s="697"/>
      <c r="F243" s="697"/>
      <c r="G243" s="697"/>
      <c r="H243" s="697"/>
      <c r="I243" s="697"/>
      <c r="J243" s="697"/>
      <c r="K243" s="697"/>
      <c r="L243" s="697"/>
      <c r="M243" s="697"/>
      <c r="N243" s="697"/>
      <c r="O243" s="697"/>
      <c r="P243" s="697"/>
      <c r="Q243" s="698"/>
      <c r="R243" s="1068"/>
      <c r="S243" s="561"/>
      <c r="T243" s="1063" t="s">
        <v>460</v>
      </c>
      <c r="U243" s="1198"/>
    </row>
    <row r="244" spans="1:259" s="546" customFormat="1" ht="69.900000000000006" customHeight="1" x14ac:dyDescent="0.2">
      <c r="A244" s="925" t="s">
        <v>341</v>
      </c>
      <c r="B244" s="926"/>
      <c r="C244" s="926"/>
      <c r="D244" s="926"/>
      <c r="E244" s="926"/>
      <c r="F244" s="926"/>
      <c r="G244" s="926"/>
      <c r="H244" s="926"/>
      <c r="I244" s="926"/>
      <c r="J244" s="926"/>
      <c r="K244" s="926"/>
      <c r="L244" s="926"/>
      <c r="M244" s="926"/>
      <c r="N244" s="926"/>
      <c r="O244" s="926"/>
      <c r="P244" s="926"/>
      <c r="Q244" s="927"/>
      <c r="R244" s="1068"/>
      <c r="S244" s="561"/>
      <c r="T244" s="199"/>
      <c r="U244" s="1198"/>
    </row>
    <row r="245" spans="1:259" s="570" customFormat="1" ht="69.599999999999994" customHeight="1" x14ac:dyDescent="0.2">
      <c r="A245" s="776" t="s">
        <v>342</v>
      </c>
      <c r="B245" s="777"/>
      <c r="C245" s="777"/>
      <c r="D245" s="777"/>
      <c r="E245" s="777"/>
      <c r="F245" s="777"/>
      <c r="G245" s="777"/>
      <c r="H245" s="777"/>
      <c r="I245" s="777"/>
      <c r="J245" s="777"/>
      <c r="K245" s="777"/>
      <c r="L245" s="777"/>
      <c r="M245" s="777"/>
      <c r="N245" s="777"/>
      <c r="O245" s="777"/>
      <c r="P245" s="777"/>
      <c r="Q245" s="778"/>
      <c r="R245" s="1028"/>
      <c r="S245" s="561"/>
      <c r="T245" s="595"/>
      <c r="U245" s="1198"/>
      <c r="V245" s="600"/>
      <c r="W245" s="600"/>
      <c r="X245" s="600"/>
      <c r="Y245" s="600"/>
      <c r="Z245" s="600"/>
      <c r="AA245" s="600"/>
      <c r="AB245" s="600"/>
      <c r="AC245" s="600"/>
      <c r="AD245" s="600"/>
      <c r="AE245" s="600"/>
      <c r="AF245" s="600"/>
      <c r="AG245" s="600"/>
      <c r="AH245" s="600"/>
      <c r="AI245" s="600"/>
      <c r="AJ245" s="600"/>
      <c r="AK245" s="600"/>
      <c r="AL245" s="600"/>
      <c r="AM245" s="600"/>
      <c r="AN245" s="600"/>
      <c r="AO245" s="600"/>
      <c r="AP245" s="600"/>
      <c r="AQ245" s="600"/>
      <c r="AR245" s="600"/>
      <c r="AS245" s="600"/>
      <c r="AT245" s="600"/>
      <c r="AU245" s="600"/>
      <c r="AV245" s="600"/>
      <c r="AW245" s="600"/>
      <c r="AX245" s="600"/>
      <c r="AY245" s="600"/>
      <c r="AZ245" s="600"/>
      <c r="BA245" s="600"/>
      <c r="BB245" s="600"/>
      <c r="BC245" s="600"/>
      <c r="BD245" s="600"/>
      <c r="BE245" s="600"/>
    </row>
    <row r="246" spans="1:259" s="570" customFormat="1" ht="69.599999999999994" customHeight="1" x14ac:dyDescent="0.2">
      <c r="A246" s="779" t="s">
        <v>100</v>
      </c>
      <c r="B246" s="780"/>
      <c r="C246" s="780"/>
      <c r="D246" s="780"/>
      <c r="E246" s="780"/>
      <c r="F246" s="780"/>
      <c r="G246" s="780"/>
      <c r="H246" s="780"/>
      <c r="I246" s="780"/>
      <c r="J246" s="780"/>
      <c r="K246" s="780"/>
      <c r="L246" s="780"/>
      <c r="M246" s="780"/>
      <c r="N246" s="780"/>
      <c r="O246" s="780"/>
      <c r="P246" s="780"/>
      <c r="Q246" s="781"/>
      <c r="R246" s="1028"/>
      <c r="S246" s="561"/>
      <c r="T246" s="595"/>
      <c r="U246" s="596"/>
      <c r="V246" s="600"/>
      <c r="W246" s="600"/>
      <c r="X246" s="600"/>
      <c r="Y246" s="600"/>
      <c r="Z246" s="600"/>
      <c r="AA246" s="600"/>
      <c r="AB246" s="600"/>
      <c r="AC246" s="600"/>
      <c r="AD246" s="600"/>
      <c r="AE246" s="600"/>
      <c r="AF246" s="600"/>
      <c r="AG246" s="600"/>
      <c r="AH246" s="600"/>
      <c r="AI246" s="600"/>
      <c r="AJ246" s="600"/>
      <c r="AK246" s="600"/>
      <c r="AL246" s="600"/>
      <c r="AM246" s="600"/>
      <c r="AN246" s="600"/>
      <c r="AO246" s="600"/>
      <c r="AP246" s="600"/>
      <c r="AQ246" s="600"/>
      <c r="AR246" s="600"/>
      <c r="AS246" s="600"/>
      <c r="AT246" s="600"/>
      <c r="AU246" s="600"/>
      <c r="AV246" s="600"/>
      <c r="AW246" s="600"/>
      <c r="AX246" s="600"/>
      <c r="AY246" s="600"/>
      <c r="AZ246" s="600"/>
      <c r="BA246" s="600"/>
      <c r="BB246" s="600"/>
      <c r="BC246" s="600"/>
      <c r="BD246" s="600"/>
      <c r="BE246" s="600"/>
    </row>
    <row r="247" spans="1:259" s="546" customFormat="1" ht="69.900000000000006" customHeight="1" x14ac:dyDescent="0.2">
      <c r="A247" s="925" t="s">
        <v>343</v>
      </c>
      <c r="B247" s="926"/>
      <c r="C247" s="926"/>
      <c r="D247" s="926"/>
      <c r="E247" s="926"/>
      <c r="F247" s="926"/>
      <c r="G247" s="926"/>
      <c r="H247" s="926"/>
      <c r="I247" s="926"/>
      <c r="J247" s="926"/>
      <c r="K247" s="926"/>
      <c r="L247" s="926"/>
      <c r="M247" s="926"/>
      <c r="N247" s="926"/>
      <c r="O247" s="926"/>
      <c r="P247" s="926"/>
      <c r="Q247" s="927"/>
      <c r="R247" s="1068"/>
      <c r="S247" s="561"/>
      <c r="T247" s="199"/>
    </row>
    <row r="248" spans="1:259" s="570" customFormat="1" ht="70.2" customHeight="1" x14ac:dyDescent="0.2">
      <c r="A248" s="699" t="s">
        <v>147</v>
      </c>
      <c r="B248" s="700"/>
      <c r="C248" s="700"/>
      <c r="D248" s="700"/>
      <c r="E248" s="700"/>
      <c r="F248" s="700"/>
      <c r="G248" s="700"/>
      <c r="H248" s="700"/>
      <c r="I248" s="701"/>
      <c r="J248" s="841"/>
      <c r="K248" s="841"/>
      <c r="L248" s="841"/>
      <c r="M248" s="841"/>
      <c r="N248" s="841"/>
      <c r="O248" s="841"/>
      <c r="P248" s="841"/>
      <c r="Q248" s="913"/>
      <c r="R248" s="1028"/>
      <c r="S248" s="561"/>
      <c r="T248" s="595"/>
      <c r="U248" s="596"/>
      <c r="V248" s="600"/>
      <c r="W248" s="600"/>
      <c r="X248" s="600"/>
      <c r="Y248" s="600"/>
      <c r="Z248" s="600"/>
      <c r="AA248" s="600"/>
      <c r="AB248" s="600"/>
      <c r="AC248" s="600"/>
      <c r="AD248" s="600"/>
      <c r="AE248" s="600"/>
      <c r="AF248" s="600"/>
      <c r="AG248" s="600"/>
      <c r="AH248" s="600"/>
      <c r="AI248" s="600"/>
      <c r="AJ248" s="600"/>
      <c r="AK248" s="600"/>
      <c r="AL248" s="600"/>
      <c r="AM248" s="600"/>
      <c r="AN248" s="600"/>
      <c r="AO248" s="600"/>
      <c r="AP248" s="600"/>
      <c r="AQ248" s="600"/>
      <c r="AR248" s="600"/>
      <c r="AS248" s="600"/>
      <c r="AT248" s="600"/>
      <c r="AU248" s="600"/>
      <c r="AV248" s="600"/>
      <c r="AW248" s="600"/>
      <c r="AX248" s="600"/>
      <c r="AY248" s="600"/>
      <c r="AZ248" s="600"/>
      <c r="BA248" s="600"/>
      <c r="BB248" s="600"/>
      <c r="BC248" s="600"/>
      <c r="BD248" s="600"/>
      <c r="BE248" s="600"/>
    </row>
    <row r="249" spans="1:259" s="570" customFormat="1" ht="70.2" customHeight="1" x14ac:dyDescent="0.2">
      <c r="A249" s="707" t="s">
        <v>148</v>
      </c>
      <c r="B249" s="708"/>
      <c r="C249" s="708"/>
      <c r="D249" s="708"/>
      <c r="E249" s="708"/>
      <c r="F249" s="708"/>
      <c r="G249" s="708"/>
      <c r="H249" s="708"/>
      <c r="I249" s="709"/>
      <c r="J249" s="572" t="s">
        <v>149</v>
      </c>
      <c r="K249" s="710"/>
      <c r="L249" s="710"/>
      <c r="M249" s="710"/>
      <c r="N249" s="710"/>
      <c r="O249" s="710"/>
      <c r="P249" s="710"/>
      <c r="Q249" s="711"/>
      <c r="R249" s="1028"/>
      <c r="S249" s="561"/>
      <c r="T249" s="595"/>
      <c r="U249" s="596"/>
      <c r="V249" s="600"/>
      <c r="W249" s="600"/>
      <c r="X249" s="600"/>
      <c r="Y249" s="600"/>
      <c r="Z249" s="600"/>
      <c r="AA249" s="600"/>
      <c r="AB249" s="600"/>
      <c r="AC249" s="600"/>
      <c r="AD249" s="600"/>
      <c r="AE249" s="600"/>
      <c r="AF249" s="600"/>
      <c r="AG249" s="600"/>
      <c r="AH249" s="600"/>
      <c r="AI249" s="600"/>
      <c r="AJ249" s="600"/>
      <c r="AK249" s="600"/>
      <c r="AL249" s="600"/>
      <c r="AM249" s="600"/>
      <c r="AN249" s="600"/>
      <c r="AO249" s="600"/>
      <c r="AP249" s="600"/>
      <c r="AQ249" s="600"/>
      <c r="AR249" s="600"/>
      <c r="AS249" s="600"/>
      <c r="AT249" s="600"/>
      <c r="AU249" s="600"/>
      <c r="AV249" s="600"/>
      <c r="AW249" s="600"/>
      <c r="AX249" s="600"/>
      <c r="AY249" s="600"/>
      <c r="AZ249" s="600"/>
      <c r="BA249" s="600"/>
      <c r="BB249" s="600"/>
      <c r="BC249" s="600"/>
      <c r="BD249" s="600"/>
      <c r="BE249" s="600"/>
    </row>
    <row r="250" spans="1:259" s="570" customFormat="1" ht="70.2" customHeight="1" x14ac:dyDescent="0.2">
      <c r="A250" s="715"/>
      <c r="B250" s="716"/>
      <c r="C250" s="716"/>
      <c r="D250" s="716"/>
      <c r="E250" s="716"/>
      <c r="F250" s="716"/>
      <c r="G250" s="716"/>
      <c r="H250" s="716"/>
      <c r="I250" s="717"/>
      <c r="J250" s="843" t="s">
        <v>150</v>
      </c>
      <c r="K250" s="878"/>
      <c r="L250" s="914" t="s">
        <v>151</v>
      </c>
      <c r="M250" s="572"/>
      <c r="N250" s="710"/>
      <c r="O250" s="710"/>
      <c r="P250" s="710"/>
      <c r="Q250" s="711"/>
      <c r="R250" s="1028"/>
      <c r="S250" s="561"/>
      <c r="T250" s="595"/>
      <c r="U250" s="596"/>
      <c r="V250" s="600"/>
      <c r="W250" s="600"/>
      <c r="X250" s="600"/>
      <c r="Y250" s="600"/>
      <c r="Z250" s="600"/>
      <c r="AA250" s="600"/>
      <c r="AB250" s="600"/>
      <c r="AC250" s="600"/>
      <c r="AD250" s="600"/>
      <c r="AE250" s="600"/>
      <c r="AF250" s="600"/>
      <c r="AG250" s="600"/>
      <c r="AH250" s="600"/>
      <c r="AI250" s="600"/>
      <c r="AJ250" s="600"/>
      <c r="AK250" s="600"/>
      <c r="AL250" s="600"/>
      <c r="AM250" s="600"/>
      <c r="AN250" s="600"/>
      <c r="AO250" s="600"/>
      <c r="AP250" s="600"/>
      <c r="AQ250" s="600"/>
      <c r="AR250" s="600"/>
      <c r="AS250" s="600"/>
      <c r="AT250" s="600"/>
      <c r="AU250" s="600"/>
      <c r="AV250" s="600"/>
      <c r="AW250" s="600"/>
      <c r="AX250" s="600"/>
      <c r="AY250" s="600"/>
      <c r="AZ250" s="600"/>
      <c r="BA250" s="600"/>
      <c r="BB250" s="600"/>
      <c r="BC250" s="600"/>
      <c r="BD250" s="600"/>
      <c r="BE250" s="600"/>
    </row>
    <row r="251" spans="1:259" s="570" customFormat="1" ht="70.2" customHeight="1" x14ac:dyDescent="0.2">
      <c r="A251" s="707" t="s">
        <v>154</v>
      </c>
      <c r="B251" s="708"/>
      <c r="C251" s="708"/>
      <c r="D251" s="708"/>
      <c r="E251" s="708"/>
      <c r="F251" s="708"/>
      <c r="G251" s="708"/>
      <c r="H251" s="708"/>
      <c r="I251" s="709"/>
      <c r="J251" s="915" t="s">
        <v>155</v>
      </c>
      <c r="K251" s="572" t="s">
        <v>156</v>
      </c>
      <c r="L251" s="710"/>
      <c r="M251" s="710"/>
      <c r="N251" s="710"/>
      <c r="O251" s="710"/>
      <c r="P251" s="710"/>
      <c r="Q251" s="711"/>
      <c r="R251" s="186"/>
      <c r="S251" s="187"/>
      <c r="T251" s="188"/>
      <c r="U251" s="818"/>
      <c r="V251" s="190"/>
      <c r="W251" s="190"/>
      <c r="X251" s="190"/>
      <c r="Y251" s="190"/>
      <c r="Z251" s="190"/>
      <c r="AA251" s="190"/>
      <c r="AB251" s="190"/>
      <c r="AC251" s="190"/>
      <c r="AD251" s="190"/>
      <c r="AE251" s="190"/>
      <c r="AF251" s="190"/>
      <c r="AG251" s="190"/>
      <c r="AH251" s="190"/>
      <c r="AI251" s="190"/>
      <c r="AJ251" s="190"/>
      <c r="AK251" s="190"/>
      <c r="AL251" s="190"/>
      <c r="AM251" s="190"/>
      <c r="AN251" s="190"/>
      <c r="AO251" s="190"/>
      <c r="AP251" s="190"/>
      <c r="AQ251" s="190"/>
      <c r="AR251" s="190"/>
      <c r="AS251" s="190"/>
      <c r="AT251" s="190"/>
      <c r="AU251" s="190"/>
      <c r="AV251" s="190"/>
      <c r="AW251" s="190"/>
      <c r="AX251" s="190"/>
      <c r="AY251" s="190"/>
      <c r="AZ251" s="190"/>
      <c r="BA251" s="190"/>
      <c r="BB251" s="190"/>
      <c r="BC251" s="190"/>
      <c r="BD251" s="190"/>
      <c r="BE251" s="190"/>
      <c r="BF251" s="191"/>
      <c r="BG251" s="191"/>
      <c r="BH251" s="191"/>
      <c r="BI251" s="191"/>
      <c r="BJ251" s="191"/>
      <c r="BK251" s="191"/>
      <c r="BL251" s="191"/>
      <c r="BM251" s="191"/>
      <c r="BN251" s="191"/>
      <c r="BO251" s="191"/>
      <c r="BP251" s="191"/>
      <c r="BQ251" s="191"/>
      <c r="BR251" s="191"/>
      <c r="BS251" s="191"/>
      <c r="BT251" s="191"/>
      <c r="BU251" s="191"/>
      <c r="BV251" s="191"/>
      <c r="BW251" s="191"/>
      <c r="BX251" s="191"/>
      <c r="BY251" s="191"/>
      <c r="BZ251" s="191"/>
      <c r="CA251" s="191"/>
      <c r="CB251" s="191"/>
      <c r="CC251" s="191"/>
      <c r="CD251" s="191"/>
      <c r="CE251" s="191"/>
      <c r="CF251" s="191"/>
      <c r="CG251" s="191"/>
      <c r="CH251" s="191"/>
      <c r="CI251" s="191"/>
      <c r="CJ251" s="191"/>
      <c r="CK251" s="191"/>
      <c r="CL251" s="191"/>
      <c r="CM251" s="191"/>
      <c r="CN251" s="191"/>
      <c r="CO251" s="191"/>
      <c r="CP251" s="191"/>
      <c r="CQ251" s="191"/>
      <c r="CR251" s="191"/>
      <c r="CS251" s="191"/>
      <c r="CT251" s="191"/>
      <c r="CU251" s="191"/>
      <c r="CV251" s="191"/>
      <c r="CW251" s="191"/>
      <c r="CX251" s="191"/>
      <c r="CY251" s="191"/>
      <c r="CZ251" s="191"/>
      <c r="DA251" s="191"/>
      <c r="DB251" s="191"/>
      <c r="DC251" s="191"/>
      <c r="DD251" s="191"/>
      <c r="DE251" s="191"/>
      <c r="DF251" s="191"/>
      <c r="DG251" s="191"/>
      <c r="DH251" s="191"/>
      <c r="DI251" s="191"/>
      <c r="DJ251" s="191"/>
      <c r="DK251" s="191"/>
      <c r="DL251" s="191"/>
      <c r="DM251" s="191"/>
      <c r="DN251" s="191"/>
      <c r="DO251" s="191"/>
      <c r="DP251" s="191"/>
      <c r="DQ251" s="191"/>
      <c r="DR251" s="191"/>
      <c r="DS251" s="191"/>
      <c r="DT251" s="191"/>
      <c r="DU251" s="191"/>
      <c r="DV251" s="191"/>
      <c r="DW251" s="191"/>
      <c r="DX251" s="191"/>
      <c r="DY251" s="191"/>
      <c r="DZ251" s="191"/>
      <c r="EA251" s="191"/>
      <c r="EB251" s="191"/>
      <c r="EC251" s="191"/>
      <c r="ED251" s="191"/>
      <c r="EE251" s="191"/>
      <c r="EF251" s="191"/>
      <c r="EG251" s="191"/>
      <c r="EH251" s="191"/>
      <c r="EI251" s="191"/>
      <c r="EJ251" s="191"/>
      <c r="EK251" s="191"/>
      <c r="EL251" s="191"/>
      <c r="EM251" s="191"/>
      <c r="EN251" s="191"/>
      <c r="EO251" s="191"/>
      <c r="EP251" s="191"/>
      <c r="EQ251" s="191"/>
      <c r="ER251" s="191"/>
      <c r="ES251" s="191"/>
      <c r="ET251" s="191"/>
      <c r="EU251" s="191"/>
      <c r="EV251" s="191"/>
      <c r="EW251" s="191"/>
      <c r="EX251" s="191"/>
      <c r="EY251" s="191"/>
      <c r="EZ251" s="191"/>
      <c r="FA251" s="191"/>
      <c r="FB251" s="191"/>
      <c r="FC251" s="191"/>
      <c r="FD251" s="191"/>
      <c r="FE251" s="191"/>
      <c r="FF251" s="191"/>
      <c r="FG251" s="191"/>
      <c r="FH251" s="191"/>
      <c r="FI251" s="191"/>
      <c r="FJ251" s="191"/>
      <c r="FK251" s="191"/>
      <c r="FL251" s="191"/>
      <c r="FM251" s="191"/>
      <c r="FN251" s="191"/>
      <c r="FO251" s="191"/>
      <c r="FP251" s="191"/>
      <c r="FQ251" s="191"/>
      <c r="FR251" s="191"/>
      <c r="FS251" s="191"/>
      <c r="FT251" s="191"/>
      <c r="FU251" s="191"/>
      <c r="FV251" s="191"/>
      <c r="FW251" s="191"/>
      <c r="FX251" s="191"/>
      <c r="FY251" s="191"/>
      <c r="FZ251" s="191"/>
      <c r="GA251" s="191"/>
      <c r="GB251" s="191"/>
      <c r="GC251" s="191"/>
      <c r="GD251" s="191"/>
      <c r="GE251" s="191"/>
      <c r="GF251" s="191"/>
      <c r="GG251" s="191"/>
      <c r="GH251" s="191"/>
      <c r="GI251" s="191"/>
      <c r="GJ251" s="191"/>
      <c r="GK251" s="191"/>
      <c r="GL251" s="191"/>
      <c r="GM251" s="191"/>
      <c r="GN251" s="191"/>
      <c r="GO251" s="191"/>
      <c r="GP251" s="191"/>
      <c r="GQ251" s="191"/>
      <c r="GR251" s="191"/>
      <c r="GS251" s="191"/>
      <c r="GT251" s="191"/>
      <c r="GU251" s="191"/>
      <c r="GV251" s="191"/>
      <c r="GW251" s="191"/>
      <c r="GX251" s="191"/>
      <c r="GY251" s="191"/>
      <c r="GZ251" s="191"/>
      <c r="HA251" s="191"/>
      <c r="HB251" s="191"/>
      <c r="HC251" s="191"/>
      <c r="HD251" s="191"/>
      <c r="HE251" s="191"/>
      <c r="HF251" s="191"/>
      <c r="HG251" s="191"/>
      <c r="HH251" s="191"/>
      <c r="HI251" s="191"/>
      <c r="HJ251" s="191"/>
      <c r="HK251" s="191"/>
      <c r="HL251" s="191"/>
      <c r="HM251" s="191"/>
      <c r="HN251" s="191"/>
      <c r="HO251" s="191"/>
      <c r="HP251" s="191"/>
      <c r="HQ251" s="191"/>
      <c r="HR251" s="191"/>
      <c r="HS251" s="191"/>
      <c r="HT251" s="191"/>
      <c r="HU251" s="191"/>
      <c r="HV251" s="191"/>
      <c r="HW251" s="191"/>
      <c r="HX251" s="191"/>
      <c r="HY251" s="191"/>
      <c r="HZ251" s="191"/>
      <c r="IA251" s="191"/>
      <c r="IB251" s="191"/>
      <c r="IC251" s="191"/>
      <c r="ID251" s="191"/>
      <c r="IE251" s="191"/>
      <c r="IF251" s="191"/>
      <c r="IG251" s="191"/>
      <c r="IH251" s="191"/>
      <c r="II251" s="191"/>
      <c r="IJ251" s="191"/>
      <c r="IK251" s="191"/>
      <c r="IL251" s="191"/>
      <c r="IM251" s="191"/>
      <c r="IN251" s="191"/>
      <c r="IO251" s="191"/>
      <c r="IP251" s="191"/>
      <c r="IQ251" s="191"/>
      <c r="IR251" s="191"/>
      <c r="IS251" s="191"/>
      <c r="IT251" s="191"/>
      <c r="IU251" s="191"/>
      <c r="IV251" s="191"/>
      <c r="IW251" s="191"/>
      <c r="IX251" s="191"/>
      <c r="IY251" s="191"/>
    </row>
    <row r="252" spans="1:259" s="570" customFormat="1" ht="70.2" customHeight="1" x14ac:dyDescent="0.2">
      <c r="A252" s="712"/>
      <c r="B252" s="713"/>
      <c r="C252" s="713"/>
      <c r="D252" s="713"/>
      <c r="E252" s="713"/>
      <c r="F252" s="713"/>
      <c r="G252" s="713"/>
      <c r="H252" s="713"/>
      <c r="I252" s="714"/>
      <c r="J252" s="572" t="s">
        <v>157</v>
      </c>
      <c r="K252" s="710"/>
      <c r="L252" s="710"/>
      <c r="M252" s="710"/>
      <c r="N252" s="710"/>
      <c r="O252" s="710"/>
      <c r="P252" s="710"/>
      <c r="Q252" s="711"/>
      <c r="R252" s="186"/>
      <c r="S252" s="187"/>
      <c r="T252" s="188"/>
      <c r="U252" s="818"/>
      <c r="V252" s="190"/>
      <c r="W252" s="190"/>
      <c r="X252" s="190"/>
      <c r="Y252" s="190"/>
      <c r="Z252" s="190"/>
      <c r="AA252" s="190"/>
      <c r="AB252" s="190"/>
      <c r="AC252" s="190"/>
      <c r="AD252" s="190"/>
      <c r="AE252" s="190"/>
      <c r="AF252" s="190"/>
      <c r="AG252" s="190"/>
      <c r="AH252" s="190"/>
      <c r="AI252" s="190"/>
      <c r="AJ252" s="190"/>
      <c r="AK252" s="190"/>
      <c r="AL252" s="190"/>
      <c r="AM252" s="190"/>
      <c r="AN252" s="190"/>
      <c r="AO252" s="190"/>
      <c r="AP252" s="190"/>
      <c r="AQ252" s="190"/>
      <c r="AR252" s="190"/>
      <c r="AS252" s="190"/>
      <c r="AT252" s="190"/>
      <c r="AU252" s="190"/>
      <c r="AV252" s="190"/>
      <c r="AW252" s="190"/>
      <c r="AX252" s="190"/>
      <c r="AY252" s="190"/>
      <c r="AZ252" s="190"/>
      <c r="BA252" s="190"/>
      <c r="BB252" s="190"/>
      <c r="BC252" s="190"/>
      <c r="BD252" s="190"/>
      <c r="BE252" s="190"/>
      <c r="BF252" s="191"/>
      <c r="BG252" s="191"/>
      <c r="BH252" s="191"/>
      <c r="BI252" s="191"/>
      <c r="BJ252" s="191"/>
      <c r="BK252" s="191"/>
      <c r="BL252" s="191"/>
      <c r="BM252" s="191"/>
      <c r="BN252" s="191"/>
      <c r="BO252" s="191"/>
      <c r="BP252" s="191"/>
      <c r="BQ252" s="191"/>
      <c r="BR252" s="191"/>
      <c r="BS252" s="191"/>
      <c r="BT252" s="191"/>
      <c r="BU252" s="191"/>
      <c r="BV252" s="191"/>
      <c r="BW252" s="191"/>
      <c r="BX252" s="191"/>
      <c r="BY252" s="191"/>
      <c r="BZ252" s="191"/>
      <c r="CA252" s="191"/>
      <c r="CB252" s="191"/>
      <c r="CC252" s="191"/>
      <c r="CD252" s="191"/>
      <c r="CE252" s="191"/>
      <c r="CF252" s="191"/>
      <c r="CG252" s="191"/>
      <c r="CH252" s="191"/>
      <c r="CI252" s="191"/>
      <c r="CJ252" s="191"/>
      <c r="CK252" s="191"/>
      <c r="CL252" s="191"/>
      <c r="CM252" s="191"/>
      <c r="CN252" s="191"/>
      <c r="CO252" s="191"/>
      <c r="CP252" s="191"/>
      <c r="CQ252" s="191"/>
      <c r="CR252" s="191"/>
      <c r="CS252" s="191"/>
      <c r="CT252" s="191"/>
      <c r="CU252" s="191"/>
      <c r="CV252" s="191"/>
      <c r="CW252" s="191"/>
      <c r="CX252" s="191"/>
      <c r="CY252" s="191"/>
      <c r="CZ252" s="191"/>
      <c r="DA252" s="191"/>
      <c r="DB252" s="191"/>
      <c r="DC252" s="191"/>
      <c r="DD252" s="191"/>
      <c r="DE252" s="191"/>
      <c r="DF252" s="191"/>
      <c r="DG252" s="191"/>
      <c r="DH252" s="191"/>
      <c r="DI252" s="191"/>
      <c r="DJ252" s="191"/>
      <c r="DK252" s="191"/>
      <c r="DL252" s="191"/>
      <c r="DM252" s="191"/>
      <c r="DN252" s="191"/>
      <c r="DO252" s="191"/>
      <c r="DP252" s="191"/>
      <c r="DQ252" s="191"/>
      <c r="DR252" s="191"/>
      <c r="DS252" s="191"/>
      <c r="DT252" s="191"/>
      <c r="DU252" s="191"/>
      <c r="DV252" s="191"/>
      <c r="DW252" s="191"/>
      <c r="DX252" s="191"/>
      <c r="DY252" s="191"/>
      <c r="DZ252" s="191"/>
      <c r="EA252" s="191"/>
      <c r="EB252" s="191"/>
      <c r="EC252" s="191"/>
      <c r="ED252" s="191"/>
      <c r="EE252" s="191"/>
      <c r="EF252" s="191"/>
      <c r="EG252" s="191"/>
      <c r="EH252" s="191"/>
      <c r="EI252" s="191"/>
      <c r="EJ252" s="191"/>
      <c r="EK252" s="191"/>
      <c r="EL252" s="191"/>
      <c r="EM252" s="191"/>
      <c r="EN252" s="191"/>
      <c r="EO252" s="191"/>
      <c r="EP252" s="191"/>
      <c r="EQ252" s="191"/>
      <c r="ER252" s="191"/>
      <c r="ES252" s="191"/>
      <c r="ET252" s="191"/>
      <c r="EU252" s="191"/>
      <c r="EV252" s="191"/>
      <c r="EW252" s="191"/>
      <c r="EX252" s="191"/>
      <c r="EY252" s="191"/>
      <c r="EZ252" s="191"/>
      <c r="FA252" s="191"/>
      <c r="FB252" s="191"/>
      <c r="FC252" s="191"/>
      <c r="FD252" s="191"/>
      <c r="FE252" s="191"/>
      <c r="FF252" s="191"/>
      <c r="FG252" s="191"/>
      <c r="FH252" s="191"/>
      <c r="FI252" s="191"/>
      <c r="FJ252" s="191"/>
      <c r="FK252" s="191"/>
      <c r="FL252" s="191"/>
      <c r="FM252" s="191"/>
      <c r="FN252" s="191"/>
      <c r="FO252" s="191"/>
      <c r="FP252" s="191"/>
      <c r="FQ252" s="191"/>
      <c r="FR252" s="191"/>
      <c r="FS252" s="191"/>
      <c r="FT252" s="191"/>
      <c r="FU252" s="191"/>
      <c r="FV252" s="191"/>
      <c r="FW252" s="191"/>
      <c r="FX252" s="191"/>
      <c r="FY252" s="191"/>
      <c r="FZ252" s="191"/>
      <c r="GA252" s="191"/>
      <c r="GB252" s="191"/>
      <c r="GC252" s="191"/>
      <c r="GD252" s="191"/>
      <c r="GE252" s="191"/>
      <c r="GF252" s="191"/>
      <c r="GG252" s="191"/>
      <c r="GH252" s="191"/>
      <c r="GI252" s="191"/>
      <c r="GJ252" s="191"/>
      <c r="GK252" s="191"/>
      <c r="GL252" s="191"/>
      <c r="GM252" s="191"/>
      <c r="GN252" s="191"/>
      <c r="GO252" s="191"/>
      <c r="GP252" s="191"/>
      <c r="GQ252" s="191"/>
      <c r="GR252" s="191"/>
      <c r="GS252" s="191"/>
      <c r="GT252" s="191"/>
      <c r="GU252" s="191"/>
      <c r="GV252" s="191"/>
      <c r="GW252" s="191"/>
      <c r="GX252" s="191"/>
      <c r="GY252" s="191"/>
      <c r="GZ252" s="191"/>
      <c r="HA252" s="191"/>
      <c r="HB252" s="191"/>
      <c r="HC252" s="191"/>
      <c r="HD252" s="191"/>
      <c r="HE252" s="191"/>
      <c r="HF252" s="191"/>
      <c r="HG252" s="191"/>
      <c r="HH252" s="191"/>
      <c r="HI252" s="191"/>
      <c r="HJ252" s="191"/>
      <c r="HK252" s="191"/>
      <c r="HL252" s="191"/>
      <c r="HM252" s="191"/>
      <c r="HN252" s="191"/>
      <c r="HO252" s="191"/>
      <c r="HP252" s="191"/>
      <c r="HQ252" s="191"/>
      <c r="HR252" s="191"/>
      <c r="HS252" s="191"/>
      <c r="HT252" s="191"/>
      <c r="HU252" s="191"/>
      <c r="HV252" s="191"/>
      <c r="HW252" s="191"/>
      <c r="HX252" s="191"/>
      <c r="HY252" s="191"/>
      <c r="HZ252" s="191"/>
      <c r="IA252" s="191"/>
      <c r="IB252" s="191"/>
      <c r="IC252" s="191"/>
      <c r="ID252" s="191"/>
      <c r="IE252" s="191"/>
      <c r="IF252" s="191"/>
      <c r="IG252" s="191"/>
      <c r="IH252" s="191"/>
      <c r="II252" s="191"/>
      <c r="IJ252" s="191"/>
      <c r="IK252" s="191"/>
      <c r="IL252" s="191"/>
      <c r="IM252" s="191"/>
      <c r="IN252" s="191"/>
      <c r="IO252" s="191"/>
      <c r="IP252" s="191"/>
      <c r="IQ252" s="191"/>
      <c r="IR252" s="191"/>
      <c r="IS252" s="191"/>
      <c r="IT252" s="191"/>
      <c r="IU252" s="191"/>
      <c r="IV252" s="191"/>
      <c r="IW252" s="191"/>
      <c r="IX252" s="191"/>
      <c r="IY252" s="191"/>
    </row>
    <row r="253" spans="1:259" s="570" customFormat="1" ht="70.2" customHeight="1" x14ac:dyDescent="0.2">
      <c r="A253" s="715"/>
      <c r="B253" s="716"/>
      <c r="C253" s="716"/>
      <c r="D253" s="716"/>
      <c r="E253" s="716"/>
      <c r="F253" s="716"/>
      <c r="G253" s="716"/>
      <c r="H253" s="716"/>
      <c r="I253" s="717"/>
      <c r="J253" s="843" t="s">
        <v>158</v>
      </c>
      <c r="K253" s="878"/>
      <c r="L253" s="914" t="s">
        <v>151</v>
      </c>
      <c r="M253" s="572"/>
      <c r="N253" s="710"/>
      <c r="O253" s="710"/>
      <c r="P253" s="710"/>
      <c r="Q253" s="711"/>
      <c r="R253" s="186"/>
      <c r="S253" s="187"/>
      <c r="T253" s="188"/>
      <c r="U253" s="818"/>
      <c r="V253" s="190"/>
      <c r="W253" s="190"/>
      <c r="X253" s="190"/>
      <c r="Y253" s="190"/>
      <c r="Z253" s="190"/>
      <c r="AA253" s="190"/>
      <c r="AB253" s="190"/>
      <c r="AC253" s="190"/>
      <c r="AD253" s="190"/>
      <c r="AE253" s="190"/>
      <c r="AF253" s="190"/>
      <c r="AG253" s="190"/>
      <c r="AH253" s="190"/>
      <c r="AI253" s="190"/>
      <c r="AJ253" s="190"/>
      <c r="AK253" s="190"/>
      <c r="AL253" s="190"/>
      <c r="AM253" s="190"/>
      <c r="AN253" s="190"/>
      <c r="AO253" s="190"/>
      <c r="AP253" s="190"/>
      <c r="AQ253" s="190"/>
      <c r="AR253" s="190"/>
      <c r="AS253" s="190"/>
      <c r="AT253" s="190"/>
      <c r="AU253" s="190"/>
      <c r="AV253" s="190"/>
      <c r="AW253" s="190"/>
      <c r="AX253" s="190"/>
      <c r="AY253" s="190"/>
      <c r="AZ253" s="190"/>
      <c r="BA253" s="190"/>
      <c r="BB253" s="190"/>
      <c r="BC253" s="190"/>
      <c r="BD253" s="190"/>
      <c r="BE253" s="190"/>
      <c r="BF253" s="191"/>
      <c r="BG253" s="191"/>
      <c r="BH253" s="191"/>
      <c r="BI253" s="191"/>
      <c r="BJ253" s="191"/>
      <c r="BK253" s="191"/>
      <c r="BL253" s="191"/>
      <c r="BM253" s="191"/>
      <c r="BN253" s="191"/>
      <c r="BO253" s="191"/>
      <c r="BP253" s="191"/>
      <c r="BQ253" s="191"/>
      <c r="BR253" s="191"/>
      <c r="BS253" s="191"/>
      <c r="BT253" s="191"/>
      <c r="BU253" s="191"/>
      <c r="BV253" s="191"/>
      <c r="BW253" s="191"/>
      <c r="BX253" s="191"/>
      <c r="BY253" s="191"/>
      <c r="BZ253" s="191"/>
      <c r="CA253" s="191"/>
      <c r="CB253" s="191"/>
      <c r="CC253" s="191"/>
      <c r="CD253" s="191"/>
      <c r="CE253" s="191"/>
      <c r="CF253" s="191"/>
      <c r="CG253" s="191"/>
      <c r="CH253" s="191"/>
      <c r="CI253" s="191"/>
      <c r="CJ253" s="191"/>
      <c r="CK253" s="191"/>
      <c r="CL253" s="191"/>
      <c r="CM253" s="191"/>
      <c r="CN253" s="191"/>
      <c r="CO253" s="191"/>
      <c r="CP253" s="191"/>
      <c r="CQ253" s="191"/>
      <c r="CR253" s="191"/>
      <c r="CS253" s="191"/>
      <c r="CT253" s="191"/>
      <c r="CU253" s="191"/>
      <c r="CV253" s="191"/>
      <c r="CW253" s="191"/>
      <c r="CX253" s="191"/>
      <c r="CY253" s="191"/>
      <c r="CZ253" s="191"/>
      <c r="DA253" s="191"/>
      <c r="DB253" s="191"/>
      <c r="DC253" s="191"/>
      <c r="DD253" s="191"/>
      <c r="DE253" s="191"/>
      <c r="DF253" s="191"/>
      <c r="DG253" s="191"/>
      <c r="DH253" s="191"/>
      <c r="DI253" s="191"/>
      <c r="DJ253" s="191"/>
      <c r="DK253" s="191"/>
      <c r="DL253" s="191"/>
      <c r="DM253" s="191"/>
      <c r="DN253" s="191"/>
      <c r="DO253" s="191"/>
      <c r="DP253" s="191"/>
      <c r="DQ253" s="191"/>
      <c r="DR253" s="191"/>
      <c r="DS253" s="191"/>
      <c r="DT253" s="191"/>
      <c r="DU253" s="191"/>
      <c r="DV253" s="191"/>
      <c r="DW253" s="191"/>
      <c r="DX253" s="191"/>
      <c r="DY253" s="191"/>
      <c r="DZ253" s="191"/>
      <c r="EA253" s="191"/>
      <c r="EB253" s="191"/>
      <c r="EC253" s="191"/>
      <c r="ED253" s="191"/>
      <c r="EE253" s="191"/>
      <c r="EF253" s="191"/>
      <c r="EG253" s="191"/>
      <c r="EH253" s="191"/>
      <c r="EI253" s="191"/>
      <c r="EJ253" s="191"/>
      <c r="EK253" s="191"/>
      <c r="EL253" s="191"/>
      <c r="EM253" s="191"/>
      <c r="EN253" s="191"/>
      <c r="EO253" s="191"/>
      <c r="EP253" s="191"/>
      <c r="EQ253" s="191"/>
      <c r="ER253" s="191"/>
      <c r="ES253" s="191"/>
      <c r="ET253" s="191"/>
      <c r="EU253" s="191"/>
      <c r="EV253" s="191"/>
      <c r="EW253" s="191"/>
      <c r="EX253" s="191"/>
      <c r="EY253" s="191"/>
      <c r="EZ253" s="191"/>
      <c r="FA253" s="191"/>
      <c r="FB253" s="191"/>
      <c r="FC253" s="191"/>
      <c r="FD253" s="191"/>
      <c r="FE253" s="191"/>
      <c r="FF253" s="191"/>
      <c r="FG253" s="191"/>
      <c r="FH253" s="191"/>
      <c r="FI253" s="191"/>
      <c r="FJ253" s="191"/>
      <c r="FK253" s="191"/>
      <c r="FL253" s="191"/>
      <c r="FM253" s="191"/>
      <c r="FN253" s="191"/>
      <c r="FO253" s="191"/>
      <c r="FP253" s="191"/>
      <c r="FQ253" s="191"/>
      <c r="FR253" s="191"/>
      <c r="FS253" s="191"/>
      <c r="FT253" s="191"/>
      <c r="FU253" s="191"/>
      <c r="FV253" s="191"/>
      <c r="FW253" s="191"/>
      <c r="FX253" s="191"/>
      <c r="FY253" s="191"/>
      <c r="FZ253" s="191"/>
      <c r="GA253" s="191"/>
      <c r="GB253" s="191"/>
      <c r="GC253" s="191"/>
      <c r="GD253" s="191"/>
      <c r="GE253" s="191"/>
      <c r="GF253" s="191"/>
      <c r="GG253" s="191"/>
      <c r="GH253" s="191"/>
      <c r="GI253" s="191"/>
      <c r="GJ253" s="191"/>
      <c r="GK253" s="191"/>
      <c r="GL253" s="191"/>
      <c r="GM253" s="191"/>
      <c r="GN253" s="191"/>
      <c r="GO253" s="191"/>
      <c r="GP253" s="191"/>
      <c r="GQ253" s="191"/>
      <c r="GR253" s="191"/>
      <c r="GS253" s="191"/>
      <c r="GT253" s="191"/>
      <c r="GU253" s="191"/>
      <c r="GV253" s="191"/>
      <c r="GW253" s="191"/>
      <c r="GX253" s="191"/>
      <c r="GY253" s="191"/>
      <c r="GZ253" s="191"/>
      <c r="HA253" s="191"/>
      <c r="HB253" s="191"/>
      <c r="HC253" s="191"/>
      <c r="HD253" s="191"/>
      <c r="HE253" s="191"/>
      <c r="HF253" s="191"/>
      <c r="HG253" s="191"/>
      <c r="HH253" s="191"/>
      <c r="HI253" s="191"/>
      <c r="HJ253" s="191"/>
      <c r="HK253" s="191"/>
      <c r="HL253" s="191"/>
      <c r="HM253" s="191"/>
      <c r="HN253" s="191"/>
      <c r="HO253" s="191"/>
      <c r="HP253" s="191"/>
      <c r="HQ253" s="191"/>
      <c r="HR253" s="191"/>
      <c r="HS253" s="191"/>
      <c r="HT253" s="191"/>
      <c r="HU253" s="191"/>
      <c r="HV253" s="191"/>
      <c r="HW253" s="191"/>
      <c r="HX253" s="191"/>
      <c r="HY253" s="191"/>
      <c r="HZ253" s="191"/>
      <c r="IA253" s="191"/>
      <c r="IB253" s="191"/>
      <c r="IC253" s="191"/>
      <c r="ID253" s="191"/>
      <c r="IE253" s="191"/>
      <c r="IF253" s="191"/>
      <c r="IG253" s="191"/>
      <c r="IH253" s="191"/>
      <c r="II253" s="191"/>
      <c r="IJ253" s="191"/>
      <c r="IK253" s="191"/>
      <c r="IL253" s="191"/>
      <c r="IM253" s="191"/>
      <c r="IN253" s="191"/>
      <c r="IO253" s="191"/>
      <c r="IP253" s="191"/>
      <c r="IQ253" s="191"/>
      <c r="IR253" s="191"/>
      <c r="IS253" s="191"/>
      <c r="IT253" s="191"/>
      <c r="IU253" s="191"/>
      <c r="IV253" s="191"/>
      <c r="IW253" s="191"/>
      <c r="IX253" s="191"/>
      <c r="IY253" s="191"/>
    </row>
    <row r="254" spans="1:259" s="570" customFormat="1" ht="70.2" customHeight="1" x14ac:dyDescent="0.2">
      <c r="A254" s="928" t="s">
        <v>159</v>
      </c>
      <c r="B254" s="929"/>
      <c r="C254" s="929"/>
      <c r="D254" s="929"/>
      <c r="E254" s="929"/>
      <c r="F254" s="929"/>
      <c r="G254" s="929"/>
      <c r="H254" s="929"/>
      <c r="I254" s="930"/>
      <c r="J254" s="849"/>
      <c r="K254" s="849"/>
      <c r="L254" s="849"/>
      <c r="M254" s="849"/>
      <c r="N254" s="849"/>
      <c r="O254" s="849"/>
      <c r="P254" s="849"/>
      <c r="Q254" s="931"/>
      <c r="R254" s="186"/>
      <c r="S254" s="187"/>
      <c r="T254" s="188"/>
      <c r="U254" s="818"/>
      <c r="V254" s="190"/>
      <c r="W254" s="190"/>
      <c r="X254" s="190"/>
      <c r="Y254" s="190"/>
      <c r="Z254" s="190"/>
      <c r="AA254" s="190"/>
      <c r="AB254" s="190"/>
      <c r="AC254" s="190"/>
      <c r="AD254" s="190"/>
      <c r="AE254" s="190"/>
      <c r="AF254" s="190"/>
      <c r="AG254" s="190"/>
      <c r="AH254" s="190"/>
      <c r="AI254" s="190"/>
      <c r="AJ254" s="190"/>
      <c r="AK254" s="190"/>
      <c r="AL254" s="190"/>
      <c r="AM254" s="190"/>
      <c r="AN254" s="190"/>
      <c r="AO254" s="190"/>
      <c r="AP254" s="190"/>
      <c r="AQ254" s="190"/>
      <c r="AR254" s="190"/>
      <c r="AS254" s="190"/>
      <c r="AT254" s="190"/>
      <c r="AU254" s="190"/>
      <c r="AV254" s="190"/>
      <c r="AW254" s="190"/>
      <c r="AX254" s="190"/>
      <c r="AY254" s="190"/>
      <c r="AZ254" s="190"/>
      <c r="BA254" s="190"/>
      <c r="BB254" s="190"/>
      <c r="BC254" s="190"/>
      <c r="BD254" s="190"/>
      <c r="BE254" s="190"/>
      <c r="BF254" s="191"/>
      <c r="BG254" s="191"/>
      <c r="BH254" s="191"/>
      <c r="BI254" s="191"/>
      <c r="BJ254" s="191"/>
      <c r="BK254" s="191"/>
      <c r="BL254" s="191"/>
      <c r="BM254" s="191"/>
      <c r="BN254" s="191"/>
      <c r="BO254" s="191"/>
      <c r="BP254" s="191"/>
      <c r="BQ254" s="191"/>
      <c r="BR254" s="191"/>
      <c r="BS254" s="191"/>
      <c r="BT254" s="191"/>
      <c r="BU254" s="191"/>
      <c r="BV254" s="191"/>
      <c r="BW254" s="191"/>
      <c r="BX254" s="191"/>
      <c r="BY254" s="191"/>
      <c r="BZ254" s="191"/>
      <c r="CA254" s="191"/>
      <c r="CB254" s="191"/>
      <c r="CC254" s="191"/>
      <c r="CD254" s="191"/>
      <c r="CE254" s="191"/>
      <c r="CF254" s="191"/>
      <c r="CG254" s="191"/>
      <c r="CH254" s="191"/>
      <c r="CI254" s="191"/>
      <c r="CJ254" s="191"/>
      <c r="CK254" s="191"/>
      <c r="CL254" s="191"/>
      <c r="CM254" s="191"/>
      <c r="CN254" s="191"/>
      <c r="CO254" s="191"/>
      <c r="CP254" s="191"/>
      <c r="CQ254" s="191"/>
      <c r="CR254" s="191"/>
      <c r="CS254" s="191"/>
      <c r="CT254" s="191"/>
      <c r="CU254" s="191"/>
      <c r="CV254" s="191"/>
      <c r="CW254" s="191"/>
      <c r="CX254" s="191"/>
      <c r="CY254" s="191"/>
      <c r="CZ254" s="191"/>
      <c r="DA254" s="191"/>
      <c r="DB254" s="191"/>
      <c r="DC254" s="191"/>
      <c r="DD254" s="191"/>
      <c r="DE254" s="191"/>
      <c r="DF254" s="191"/>
      <c r="DG254" s="191"/>
      <c r="DH254" s="191"/>
      <c r="DI254" s="191"/>
      <c r="DJ254" s="191"/>
      <c r="DK254" s="191"/>
      <c r="DL254" s="191"/>
      <c r="DM254" s="191"/>
      <c r="DN254" s="191"/>
      <c r="DO254" s="191"/>
      <c r="DP254" s="191"/>
      <c r="DQ254" s="191"/>
      <c r="DR254" s="191"/>
      <c r="DS254" s="191"/>
      <c r="DT254" s="191"/>
      <c r="DU254" s="191"/>
      <c r="DV254" s="191"/>
      <c r="DW254" s="191"/>
      <c r="DX254" s="191"/>
      <c r="DY254" s="191"/>
      <c r="DZ254" s="191"/>
      <c r="EA254" s="191"/>
      <c r="EB254" s="191"/>
      <c r="EC254" s="191"/>
      <c r="ED254" s="191"/>
      <c r="EE254" s="191"/>
      <c r="EF254" s="191"/>
      <c r="EG254" s="191"/>
      <c r="EH254" s="191"/>
      <c r="EI254" s="191"/>
      <c r="EJ254" s="191"/>
      <c r="EK254" s="191"/>
      <c r="EL254" s="191"/>
      <c r="EM254" s="191"/>
      <c r="EN254" s="191"/>
      <c r="EO254" s="191"/>
      <c r="EP254" s="191"/>
      <c r="EQ254" s="191"/>
      <c r="ER254" s="191"/>
      <c r="ES254" s="191"/>
      <c r="ET254" s="191"/>
      <c r="EU254" s="191"/>
      <c r="EV254" s="191"/>
      <c r="EW254" s="191"/>
      <c r="EX254" s="191"/>
      <c r="EY254" s="191"/>
      <c r="EZ254" s="191"/>
      <c r="FA254" s="191"/>
      <c r="FB254" s="191"/>
      <c r="FC254" s="191"/>
      <c r="FD254" s="191"/>
      <c r="FE254" s="191"/>
      <c r="FF254" s="191"/>
      <c r="FG254" s="191"/>
      <c r="FH254" s="191"/>
      <c r="FI254" s="191"/>
      <c r="FJ254" s="191"/>
      <c r="FK254" s="191"/>
      <c r="FL254" s="191"/>
      <c r="FM254" s="191"/>
      <c r="FN254" s="191"/>
      <c r="FO254" s="191"/>
      <c r="FP254" s="191"/>
      <c r="FQ254" s="191"/>
      <c r="FR254" s="191"/>
      <c r="FS254" s="191"/>
      <c r="FT254" s="191"/>
      <c r="FU254" s="191"/>
      <c r="FV254" s="191"/>
      <c r="FW254" s="191"/>
      <c r="FX254" s="191"/>
      <c r="FY254" s="191"/>
      <c r="FZ254" s="191"/>
      <c r="GA254" s="191"/>
      <c r="GB254" s="191"/>
      <c r="GC254" s="191"/>
      <c r="GD254" s="191"/>
      <c r="GE254" s="191"/>
      <c r="GF254" s="191"/>
      <c r="GG254" s="191"/>
      <c r="GH254" s="191"/>
      <c r="GI254" s="191"/>
      <c r="GJ254" s="191"/>
      <c r="GK254" s="191"/>
      <c r="GL254" s="191"/>
      <c r="GM254" s="191"/>
      <c r="GN254" s="191"/>
      <c r="GO254" s="191"/>
      <c r="GP254" s="191"/>
      <c r="GQ254" s="191"/>
      <c r="GR254" s="191"/>
      <c r="GS254" s="191"/>
      <c r="GT254" s="191"/>
      <c r="GU254" s="191"/>
      <c r="GV254" s="191"/>
      <c r="GW254" s="191"/>
      <c r="GX254" s="191"/>
      <c r="GY254" s="191"/>
      <c r="GZ254" s="191"/>
      <c r="HA254" s="191"/>
      <c r="HB254" s="191"/>
      <c r="HC254" s="191"/>
      <c r="HD254" s="191"/>
      <c r="HE254" s="191"/>
      <c r="HF254" s="191"/>
      <c r="HG254" s="191"/>
      <c r="HH254" s="191"/>
      <c r="HI254" s="191"/>
      <c r="HJ254" s="191"/>
      <c r="HK254" s="191"/>
      <c r="HL254" s="191"/>
      <c r="HM254" s="191"/>
      <c r="HN254" s="191"/>
      <c r="HO254" s="191"/>
      <c r="HP254" s="191"/>
      <c r="HQ254" s="191"/>
      <c r="HR254" s="191"/>
      <c r="HS254" s="191"/>
      <c r="HT254" s="191"/>
      <c r="HU254" s="191"/>
      <c r="HV254" s="191"/>
      <c r="HW254" s="191"/>
      <c r="HX254" s="191"/>
      <c r="HY254" s="191"/>
      <c r="HZ254" s="191"/>
      <c r="IA254" s="191"/>
      <c r="IB254" s="191"/>
      <c r="IC254" s="191"/>
      <c r="ID254" s="191"/>
      <c r="IE254" s="191"/>
      <c r="IF254" s="191"/>
      <c r="IG254" s="191"/>
      <c r="IH254" s="191"/>
      <c r="II254" s="191"/>
      <c r="IJ254" s="191"/>
      <c r="IK254" s="191"/>
      <c r="IL254" s="191"/>
      <c r="IM254" s="191"/>
      <c r="IN254" s="191"/>
      <c r="IO254" s="191"/>
      <c r="IP254" s="191"/>
      <c r="IQ254" s="191"/>
      <c r="IR254" s="191"/>
      <c r="IS254" s="191"/>
      <c r="IT254" s="191"/>
      <c r="IU254" s="191"/>
      <c r="IV254" s="191"/>
      <c r="IW254" s="191"/>
      <c r="IX254" s="191"/>
      <c r="IY254" s="191"/>
    </row>
    <row r="255" spans="1:259" s="570" customFormat="1" ht="70.2" customHeight="1" x14ac:dyDescent="0.2">
      <c r="A255" s="917" t="s">
        <v>160</v>
      </c>
      <c r="B255" s="918"/>
      <c r="C255" s="918"/>
      <c r="D255" s="918"/>
      <c r="E255" s="918"/>
      <c r="F255" s="918"/>
      <c r="G255" s="918"/>
      <c r="H255" s="918"/>
      <c r="I255" s="919"/>
      <c r="J255" s="920"/>
      <c r="K255" s="918"/>
      <c r="L255" s="918"/>
      <c r="M255" s="918"/>
      <c r="N255" s="918"/>
      <c r="O255" s="918"/>
      <c r="P255" s="918"/>
      <c r="Q255" s="921"/>
      <c r="R255" s="1028"/>
      <c r="S255" s="561"/>
      <c r="T255" s="595"/>
      <c r="U255" s="596"/>
      <c r="V255" s="600"/>
      <c r="W255" s="600"/>
      <c r="X255" s="600"/>
      <c r="Y255" s="600"/>
      <c r="Z255" s="600"/>
      <c r="AA255" s="600"/>
      <c r="AB255" s="600"/>
      <c r="AC255" s="600"/>
      <c r="AD255" s="600"/>
      <c r="AE255" s="600"/>
      <c r="AF255" s="600"/>
      <c r="AG255" s="600"/>
      <c r="AH255" s="600"/>
      <c r="AI255" s="600"/>
      <c r="AJ255" s="600"/>
      <c r="AK255" s="600"/>
      <c r="AL255" s="600"/>
      <c r="AM255" s="600"/>
      <c r="AN255" s="600"/>
      <c r="AO255" s="600"/>
      <c r="AP255" s="600"/>
      <c r="AQ255" s="600"/>
      <c r="AR255" s="600"/>
      <c r="AS255" s="600"/>
      <c r="AT255" s="600"/>
      <c r="AU255" s="600"/>
      <c r="AV255" s="600"/>
      <c r="AW255" s="600"/>
      <c r="AX255" s="600"/>
      <c r="AY255" s="600"/>
      <c r="AZ255" s="600"/>
      <c r="BA255" s="600"/>
      <c r="BB255" s="600"/>
      <c r="BC255" s="600"/>
      <c r="BD255" s="600"/>
      <c r="BE255" s="600"/>
    </row>
    <row r="256" spans="1:259" s="546" customFormat="1" ht="69.900000000000006" customHeight="1" x14ac:dyDescent="0.2">
      <c r="A256" s="925" t="s">
        <v>344</v>
      </c>
      <c r="B256" s="926"/>
      <c r="C256" s="926"/>
      <c r="D256" s="926"/>
      <c r="E256" s="926"/>
      <c r="F256" s="926"/>
      <c r="G256" s="926"/>
      <c r="H256" s="926"/>
      <c r="I256" s="926"/>
      <c r="J256" s="926"/>
      <c r="K256" s="926"/>
      <c r="L256" s="926"/>
      <c r="M256" s="926"/>
      <c r="N256" s="926"/>
      <c r="O256" s="926"/>
      <c r="P256" s="926"/>
      <c r="Q256" s="927"/>
      <c r="R256" s="1068"/>
      <c r="S256" s="561"/>
      <c r="T256" s="199"/>
    </row>
    <row r="257" spans="1:259" s="570" customFormat="1" ht="70.2" customHeight="1" x14ac:dyDescent="0.2">
      <c r="A257" s="699" t="s">
        <v>147</v>
      </c>
      <c r="B257" s="700"/>
      <c r="C257" s="700"/>
      <c r="D257" s="700"/>
      <c r="E257" s="700"/>
      <c r="F257" s="700"/>
      <c r="G257" s="700"/>
      <c r="H257" s="700"/>
      <c r="I257" s="701"/>
      <c r="J257" s="841"/>
      <c r="K257" s="841"/>
      <c r="L257" s="841"/>
      <c r="M257" s="841"/>
      <c r="N257" s="841"/>
      <c r="O257" s="841"/>
      <c r="P257" s="841"/>
      <c r="Q257" s="913"/>
      <c r="R257" s="1028"/>
      <c r="S257" s="561"/>
      <c r="T257" s="595"/>
      <c r="U257" s="596"/>
      <c r="V257" s="600"/>
      <c r="W257" s="600"/>
      <c r="X257" s="600"/>
      <c r="Y257" s="600"/>
      <c r="Z257" s="600"/>
      <c r="AA257" s="600"/>
      <c r="AB257" s="600"/>
      <c r="AC257" s="600"/>
      <c r="AD257" s="600"/>
      <c r="AE257" s="600"/>
      <c r="AF257" s="600"/>
      <c r="AG257" s="600"/>
      <c r="AH257" s="600"/>
      <c r="AI257" s="600"/>
      <c r="AJ257" s="600"/>
      <c r="AK257" s="600"/>
      <c r="AL257" s="600"/>
      <c r="AM257" s="600"/>
      <c r="AN257" s="600"/>
      <c r="AO257" s="600"/>
      <c r="AP257" s="600"/>
      <c r="AQ257" s="600"/>
      <c r="AR257" s="600"/>
      <c r="AS257" s="600"/>
      <c r="AT257" s="600"/>
      <c r="AU257" s="600"/>
      <c r="AV257" s="600"/>
      <c r="AW257" s="600"/>
      <c r="AX257" s="600"/>
      <c r="AY257" s="600"/>
      <c r="AZ257" s="600"/>
      <c r="BA257" s="600"/>
      <c r="BB257" s="600"/>
      <c r="BC257" s="600"/>
      <c r="BD257" s="600"/>
      <c r="BE257" s="600"/>
    </row>
    <row r="258" spans="1:259" s="570" customFormat="1" ht="70.2" customHeight="1" x14ac:dyDescent="0.2">
      <c r="A258" s="707" t="s">
        <v>148</v>
      </c>
      <c r="B258" s="708"/>
      <c r="C258" s="708"/>
      <c r="D258" s="708"/>
      <c r="E258" s="708"/>
      <c r="F258" s="708"/>
      <c r="G258" s="708"/>
      <c r="H258" s="708"/>
      <c r="I258" s="709"/>
      <c r="J258" s="572" t="s">
        <v>149</v>
      </c>
      <c r="K258" s="710"/>
      <c r="L258" s="710"/>
      <c r="M258" s="710"/>
      <c r="N258" s="710"/>
      <c r="O258" s="710"/>
      <c r="P258" s="710"/>
      <c r="Q258" s="711"/>
      <c r="R258" s="1028"/>
      <c r="S258" s="561"/>
      <c r="T258" s="595"/>
      <c r="U258" s="596"/>
      <c r="V258" s="600"/>
      <c r="W258" s="600"/>
      <c r="X258" s="600"/>
      <c r="Y258" s="600"/>
      <c r="Z258" s="600"/>
      <c r="AA258" s="600"/>
      <c r="AB258" s="600"/>
      <c r="AC258" s="600"/>
      <c r="AD258" s="600"/>
      <c r="AE258" s="600"/>
      <c r="AF258" s="600"/>
      <c r="AG258" s="600"/>
      <c r="AH258" s="600"/>
      <c r="AI258" s="600"/>
      <c r="AJ258" s="600"/>
      <c r="AK258" s="600"/>
      <c r="AL258" s="600"/>
      <c r="AM258" s="600"/>
      <c r="AN258" s="600"/>
      <c r="AO258" s="600"/>
      <c r="AP258" s="600"/>
      <c r="AQ258" s="600"/>
      <c r="AR258" s="600"/>
      <c r="AS258" s="600"/>
      <c r="AT258" s="600"/>
      <c r="AU258" s="600"/>
      <c r="AV258" s="600"/>
      <c r="AW258" s="600"/>
      <c r="AX258" s="600"/>
      <c r="AY258" s="600"/>
      <c r="AZ258" s="600"/>
      <c r="BA258" s="600"/>
      <c r="BB258" s="600"/>
      <c r="BC258" s="600"/>
      <c r="BD258" s="600"/>
      <c r="BE258" s="600"/>
    </row>
    <row r="259" spans="1:259" s="570" customFormat="1" ht="70.2" customHeight="1" x14ac:dyDescent="0.2">
      <c r="A259" s="718"/>
      <c r="B259" s="719"/>
      <c r="C259" s="719"/>
      <c r="D259" s="719"/>
      <c r="E259" s="719"/>
      <c r="F259" s="719"/>
      <c r="G259" s="719"/>
      <c r="H259" s="719"/>
      <c r="I259" s="720"/>
      <c r="J259" s="932" t="s">
        <v>150</v>
      </c>
      <c r="K259" s="933"/>
      <c r="L259" s="934" t="s">
        <v>151</v>
      </c>
      <c r="M259" s="660"/>
      <c r="N259" s="661"/>
      <c r="O259" s="661"/>
      <c r="P259" s="661"/>
      <c r="Q259" s="662"/>
      <c r="R259" s="1028"/>
      <c r="S259" s="561"/>
      <c r="T259" s="595"/>
      <c r="U259" s="596"/>
      <c r="V259" s="600"/>
      <c r="W259" s="600"/>
      <c r="X259" s="600"/>
      <c r="Y259" s="600"/>
      <c r="Z259" s="600"/>
      <c r="AA259" s="600"/>
      <c r="AB259" s="600"/>
      <c r="AC259" s="600"/>
      <c r="AD259" s="600"/>
      <c r="AE259" s="600"/>
      <c r="AF259" s="600"/>
      <c r="AG259" s="600"/>
      <c r="AH259" s="600"/>
      <c r="AI259" s="600"/>
      <c r="AJ259" s="600"/>
      <c r="AK259" s="600"/>
      <c r="AL259" s="600"/>
      <c r="AM259" s="600"/>
      <c r="AN259" s="600"/>
      <c r="AO259" s="600"/>
      <c r="AP259" s="600"/>
      <c r="AQ259" s="600"/>
      <c r="AR259" s="600"/>
      <c r="AS259" s="600"/>
      <c r="AT259" s="600"/>
      <c r="AU259" s="600"/>
      <c r="AV259" s="600"/>
      <c r="AW259" s="600"/>
      <c r="AX259" s="600"/>
      <c r="AY259" s="600"/>
      <c r="AZ259" s="600"/>
      <c r="BA259" s="600"/>
      <c r="BB259" s="600"/>
      <c r="BC259" s="600"/>
      <c r="BD259" s="600"/>
      <c r="BE259" s="600"/>
    </row>
    <row r="260" spans="1:259" s="546" customFormat="1" ht="69.900000000000006" customHeight="1" x14ac:dyDescent="0.2">
      <c r="A260" s="925" t="s">
        <v>345</v>
      </c>
      <c r="B260" s="926"/>
      <c r="C260" s="926"/>
      <c r="D260" s="926"/>
      <c r="E260" s="926"/>
      <c r="F260" s="926"/>
      <c r="G260" s="926"/>
      <c r="H260" s="926"/>
      <c r="I260" s="926"/>
      <c r="J260" s="926"/>
      <c r="K260" s="926"/>
      <c r="L260" s="926"/>
      <c r="M260" s="926"/>
      <c r="N260" s="926"/>
      <c r="O260" s="926"/>
      <c r="P260" s="926"/>
      <c r="Q260" s="927"/>
      <c r="R260" s="1068"/>
      <c r="S260" s="561"/>
      <c r="T260" s="199"/>
    </row>
    <row r="261" spans="1:259" s="570" customFormat="1" ht="70.2" customHeight="1" x14ac:dyDescent="0.2">
      <c r="A261" s="699" t="s">
        <v>147</v>
      </c>
      <c r="B261" s="700"/>
      <c r="C261" s="700"/>
      <c r="D261" s="700"/>
      <c r="E261" s="700"/>
      <c r="F261" s="700"/>
      <c r="G261" s="700"/>
      <c r="H261" s="700"/>
      <c r="I261" s="701"/>
      <c r="J261" s="841"/>
      <c r="K261" s="841"/>
      <c r="L261" s="841"/>
      <c r="M261" s="841"/>
      <c r="N261" s="841"/>
      <c r="O261" s="841"/>
      <c r="P261" s="841"/>
      <c r="Q261" s="913"/>
      <c r="R261" s="1028"/>
      <c r="S261" s="561"/>
      <c r="T261" s="595"/>
      <c r="U261" s="596"/>
      <c r="V261" s="600"/>
      <c r="W261" s="600"/>
      <c r="X261" s="600"/>
      <c r="Y261" s="600"/>
      <c r="Z261" s="600"/>
      <c r="AA261" s="600"/>
      <c r="AB261" s="600"/>
      <c r="AC261" s="600"/>
      <c r="AD261" s="600"/>
      <c r="AE261" s="600"/>
      <c r="AF261" s="600"/>
      <c r="AG261" s="600"/>
      <c r="AH261" s="600"/>
      <c r="AI261" s="600"/>
      <c r="AJ261" s="600"/>
      <c r="AK261" s="600"/>
      <c r="AL261" s="600"/>
      <c r="AM261" s="600"/>
      <c r="AN261" s="600"/>
      <c r="AO261" s="600"/>
      <c r="AP261" s="600"/>
      <c r="AQ261" s="600"/>
      <c r="AR261" s="600"/>
      <c r="AS261" s="600"/>
      <c r="AT261" s="600"/>
      <c r="AU261" s="600"/>
      <c r="AV261" s="600"/>
      <c r="AW261" s="600"/>
      <c r="AX261" s="600"/>
      <c r="AY261" s="600"/>
      <c r="AZ261" s="600"/>
      <c r="BA261" s="600"/>
      <c r="BB261" s="600"/>
      <c r="BC261" s="600"/>
      <c r="BD261" s="600"/>
      <c r="BE261" s="600"/>
    </row>
    <row r="262" spans="1:259" s="570" customFormat="1" ht="70.2" customHeight="1" x14ac:dyDescent="0.2">
      <c r="A262" s="707" t="s">
        <v>148</v>
      </c>
      <c r="B262" s="708"/>
      <c r="C262" s="708"/>
      <c r="D262" s="708"/>
      <c r="E262" s="708"/>
      <c r="F262" s="708"/>
      <c r="G262" s="708"/>
      <c r="H262" s="708"/>
      <c r="I262" s="709"/>
      <c r="J262" s="572" t="s">
        <v>149</v>
      </c>
      <c r="K262" s="710"/>
      <c r="L262" s="710"/>
      <c r="M262" s="710"/>
      <c r="N262" s="710"/>
      <c r="O262" s="710"/>
      <c r="P262" s="710"/>
      <c r="Q262" s="711"/>
      <c r="R262" s="1028"/>
      <c r="S262" s="561"/>
      <c r="T262" s="595"/>
      <c r="U262" s="596"/>
      <c r="V262" s="600"/>
      <c r="W262" s="600"/>
      <c r="X262" s="600"/>
      <c r="Y262" s="600"/>
      <c r="Z262" s="600"/>
      <c r="AA262" s="600"/>
      <c r="AB262" s="600"/>
      <c r="AC262" s="600"/>
      <c r="AD262" s="600"/>
      <c r="AE262" s="600"/>
      <c r="AF262" s="600"/>
      <c r="AG262" s="600"/>
      <c r="AH262" s="600"/>
      <c r="AI262" s="600"/>
      <c r="AJ262" s="600"/>
      <c r="AK262" s="600"/>
      <c r="AL262" s="600"/>
      <c r="AM262" s="600"/>
      <c r="AN262" s="600"/>
      <c r="AO262" s="600"/>
      <c r="AP262" s="600"/>
      <c r="AQ262" s="600"/>
      <c r="AR262" s="600"/>
      <c r="AS262" s="600"/>
      <c r="AT262" s="600"/>
      <c r="AU262" s="600"/>
      <c r="AV262" s="600"/>
      <c r="AW262" s="600"/>
      <c r="AX262" s="600"/>
      <c r="AY262" s="600"/>
      <c r="AZ262" s="600"/>
      <c r="BA262" s="600"/>
      <c r="BB262" s="600"/>
      <c r="BC262" s="600"/>
      <c r="BD262" s="600"/>
      <c r="BE262" s="600"/>
    </row>
    <row r="263" spans="1:259" s="570" customFormat="1" ht="70.2" customHeight="1" x14ac:dyDescent="0.2">
      <c r="A263" s="715"/>
      <c r="B263" s="716"/>
      <c r="C263" s="716"/>
      <c r="D263" s="716"/>
      <c r="E263" s="716"/>
      <c r="F263" s="716"/>
      <c r="G263" s="716"/>
      <c r="H263" s="716"/>
      <c r="I263" s="717"/>
      <c r="J263" s="843" t="s">
        <v>150</v>
      </c>
      <c r="K263" s="878"/>
      <c r="L263" s="914" t="s">
        <v>151</v>
      </c>
      <c r="M263" s="572"/>
      <c r="N263" s="710"/>
      <c r="O263" s="710"/>
      <c r="P263" s="710"/>
      <c r="Q263" s="711"/>
      <c r="R263" s="1028"/>
      <c r="S263" s="561"/>
      <c r="T263" s="595"/>
      <c r="U263" s="596"/>
      <c r="V263" s="600"/>
      <c r="W263" s="600"/>
      <c r="X263" s="600"/>
      <c r="Y263" s="600"/>
      <c r="Z263" s="600"/>
      <c r="AA263" s="600"/>
      <c r="AB263" s="600"/>
      <c r="AC263" s="600"/>
      <c r="AD263" s="600"/>
      <c r="AE263" s="600"/>
      <c r="AF263" s="600"/>
      <c r="AG263" s="600"/>
      <c r="AH263" s="600"/>
      <c r="AI263" s="600"/>
      <c r="AJ263" s="600"/>
      <c r="AK263" s="600"/>
      <c r="AL263" s="600"/>
      <c r="AM263" s="600"/>
      <c r="AN263" s="600"/>
      <c r="AO263" s="600"/>
      <c r="AP263" s="600"/>
      <c r="AQ263" s="600"/>
      <c r="AR263" s="600"/>
      <c r="AS263" s="600"/>
      <c r="AT263" s="600"/>
      <c r="AU263" s="600"/>
      <c r="AV263" s="600"/>
      <c r="AW263" s="600"/>
      <c r="AX263" s="600"/>
      <c r="AY263" s="600"/>
      <c r="AZ263" s="600"/>
      <c r="BA263" s="600"/>
      <c r="BB263" s="600"/>
      <c r="BC263" s="600"/>
      <c r="BD263" s="600"/>
      <c r="BE263" s="600"/>
    </row>
    <row r="264" spans="1:259" s="570" customFormat="1" ht="70.2" customHeight="1" x14ac:dyDescent="0.2">
      <c r="A264" s="928" t="s">
        <v>153</v>
      </c>
      <c r="B264" s="929"/>
      <c r="C264" s="929"/>
      <c r="D264" s="929"/>
      <c r="E264" s="929"/>
      <c r="F264" s="929"/>
      <c r="G264" s="929"/>
      <c r="H264" s="929"/>
      <c r="I264" s="930"/>
      <c r="J264" s="849"/>
      <c r="K264" s="849"/>
      <c r="L264" s="849"/>
      <c r="M264" s="849"/>
      <c r="N264" s="849"/>
      <c r="O264" s="849"/>
      <c r="P264" s="849"/>
      <c r="Q264" s="931"/>
      <c r="R264" s="186"/>
      <c r="S264" s="187"/>
      <c r="T264" s="188"/>
      <c r="U264" s="818"/>
      <c r="V264" s="190"/>
      <c r="W264" s="190"/>
      <c r="X264" s="190"/>
      <c r="Y264" s="190"/>
      <c r="Z264" s="190"/>
      <c r="AA264" s="190"/>
      <c r="AB264" s="190"/>
      <c r="AC264" s="190"/>
      <c r="AD264" s="190"/>
      <c r="AE264" s="190"/>
      <c r="AF264" s="190"/>
      <c r="AG264" s="190"/>
      <c r="AH264" s="190"/>
      <c r="AI264" s="190"/>
      <c r="AJ264" s="190"/>
      <c r="AK264" s="190"/>
      <c r="AL264" s="190"/>
      <c r="AM264" s="190"/>
      <c r="AN264" s="190"/>
      <c r="AO264" s="190"/>
      <c r="AP264" s="190"/>
      <c r="AQ264" s="190"/>
      <c r="AR264" s="190"/>
      <c r="AS264" s="190"/>
      <c r="AT264" s="190"/>
      <c r="AU264" s="190"/>
      <c r="AV264" s="190"/>
      <c r="AW264" s="190"/>
      <c r="AX264" s="190"/>
      <c r="AY264" s="190"/>
      <c r="AZ264" s="190"/>
      <c r="BA264" s="190"/>
      <c r="BB264" s="190"/>
      <c r="BC264" s="190"/>
      <c r="BD264" s="190"/>
      <c r="BE264" s="190"/>
      <c r="BF264" s="191"/>
      <c r="BG264" s="191"/>
      <c r="BH264" s="191"/>
      <c r="BI264" s="191"/>
      <c r="BJ264" s="191"/>
      <c r="BK264" s="191"/>
      <c r="BL264" s="191"/>
      <c r="BM264" s="191"/>
      <c r="BN264" s="191"/>
      <c r="BO264" s="191"/>
      <c r="BP264" s="191"/>
      <c r="BQ264" s="191"/>
      <c r="BR264" s="191"/>
      <c r="BS264" s="191"/>
      <c r="BT264" s="191"/>
      <c r="BU264" s="191"/>
      <c r="BV264" s="191"/>
      <c r="BW264" s="191"/>
      <c r="BX264" s="191"/>
      <c r="BY264" s="191"/>
      <c r="BZ264" s="191"/>
      <c r="CA264" s="191"/>
      <c r="CB264" s="191"/>
      <c r="CC264" s="191"/>
      <c r="CD264" s="191"/>
      <c r="CE264" s="191"/>
      <c r="CF264" s="191"/>
      <c r="CG264" s="191"/>
      <c r="CH264" s="191"/>
      <c r="CI264" s="191"/>
      <c r="CJ264" s="191"/>
      <c r="CK264" s="191"/>
      <c r="CL264" s="191"/>
      <c r="CM264" s="191"/>
      <c r="CN264" s="191"/>
      <c r="CO264" s="191"/>
      <c r="CP264" s="191"/>
      <c r="CQ264" s="191"/>
      <c r="CR264" s="191"/>
      <c r="CS264" s="191"/>
      <c r="CT264" s="191"/>
      <c r="CU264" s="191"/>
      <c r="CV264" s="191"/>
      <c r="CW264" s="191"/>
      <c r="CX264" s="191"/>
      <c r="CY264" s="191"/>
      <c r="CZ264" s="191"/>
      <c r="DA264" s="191"/>
      <c r="DB264" s="191"/>
      <c r="DC264" s="191"/>
      <c r="DD264" s="191"/>
      <c r="DE264" s="191"/>
      <c r="DF264" s="191"/>
      <c r="DG264" s="191"/>
      <c r="DH264" s="191"/>
      <c r="DI264" s="191"/>
      <c r="DJ264" s="191"/>
      <c r="DK264" s="191"/>
      <c r="DL264" s="191"/>
      <c r="DM264" s="191"/>
      <c r="DN264" s="191"/>
      <c r="DO264" s="191"/>
      <c r="DP264" s="191"/>
      <c r="DQ264" s="191"/>
      <c r="DR264" s="191"/>
      <c r="DS264" s="191"/>
      <c r="DT264" s="191"/>
      <c r="DU264" s="191"/>
      <c r="DV264" s="191"/>
      <c r="DW264" s="191"/>
      <c r="DX264" s="191"/>
      <c r="DY264" s="191"/>
      <c r="DZ264" s="191"/>
      <c r="EA264" s="191"/>
      <c r="EB264" s="191"/>
      <c r="EC264" s="191"/>
      <c r="ED264" s="191"/>
      <c r="EE264" s="191"/>
      <c r="EF264" s="191"/>
      <c r="EG264" s="191"/>
      <c r="EH264" s="191"/>
      <c r="EI264" s="191"/>
      <c r="EJ264" s="191"/>
      <c r="EK264" s="191"/>
      <c r="EL264" s="191"/>
      <c r="EM264" s="191"/>
      <c r="EN264" s="191"/>
      <c r="EO264" s="191"/>
      <c r="EP264" s="191"/>
      <c r="EQ264" s="191"/>
      <c r="ER264" s="191"/>
      <c r="ES264" s="191"/>
      <c r="ET264" s="191"/>
      <c r="EU264" s="191"/>
      <c r="EV264" s="191"/>
      <c r="EW264" s="191"/>
      <c r="EX264" s="191"/>
      <c r="EY264" s="191"/>
      <c r="EZ264" s="191"/>
      <c r="FA264" s="191"/>
      <c r="FB264" s="191"/>
      <c r="FC264" s="191"/>
      <c r="FD264" s="191"/>
      <c r="FE264" s="191"/>
      <c r="FF264" s="191"/>
      <c r="FG264" s="191"/>
      <c r="FH264" s="191"/>
      <c r="FI264" s="191"/>
      <c r="FJ264" s="191"/>
      <c r="FK264" s="191"/>
      <c r="FL264" s="191"/>
      <c r="FM264" s="191"/>
      <c r="FN264" s="191"/>
      <c r="FO264" s="191"/>
      <c r="FP264" s="191"/>
      <c r="FQ264" s="191"/>
      <c r="FR264" s="191"/>
      <c r="FS264" s="191"/>
      <c r="FT264" s="191"/>
      <c r="FU264" s="191"/>
      <c r="FV264" s="191"/>
      <c r="FW264" s="191"/>
      <c r="FX264" s="191"/>
      <c r="FY264" s="191"/>
      <c r="FZ264" s="191"/>
      <c r="GA264" s="191"/>
      <c r="GB264" s="191"/>
      <c r="GC264" s="191"/>
      <c r="GD264" s="191"/>
      <c r="GE264" s="191"/>
      <c r="GF264" s="191"/>
      <c r="GG264" s="191"/>
      <c r="GH264" s="191"/>
      <c r="GI264" s="191"/>
      <c r="GJ264" s="191"/>
      <c r="GK264" s="191"/>
      <c r="GL264" s="191"/>
      <c r="GM264" s="191"/>
      <c r="GN264" s="191"/>
      <c r="GO264" s="191"/>
      <c r="GP264" s="191"/>
      <c r="GQ264" s="191"/>
      <c r="GR264" s="191"/>
      <c r="GS264" s="191"/>
      <c r="GT264" s="191"/>
      <c r="GU264" s="191"/>
      <c r="GV264" s="191"/>
      <c r="GW264" s="191"/>
      <c r="GX264" s="191"/>
      <c r="GY264" s="191"/>
      <c r="GZ264" s="191"/>
      <c r="HA264" s="191"/>
      <c r="HB264" s="191"/>
      <c r="HC264" s="191"/>
      <c r="HD264" s="191"/>
      <c r="HE264" s="191"/>
      <c r="HF264" s="191"/>
      <c r="HG264" s="191"/>
      <c r="HH264" s="191"/>
      <c r="HI264" s="191"/>
      <c r="HJ264" s="191"/>
      <c r="HK264" s="191"/>
      <c r="HL264" s="191"/>
      <c r="HM264" s="191"/>
      <c r="HN264" s="191"/>
      <c r="HO264" s="191"/>
      <c r="HP264" s="191"/>
      <c r="HQ264" s="191"/>
      <c r="HR264" s="191"/>
      <c r="HS264" s="191"/>
      <c r="HT264" s="191"/>
      <c r="HU264" s="191"/>
      <c r="HV264" s="191"/>
      <c r="HW264" s="191"/>
      <c r="HX264" s="191"/>
      <c r="HY264" s="191"/>
      <c r="HZ264" s="191"/>
      <c r="IA264" s="191"/>
      <c r="IB264" s="191"/>
      <c r="IC264" s="191"/>
      <c r="ID264" s="191"/>
      <c r="IE264" s="191"/>
      <c r="IF264" s="191"/>
      <c r="IG264" s="191"/>
      <c r="IH264" s="191"/>
      <c r="II264" s="191"/>
      <c r="IJ264" s="191"/>
      <c r="IK264" s="191"/>
      <c r="IL264" s="191"/>
      <c r="IM264" s="191"/>
      <c r="IN264" s="191"/>
      <c r="IO264" s="191"/>
      <c r="IP264" s="191"/>
      <c r="IQ264" s="191"/>
      <c r="IR264" s="191"/>
      <c r="IS264" s="191"/>
      <c r="IT264" s="191"/>
      <c r="IU264" s="191"/>
      <c r="IV264" s="191"/>
      <c r="IW264" s="191"/>
      <c r="IX264" s="191"/>
      <c r="IY264" s="191"/>
    </row>
    <row r="265" spans="1:259" s="570" customFormat="1" ht="70.2" customHeight="1" x14ac:dyDescent="0.2">
      <c r="A265" s="707" t="s">
        <v>154</v>
      </c>
      <c r="B265" s="708"/>
      <c r="C265" s="708"/>
      <c r="D265" s="708"/>
      <c r="E265" s="708"/>
      <c r="F265" s="708"/>
      <c r="G265" s="708"/>
      <c r="H265" s="708"/>
      <c r="I265" s="709"/>
      <c r="J265" s="915" t="s">
        <v>155</v>
      </c>
      <c r="K265" s="572" t="s">
        <v>156</v>
      </c>
      <c r="L265" s="710"/>
      <c r="M265" s="710"/>
      <c r="N265" s="710"/>
      <c r="O265" s="710"/>
      <c r="P265" s="710"/>
      <c r="Q265" s="711"/>
      <c r="R265" s="186"/>
      <c r="S265" s="187"/>
      <c r="T265" s="188"/>
      <c r="U265" s="818"/>
      <c r="V265" s="190"/>
      <c r="W265" s="190"/>
      <c r="X265" s="190"/>
      <c r="Y265" s="190"/>
      <c r="Z265" s="190"/>
      <c r="AA265" s="190"/>
      <c r="AB265" s="190"/>
      <c r="AC265" s="190"/>
      <c r="AD265" s="190"/>
      <c r="AE265" s="190"/>
      <c r="AF265" s="190"/>
      <c r="AG265" s="190"/>
      <c r="AH265" s="190"/>
      <c r="AI265" s="190"/>
      <c r="AJ265" s="190"/>
      <c r="AK265" s="190"/>
      <c r="AL265" s="190"/>
      <c r="AM265" s="190"/>
      <c r="AN265" s="190"/>
      <c r="AO265" s="190"/>
      <c r="AP265" s="190"/>
      <c r="AQ265" s="190"/>
      <c r="AR265" s="190"/>
      <c r="AS265" s="190"/>
      <c r="AT265" s="190"/>
      <c r="AU265" s="190"/>
      <c r="AV265" s="190"/>
      <c r="AW265" s="190"/>
      <c r="AX265" s="190"/>
      <c r="AY265" s="190"/>
      <c r="AZ265" s="190"/>
      <c r="BA265" s="190"/>
      <c r="BB265" s="190"/>
      <c r="BC265" s="190"/>
      <c r="BD265" s="190"/>
      <c r="BE265" s="190"/>
      <c r="BF265" s="191"/>
      <c r="BG265" s="191"/>
      <c r="BH265" s="191"/>
      <c r="BI265" s="191"/>
      <c r="BJ265" s="191"/>
      <c r="BK265" s="191"/>
      <c r="BL265" s="191"/>
      <c r="BM265" s="191"/>
      <c r="BN265" s="191"/>
      <c r="BO265" s="191"/>
      <c r="BP265" s="191"/>
      <c r="BQ265" s="191"/>
      <c r="BR265" s="191"/>
      <c r="BS265" s="191"/>
      <c r="BT265" s="191"/>
      <c r="BU265" s="191"/>
      <c r="BV265" s="191"/>
      <c r="BW265" s="191"/>
      <c r="BX265" s="191"/>
      <c r="BY265" s="191"/>
      <c r="BZ265" s="191"/>
      <c r="CA265" s="191"/>
      <c r="CB265" s="191"/>
      <c r="CC265" s="191"/>
      <c r="CD265" s="191"/>
      <c r="CE265" s="191"/>
      <c r="CF265" s="191"/>
      <c r="CG265" s="191"/>
      <c r="CH265" s="191"/>
      <c r="CI265" s="191"/>
      <c r="CJ265" s="191"/>
      <c r="CK265" s="191"/>
      <c r="CL265" s="191"/>
      <c r="CM265" s="191"/>
      <c r="CN265" s="191"/>
      <c r="CO265" s="191"/>
      <c r="CP265" s="191"/>
      <c r="CQ265" s="191"/>
      <c r="CR265" s="191"/>
      <c r="CS265" s="191"/>
      <c r="CT265" s="191"/>
      <c r="CU265" s="191"/>
      <c r="CV265" s="191"/>
      <c r="CW265" s="191"/>
      <c r="CX265" s="191"/>
      <c r="CY265" s="191"/>
      <c r="CZ265" s="191"/>
      <c r="DA265" s="191"/>
      <c r="DB265" s="191"/>
      <c r="DC265" s="191"/>
      <c r="DD265" s="191"/>
      <c r="DE265" s="191"/>
      <c r="DF265" s="191"/>
      <c r="DG265" s="191"/>
      <c r="DH265" s="191"/>
      <c r="DI265" s="191"/>
      <c r="DJ265" s="191"/>
      <c r="DK265" s="191"/>
      <c r="DL265" s="191"/>
      <c r="DM265" s="191"/>
      <c r="DN265" s="191"/>
      <c r="DO265" s="191"/>
      <c r="DP265" s="191"/>
      <c r="DQ265" s="191"/>
      <c r="DR265" s="191"/>
      <c r="DS265" s="191"/>
      <c r="DT265" s="191"/>
      <c r="DU265" s="191"/>
      <c r="DV265" s="191"/>
      <c r="DW265" s="191"/>
      <c r="DX265" s="191"/>
      <c r="DY265" s="191"/>
      <c r="DZ265" s="191"/>
      <c r="EA265" s="191"/>
      <c r="EB265" s="191"/>
      <c r="EC265" s="191"/>
      <c r="ED265" s="191"/>
      <c r="EE265" s="191"/>
      <c r="EF265" s="191"/>
      <c r="EG265" s="191"/>
      <c r="EH265" s="191"/>
      <c r="EI265" s="191"/>
      <c r="EJ265" s="191"/>
      <c r="EK265" s="191"/>
      <c r="EL265" s="191"/>
      <c r="EM265" s="191"/>
      <c r="EN265" s="191"/>
      <c r="EO265" s="191"/>
      <c r="EP265" s="191"/>
      <c r="EQ265" s="191"/>
      <c r="ER265" s="191"/>
      <c r="ES265" s="191"/>
      <c r="ET265" s="191"/>
      <c r="EU265" s="191"/>
      <c r="EV265" s="191"/>
      <c r="EW265" s="191"/>
      <c r="EX265" s="191"/>
      <c r="EY265" s="191"/>
      <c r="EZ265" s="191"/>
      <c r="FA265" s="191"/>
      <c r="FB265" s="191"/>
      <c r="FC265" s="191"/>
      <c r="FD265" s="191"/>
      <c r="FE265" s="191"/>
      <c r="FF265" s="191"/>
      <c r="FG265" s="191"/>
      <c r="FH265" s="191"/>
      <c r="FI265" s="191"/>
      <c r="FJ265" s="191"/>
      <c r="FK265" s="191"/>
      <c r="FL265" s="191"/>
      <c r="FM265" s="191"/>
      <c r="FN265" s="191"/>
      <c r="FO265" s="191"/>
      <c r="FP265" s="191"/>
      <c r="FQ265" s="191"/>
      <c r="FR265" s="191"/>
      <c r="FS265" s="191"/>
      <c r="FT265" s="191"/>
      <c r="FU265" s="191"/>
      <c r="FV265" s="191"/>
      <c r="FW265" s="191"/>
      <c r="FX265" s="191"/>
      <c r="FY265" s="191"/>
      <c r="FZ265" s="191"/>
      <c r="GA265" s="191"/>
      <c r="GB265" s="191"/>
      <c r="GC265" s="191"/>
      <c r="GD265" s="191"/>
      <c r="GE265" s="191"/>
      <c r="GF265" s="191"/>
      <c r="GG265" s="191"/>
      <c r="GH265" s="191"/>
      <c r="GI265" s="191"/>
      <c r="GJ265" s="191"/>
      <c r="GK265" s="191"/>
      <c r="GL265" s="191"/>
      <c r="GM265" s="191"/>
      <c r="GN265" s="191"/>
      <c r="GO265" s="191"/>
      <c r="GP265" s="191"/>
      <c r="GQ265" s="191"/>
      <c r="GR265" s="191"/>
      <c r="GS265" s="191"/>
      <c r="GT265" s="191"/>
      <c r="GU265" s="191"/>
      <c r="GV265" s="191"/>
      <c r="GW265" s="191"/>
      <c r="GX265" s="191"/>
      <c r="GY265" s="191"/>
      <c r="GZ265" s="191"/>
      <c r="HA265" s="191"/>
      <c r="HB265" s="191"/>
      <c r="HC265" s="191"/>
      <c r="HD265" s="191"/>
      <c r="HE265" s="191"/>
      <c r="HF265" s="191"/>
      <c r="HG265" s="191"/>
      <c r="HH265" s="191"/>
      <c r="HI265" s="191"/>
      <c r="HJ265" s="191"/>
      <c r="HK265" s="191"/>
      <c r="HL265" s="191"/>
      <c r="HM265" s="191"/>
      <c r="HN265" s="191"/>
      <c r="HO265" s="191"/>
      <c r="HP265" s="191"/>
      <c r="HQ265" s="191"/>
      <c r="HR265" s="191"/>
      <c r="HS265" s="191"/>
      <c r="HT265" s="191"/>
      <c r="HU265" s="191"/>
      <c r="HV265" s="191"/>
      <c r="HW265" s="191"/>
      <c r="HX265" s="191"/>
      <c r="HY265" s="191"/>
      <c r="HZ265" s="191"/>
      <c r="IA265" s="191"/>
      <c r="IB265" s="191"/>
      <c r="IC265" s="191"/>
      <c r="ID265" s="191"/>
      <c r="IE265" s="191"/>
      <c r="IF265" s="191"/>
      <c r="IG265" s="191"/>
      <c r="IH265" s="191"/>
      <c r="II265" s="191"/>
      <c r="IJ265" s="191"/>
      <c r="IK265" s="191"/>
      <c r="IL265" s="191"/>
      <c r="IM265" s="191"/>
      <c r="IN265" s="191"/>
      <c r="IO265" s="191"/>
      <c r="IP265" s="191"/>
      <c r="IQ265" s="191"/>
      <c r="IR265" s="191"/>
      <c r="IS265" s="191"/>
      <c r="IT265" s="191"/>
      <c r="IU265" s="191"/>
      <c r="IV265" s="191"/>
      <c r="IW265" s="191"/>
      <c r="IX265" s="191"/>
      <c r="IY265" s="191"/>
    </row>
    <row r="266" spans="1:259" s="570" customFormat="1" ht="70.2" customHeight="1" x14ac:dyDescent="0.2">
      <c r="A266" s="712"/>
      <c r="B266" s="713"/>
      <c r="C266" s="713"/>
      <c r="D266" s="713"/>
      <c r="E266" s="713"/>
      <c r="F266" s="713"/>
      <c r="G266" s="713"/>
      <c r="H266" s="713"/>
      <c r="I266" s="714"/>
      <c r="J266" s="572" t="s">
        <v>157</v>
      </c>
      <c r="K266" s="710"/>
      <c r="L266" s="710"/>
      <c r="M266" s="710"/>
      <c r="N266" s="710"/>
      <c r="O266" s="710"/>
      <c r="P266" s="710"/>
      <c r="Q266" s="711"/>
      <c r="R266" s="186"/>
      <c r="S266" s="187"/>
      <c r="T266" s="188"/>
      <c r="U266" s="818"/>
      <c r="V266" s="190"/>
      <c r="W266" s="190"/>
      <c r="X266" s="190"/>
      <c r="Y266" s="190"/>
      <c r="Z266" s="190"/>
      <c r="AA266" s="190"/>
      <c r="AB266" s="190"/>
      <c r="AC266" s="190"/>
      <c r="AD266" s="190"/>
      <c r="AE266" s="190"/>
      <c r="AF266" s="190"/>
      <c r="AG266" s="190"/>
      <c r="AH266" s="190"/>
      <c r="AI266" s="190"/>
      <c r="AJ266" s="190"/>
      <c r="AK266" s="190"/>
      <c r="AL266" s="190"/>
      <c r="AM266" s="190"/>
      <c r="AN266" s="190"/>
      <c r="AO266" s="190"/>
      <c r="AP266" s="190"/>
      <c r="AQ266" s="190"/>
      <c r="AR266" s="190"/>
      <c r="AS266" s="190"/>
      <c r="AT266" s="190"/>
      <c r="AU266" s="190"/>
      <c r="AV266" s="190"/>
      <c r="AW266" s="190"/>
      <c r="AX266" s="190"/>
      <c r="AY266" s="190"/>
      <c r="AZ266" s="190"/>
      <c r="BA266" s="190"/>
      <c r="BB266" s="190"/>
      <c r="BC266" s="190"/>
      <c r="BD266" s="190"/>
      <c r="BE266" s="190"/>
      <c r="BF266" s="191"/>
      <c r="BG266" s="191"/>
      <c r="BH266" s="191"/>
      <c r="BI266" s="191"/>
      <c r="BJ266" s="191"/>
      <c r="BK266" s="191"/>
      <c r="BL266" s="191"/>
      <c r="BM266" s="191"/>
      <c r="BN266" s="191"/>
      <c r="BO266" s="191"/>
      <c r="BP266" s="191"/>
      <c r="BQ266" s="191"/>
      <c r="BR266" s="191"/>
      <c r="BS266" s="191"/>
      <c r="BT266" s="191"/>
      <c r="BU266" s="191"/>
      <c r="BV266" s="191"/>
      <c r="BW266" s="191"/>
      <c r="BX266" s="191"/>
      <c r="BY266" s="191"/>
      <c r="BZ266" s="191"/>
      <c r="CA266" s="191"/>
      <c r="CB266" s="191"/>
      <c r="CC266" s="191"/>
      <c r="CD266" s="191"/>
      <c r="CE266" s="191"/>
      <c r="CF266" s="191"/>
      <c r="CG266" s="191"/>
      <c r="CH266" s="191"/>
      <c r="CI266" s="191"/>
      <c r="CJ266" s="191"/>
      <c r="CK266" s="191"/>
      <c r="CL266" s="191"/>
      <c r="CM266" s="191"/>
      <c r="CN266" s="191"/>
      <c r="CO266" s="191"/>
      <c r="CP266" s="191"/>
      <c r="CQ266" s="191"/>
      <c r="CR266" s="191"/>
      <c r="CS266" s="191"/>
      <c r="CT266" s="191"/>
      <c r="CU266" s="191"/>
      <c r="CV266" s="191"/>
      <c r="CW266" s="191"/>
      <c r="CX266" s="191"/>
      <c r="CY266" s="191"/>
      <c r="CZ266" s="191"/>
      <c r="DA266" s="191"/>
      <c r="DB266" s="191"/>
      <c r="DC266" s="191"/>
      <c r="DD266" s="191"/>
      <c r="DE266" s="191"/>
      <c r="DF266" s="191"/>
      <c r="DG266" s="191"/>
      <c r="DH266" s="191"/>
      <c r="DI266" s="191"/>
      <c r="DJ266" s="191"/>
      <c r="DK266" s="191"/>
      <c r="DL266" s="191"/>
      <c r="DM266" s="191"/>
      <c r="DN266" s="191"/>
      <c r="DO266" s="191"/>
      <c r="DP266" s="191"/>
      <c r="DQ266" s="191"/>
      <c r="DR266" s="191"/>
      <c r="DS266" s="191"/>
      <c r="DT266" s="191"/>
      <c r="DU266" s="191"/>
      <c r="DV266" s="191"/>
      <c r="DW266" s="191"/>
      <c r="DX266" s="191"/>
      <c r="DY266" s="191"/>
      <c r="DZ266" s="191"/>
      <c r="EA266" s="191"/>
      <c r="EB266" s="191"/>
      <c r="EC266" s="191"/>
      <c r="ED266" s="191"/>
      <c r="EE266" s="191"/>
      <c r="EF266" s="191"/>
      <c r="EG266" s="191"/>
      <c r="EH266" s="191"/>
      <c r="EI266" s="191"/>
      <c r="EJ266" s="191"/>
      <c r="EK266" s="191"/>
      <c r="EL266" s="191"/>
      <c r="EM266" s="191"/>
      <c r="EN266" s="191"/>
      <c r="EO266" s="191"/>
      <c r="EP266" s="191"/>
      <c r="EQ266" s="191"/>
      <c r="ER266" s="191"/>
      <c r="ES266" s="191"/>
      <c r="ET266" s="191"/>
      <c r="EU266" s="191"/>
      <c r="EV266" s="191"/>
      <c r="EW266" s="191"/>
      <c r="EX266" s="191"/>
      <c r="EY266" s="191"/>
      <c r="EZ266" s="191"/>
      <c r="FA266" s="191"/>
      <c r="FB266" s="191"/>
      <c r="FC266" s="191"/>
      <c r="FD266" s="191"/>
      <c r="FE266" s="191"/>
      <c r="FF266" s="191"/>
      <c r="FG266" s="191"/>
      <c r="FH266" s="191"/>
      <c r="FI266" s="191"/>
      <c r="FJ266" s="191"/>
      <c r="FK266" s="191"/>
      <c r="FL266" s="191"/>
      <c r="FM266" s="191"/>
      <c r="FN266" s="191"/>
      <c r="FO266" s="191"/>
      <c r="FP266" s="191"/>
      <c r="FQ266" s="191"/>
      <c r="FR266" s="191"/>
      <c r="FS266" s="191"/>
      <c r="FT266" s="191"/>
      <c r="FU266" s="191"/>
      <c r="FV266" s="191"/>
      <c r="FW266" s="191"/>
      <c r="FX266" s="191"/>
      <c r="FY266" s="191"/>
      <c r="FZ266" s="191"/>
      <c r="GA266" s="191"/>
      <c r="GB266" s="191"/>
      <c r="GC266" s="191"/>
      <c r="GD266" s="191"/>
      <c r="GE266" s="191"/>
      <c r="GF266" s="191"/>
      <c r="GG266" s="191"/>
      <c r="GH266" s="191"/>
      <c r="GI266" s="191"/>
      <c r="GJ266" s="191"/>
      <c r="GK266" s="191"/>
      <c r="GL266" s="191"/>
      <c r="GM266" s="191"/>
      <c r="GN266" s="191"/>
      <c r="GO266" s="191"/>
      <c r="GP266" s="191"/>
      <c r="GQ266" s="191"/>
      <c r="GR266" s="191"/>
      <c r="GS266" s="191"/>
      <c r="GT266" s="191"/>
      <c r="GU266" s="191"/>
      <c r="GV266" s="191"/>
      <c r="GW266" s="191"/>
      <c r="GX266" s="191"/>
      <c r="GY266" s="191"/>
      <c r="GZ266" s="191"/>
      <c r="HA266" s="191"/>
      <c r="HB266" s="191"/>
      <c r="HC266" s="191"/>
      <c r="HD266" s="191"/>
      <c r="HE266" s="191"/>
      <c r="HF266" s="191"/>
      <c r="HG266" s="191"/>
      <c r="HH266" s="191"/>
      <c r="HI266" s="191"/>
      <c r="HJ266" s="191"/>
      <c r="HK266" s="191"/>
      <c r="HL266" s="191"/>
      <c r="HM266" s="191"/>
      <c r="HN266" s="191"/>
      <c r="HO266" s="191"/>
      <c r="HP266" s="191"/>
      <c r="HQ266" s="191"/>
      <c r="HR266" s="191"/>
      <c r="HS266" s="191"/>
      <c r="HT266" s="191"/>
      <c r="HU266" s="191"/>
      <c r="HV266" s="191"/>
      <c r="HW266" s="191"/>
      <c r="HX266" s="191"/>
      <c r="HY266" s="191"/>
      <c r="HZ266" s="191"/>
      <c r="IA266" s="191"/>
      <c r="IB266" s="191"/>
      <c r="IC266" s="191"/>
      <c r="ID266" s="191"/>
      <c r="IE266" s="191"/>
      <c r="IF266" s="191"/>
      <c r="IG266" s="191"/>
      <c r="IH266" s="191"/>
      <c r="II266" s="191"/>
      <c r="IJ266" s="191"/>
      <c r="IK266" s="191"/>
      <c r="IL266" s="191"/>
      <c r="IM266" s="191"/>
      <c r="IN266" s="191"/>
      <c r="IO266" s="191"/>
      <c r="IP266" s="191"/>
      <c r="IQ266" s="191"/>
      <c r="IR266" s="191"/>
      <c r="IS266" s="191"/>
      <c r="IT266" s="191"/>
      <c r="IU266" s="191"/>
      <c r="IV266" s="191"/>
      <c r="IW266" s="191"/>
      <c r="IX266" s="191"/>
      <c r="IY266" s="191"/>
    </row>
    <row r="267" spans="1:259" s="570" customFormat="1" ht="70.2" customHeight="1" x14ac:dyDescent="0.2">
      <c r="A267" s="715"/>
      <c r="B267" s="716"/>
      <c r="C267" s="716"/>
      <c r="D267" s="716"/>
      <c r="E267" s="716"/>
      <c r="F267" s="716"/>
      <c r="G267" s="716"/>
      <c r="H267" s="716"/>
      <c r="I267" s="717"/>
      <c r="J267" s="843" t="s">
        <v>158</v>
      </c>
      <c r="K267" s="878"/>
      <c r="L267" s="914" t="s">
        <v>151</v>
      </c>
      <c r="M267" s="572"/>
      <c r="N267" s="710"/>
      <c r="O267" s="710"/>
      <c r="P267" s="710"/>
      <c r="Q267" s="711"/>
      <c r="R267" s="186"/>
      <c r="S267" s="187"/>
      <c r="T267" s="188"/>
      <c r="U267" s="818"/>
      <c r="V267" s="190"/>
      <c r="W267" s="190"/>
      <c r="X267" s="190"/>
      <c r="Y267" s="190"/>
      <c r="Z267" s="190"/>
      <c r="AA267" s="190"/>
      <c r="AB267" s="190"/>
      <c r="AC267" s="190"/>
      <c r="AD267" s="190"/>
      <c r="AE267" s="190"/>
      <c r="AF267" s="190"/>
      <c r="AG267" s="190"/>
      <c r="AH267" s="190"/>
      <c r="AI267" s="190"/>
      <c r="AJ267" s="190"/>
      <c r="AK267" s="190"/>
      <c r="AL267" s="190"/>
      <c r="AM267" s="190"/>
      <c r="AN267" s="190"/>
      <c r="AO267" s="190"/>
      <c r="AP267" s="190"/>
      <c r="AQ267" s="190"/>
      <c r="AR267" s="190"/>
      <c r="AS267" s="190"/>
      <c r="AT267" s="190"/>
      <c r="AU267" s="190"/>
      <c r="AV267" s="190"/>
      <c r="AW267" s="190"/>
      <c r="AX267" s="190"/>
      <c r="AY267" s="190"/>
      <c r="AZ267" s="190"/>
      <c r="BA267" s="190"/>
      <c r="BB267" s="190"/>
      <c r="BC267" s="190"/>
      <c r="BD267" s="190"/>
      <c r="BE267" s="190"/>
      <c r="BF267" s="191"/>
      <c r="BG267" s="191"/>
      <c r="BH267" s="191"/>
      <c r="BI267" s="191"/>
      <c r="BJ267" s="191"/>
      <c r="BK267" s="191"/>
      <c r="BL267" s="191"/>
      <c r="BM267" s="191"/>
      <c r="BN267" s="191"/>
      <c r="BO267" s="191"/>
      <c r="BP267" s="191"/>
      <c r="BQ267" s="191"/>
      <c r="BR267" s="191"/>
      <c r="BS267" s="191"/>
      <c r="BT267" s="191"/>
      <c r="BU267" s="191"/>
      <c r="BV267" s="191"/>
      <c r="BW267" s="191"/>
      <c r="BX267" s="191"/>
      <c r="BY267" s="191"/>
      <c r="BZ267" s="191"/>
      <c r="CA267" s="191"/>
      <c r="CB267" s="191"/>
      <c r="CC267" s="191"/>
      <c r="CD267" s="191"/>
      <c r="CE267" s="191"/>
      <c r="CF267" s="191"/>
      <c r="CG267" s="191"/>
      <c r="CH267" s="191"/>
      <c r="CI267" s="191"/>
      <c r="CJ267" s="191"/>
      <c r="CK267" s="191"/>
      <c r="CL267" s="191"/>
      <c r="CM267" s="191"/>
      <c r="CN267" s="191"/>
      <c r="CO267" s="191"/>
      <c r="CP267" s="191"/>
      <c r="CQ267" s="191"/>
      <c r="CR267" s="191"/>
      <c r="CS267" s="191"/>
      <c r="CT267" s="191"/>
      <c r="CU267" s="191"/>
      <c r="CV267" s="191"/>
      <c r="CW267" s="191"/>
      <c r="CX267" s="191"/>
      <c r="CY267" s="191"/>
      <c r="CZ267" s="191"/>
      <c r="DA267" s="191"/>
      <c r="DB267" s="191"/>
      <c r="DC267" s="191"/>
      <c r="DD267" s="191"/>
      <c r="DE267" s="191"/>
      <c r="DF267" s="191"/>
      <c r="DG267" s="191"/>
      <c r="DH267" s="191"/>
      <c r="DI267" s="191"/>
      <c r="DJ267" s="191"/>
      <c r="DK267" s="191"/>
      <c r="DL267" s="191"/>
      <c r="DM267" s="191"/>
      <c r="DN267" s="191"/>
      <c r="DO267" s="191"/>
      <c r="DP267" s="191"/>
      <c r="DQ267" s="191"/>
      <c r="DR267" s="191"/>
      <c r="DS267" s="191"/>
      <c r="DT267" s="191"/>
      <c r="DU267" s="191"/>
      <c r="DV267" s="191"/>
      <c r="DW267" s="191"/>
      <c r="DX267" s="191"/>
      <c r="DY267" s="191"/>
      <c r="DZ267" s="191"/>
      <c r="EA267" s="191"/>
      <c r="EB267" s="191"/>
      <c r="EC267" s="191"/>
      <c r="ED267" s="191"/>
      <c r="EE267" s="191"/>
      <c r="EF267" s="191"/>
      <c r="EG267" s="191"/>
      <c r="EH267" s="191"/>
      <c r="EI267" s="191"/>
      <c r="EJ267" s="191"/>
      <c r="EK267" s="191"/>
      <c r="EL267" s="191"/>
      <c r="EM267" s="191"/>
      <c r="EN267" s="191"/>
      <c r="EO267" s="191"/>
      <c r="EP267" s="191"/>
      <c r="EQ267" s="191"/>
      <c r="ER267" s="191"/>
      <c r="ES267" s="191"/>
      <c r="ET267" s="191"/>
      <c r="EU267" s="191"/>
      <c r="EV267" s="191"/>
      <c r="EW267" s="191"/>
      <c r="EX267" s="191"/>
      <c r="EY267" s="191"/>
      <c r="EZ267" s="191"/>
      <c r="FA267" s="191"/>
      <c r="FB267" s="191"/>
      <c r="FC267" s="191"/>
      <c r="FD267" s="191"/>
      <c r="FE267" s="191"/>
      <c r="FF267" s="191"/>
      <c r="FG267" s="191"/>
      <c r="FH267" s="191"/>
      <c r="FI267" s="191"/>
      <c r="FJ267" s="191"/>
      <c r="FK267" s="191"/>
      <c r="FL267" s="191"/>
      <c r="FM267" s="191"/>
      <c r="FN267" s="191"/>
      <c r="FO267" s="191"/>
      <c r="FP267" s="191"/>
      <c r="FQ267" s="191"/>
      <c r="FR267" s="191"/>
      <c r="FS267" s="191"/>
      <c r="FT267" s="191"/>
      <c r="FU267" s="191"/>
      <c r="FV267" s="191"/>
      <c r="FW267" s="191"/>
      <c r="FX267" s="191"/>
      <c r="FY267" s="191"/>
      <c r="FZ267" s="191"/>
      <c r="GA267" s="191"/>
      <c r="GB267" s="191"/>
      <c r="GC267" s="191"/>
      <c r="GD267" s="191"/>
      <c r="GE267" s="191"/>
      <c r="GF267" s="191"/>
      <c r="GG267" s="191"/>
      <c r="GH267" s="191"/>
      <c r="GI267" s="191"/>
      <c r="GJ267" s="191"/>
      <c r="GK267" s="191"/>
      <c r="GL267" s="191"/>
      <c r="GM267" s="191"/>
      <c r="GN267" s="191"/>
      <c r="GO267" s="191"/>
      <c r="GP267" s="191"/>
      <c r="GQ267" s="191"/>
      <c r="GR267" s="191"/>
      <c r="GS267" s="191"/>
      <c r="GT267" s="191"/>
      <c r="GU267" s="191"/>
      <c r="GV267" s="191"/>
      <c r="GW267" s="191"/>
      <c r="GX267" s="191"/>
      <c r="GY267" s="191"/>
      <c r="GZ267" s="191"/>
      <c r="HA267" s="191"/>
      <c r="HB267" s="191"/>
      <c r="HC267" s="191"/>
      <c r="HD267" s="191"/>
      <c r="HE267" s="191"/>
      <c r="HF267" s="191"/>
      <c r="HG267" s="191"/>
      <c r="HH267" s="191"/>
      <c r="HI267" s="191"/>
      <c r="HJ267" s="191"/>
      <c r="HK267" s="191"/>
      <c r="HL267" s="191"/>
      <c r="HM267" s="191"/>
      <c r="HN267" s="191"/>
      <c r="HO267" s="191"/>
      <c r="HP267" s="191"/>
      <c r="HQ267" s="191"/>
      <c r="HR267" s="191"/>
      <c r="HS267" s="191"/>
      <c r="HT267" s="191"/>
      <c r="HU267" s="191"/>
      <c r="HV267" s="191"/>
      <c r="HW267" s="191"/>
      <c r="HX267" s="191"/>
      <c r="HY267" s="191"/>
      <c r="HZ267" s="191"/>
      <c r="IA267" s="191"/>
      <c r="IB267" s="191"/>
      <c r="IC267" s="191"/>
      <c r="ID267" s="191"/>
      <c r="IE267" s="191"/>
      <c r="IF267" s="191"/>
      <c r="IG267" s="191"/>
      <c r="IH267" s="191"/>
      <c r="II267" s="191"/>
      <c r="IJ267" s="191"/>
      <c r="IK267" s="191"/>
      <c r="IL267" s="191"/>
      <c r="IM267" s="191"/>
      <c r="IN267" s="191"/>
      <c r="IO267" s="191"/>
      <c r="IP267" s="191"/>
      <c r="IQ267" s="191"/>
      <c r="IR267" s="191"/>
      <c r="IS267" s="191"/>
      <c r="IT267" s="191"/>
      <c r="IU267" s="191"/>
      <c r="IV267" s="191"/>
      <c r="IW267" s="191"/>
      <c r="IX267" s="191"/>
      <c r="IY267" s="191"/>
    </row>
    <row r="268" spans="1:259" s="570" customFormat="1" ht="70.2" customHeight="1" x14ac:dyDescent="0.2">
      <c r="A268" s="928" t="s">
        <v>159</v>
      </c>
      <c r="B268" s="929"/>
      <c r="C268" s="929"/>
      <c r="D268" s="929"/>
      <c r="E268" s="929"/>
      <c r="F268" s="929"/>
      <c r="G268" s="929"/>
      <c r="H268" s="929"/>
      <c r="I268" s="930"/>
      <c r="J268" s="849"/>
      <c r="K268" s="849"/>
      <c r="L268" s="849"/>
      <c r="M268" s="849"/>
      <c r="N268" s="849"/>
      <c r="O268" s="849"/>
      <c r="P268" s="849"/>
      <c r="Q268" s="931"/>
      <c r="R268" s="186"/>
      <c r="S268" s="187"/>
      <c r="T268" s="188"/>
      <c r="U268" s="818"/>
      <c r="V268" s="190"/>
      <c r="W268" s="190"/>
      <c r="X268" s="190"/>
      <c r="Y268" s="190"/>
      <c r="Z268" s="190"/>
      <c r="AA268" s="190"/>
      <c r="AB268" s="190"/>
      <c r="AC268" s="190"/>
      <c r="AD268" s="190"/>
      <c r="AE268" s="190"/>
      <c r="AF268" s="190"/>
      <c r="AG268" s="190"/>
      <c r="AH268" s="190"/>
      <c r="AI268" s="190"/>
      <c r="AJ268" s="190"/>
      <c r="AK268" s="190"/>
      <c r="AL268" s="190"/>
      <c r="AM268" s="190"/>
      <c r="AN268" s="190"/>
      <c r="AO268" s="190"/>
      <c r="AP268" s="190"/>
      <c r="AQ268" s="190"/>
      <c r="AR268" s="190"/>
      <c r="AS268" s="190"/>
      <c r="AT268" s="190"/>
      <c r="AU268" s="190"/>
      <c r="AV268" s="190"/>
      <c r="AW268" s="190"/>
      <c r="AX268" s="190"/>
      <c r="AY268" s="190"/>
      <c r="AZ268" s="190"/>
      <c r="BA268" s="190"/>
      <c r="BB268" s="190"/>
      <c r="BC268" s="190"/>
      <c r="BD268" s="190"/>
      <c r="BE268" s="190"/>
      <c r="BF268" s="191"/>
      <c r="BG268" s="191"/>
      <c r="BH268" s="191"/>
      <c r="BI268" s="191"/>
      <c r="BJ268" s="191"/>
      <c r="BK268" s="191"/>
      <c r="BL268" s="191"/>
      <c r="BM268" s="191"/>
      <c r="BN268" s="191"/>
      <c r="BO268" s="191"/>
      <c r="BP268" s="191"/>
      <c r="BQ268" s="191"/>
      <c r="BR268" s="191"/>
      <c r="BS268" s="191"/>
      <c r="BT268" s="191"/>
      <c r="BU268" s="191"/>
      <c r="BV268" s="191"/>
      <c r="BW268" s="191"/>
      <c r="BX268" s="191"/>
      <c r="BY268" s="191"/>
      <c r="BZ268" s="191"/>
      <c r="CA268" s="191"/>
      <c r="CB268" s="191"/>
      <c r="CC268" s="191"/>
      <c r="CD268" s="191"/>
      <c r="CE268" s="191"/>
      <c r="CF268" s="191"/>
      <c r="CG268" s="191"/>
      <c r="CH268" s="191"/>
      <c r="CI268" s="191"/>
      <c r="CJ268" s="191"/>
      <c r="CK268" s="191"/>
      <c r="CL268" s="191"/>
      <c r="CM268" s="191"/>
      <c r="CN268" s="191"/>
      <c r="CO268" s="191"/>
      <c r="CP268" s="191"/>
      <c r="CQ268" s="191"/>
      <c r="CR268" s="191"/>
      <c r="CS268" s="191"/>
      <c r="CT268" s="191"/>
      <c r="CU268" s="191"/>
      <c r="CV268" s="191"/>
      <c r="CW268" s="191"/>
      <c r="CX268" s="191"/>
      <c r="CY268" s="191"/>
      <c r="CZ268" s="191"/>
      <c r="DA268" s="191"/>
      <c r="DB268" s="191"/>
      <c r="DC268" s="191"/>
      <c r="DD268" s="191"/>
      <c r="DE268" s="191"/>
      <c r="DF268" s="191"/>
      <c r="DG268" s="191"/>
      <c r="DH268" s="191"/>
      <c r="DI268" s="191"/>
      <c r="DJ268" s="191"/>
      <c r="DK268" s="191"/>
      <c r="DL268" s="191"/>
      <c r="DM268" s="191"/>
      <c r="DN268" s="191"/>
      <c r="DO268" s="191"/>
      <c r="DP268" s="191"/>
      <c r="DQ268" s="191"/>
      <c r="DR268" s="191"/>
      <c r="DS268" s="191"/>
      <c r="DT268" s="191"/>
      <c r="DU268" s="191"/>
      <c r="DV268" s="191"/>
      <c r="DW268" s="191"/>
      <c r="DX268" s="191"/>
      <c r="DY268" s="191"/>
      <c r="DZ268" s="191"/>
      <c r="EA268" s="191"/>
      <c r="EB268" s="191"/>
      <c r="EC268" s="191"/>
      <c r="ED268" s="191"/>
      <c r="EE268" s="191"/>
      <c r="EF268" s="191"/>
      <c r="EG268" s="191"/>
      <c r="EH268" s="191"/>
      <c r="EI268" s="191"/>
      <c r="EJ268" s="191"/>
      <c r="EK268" s="191"/>
      <c r="EL268" s="191"/>
      <c r="EM268" s="191"/>
      <c r="EN268" s="191"/>
      <c r="EO268" s="191"/>
      <c r="EP268" s="191"/>
      <c r="EQ268" s="191"/>
      <c r="ER268" s="191"/>
      <c r="ES268" s="191"/>
      <c r="ET268" s="191"/>
      <c r="EU268" s="191"/>
      <c r="EV268" s="191"/>
      <c r="EW268" s="191"/>
      <c r="EX268" s="191"/>
      <c r="EY268" s="191"/>
      <c r="EZ268" s="191"/>
      <c r="FA268" s="191"/>
      <c r="FB268" s="191"/>
      <c r="FC268" s="191"/>
      <c r="FD268" s="191"/>
      <c r="FE268" s="191"/>
      <c r="FF268" s="191"/>
      <c r="FG268" s="191"/>
      <c r="FH268" s="191"/>
      <c r="FI268" s="191"/>
      <c r="FJ268" s="191"/>
      <c r="FK268" s="191"/>
      <c r="FL268" s="191"/>
      <c r="FM268" s="191"/>
      <c r="FN268" s="191"/>
      <c r="FO268" s="191"/>
      <c r="FP268" s="191"/>
      <c r="FQ268" s="191"/>
      <c r="FR268" s="191"/>
      <c r="FS268" s="191"/>
      <c r="FT268" s="191"/>
      <c r="FU268" s="191"/>
      <c r="FV268" s="191"/>
      <c r="FW268" s="191"/>
      <c r="FX268" s="191"/>
      <c r="FY268" s="191"/>
      <c r="FZ268" s="191"/>
      <c r="GA268" s="191"/>
      <c r="GB268" s="191"/>
      <c r="GC268" s="191"/>
      <c r="GD268" s="191"/>
      <c r="GE268" s="191"/>
      <c r="GF268" s="191"/>
      <c r="GG268" s="191"/>
      <c r="GH268" s="191"/>
      <c r="GI268" s="191"/>
      <c r="GJ268" s="191"/>
      <c r="GK268" s="191"/>
      <c r="GL268" s="191"/>
      <c r="GM268" s="191"/>
      <c r="GN268" s="191"/>
      <c r="GO268" s="191"/>
      <c r="GP268" s="191"/>
      <c r="GQ268" s="191"/>
      <c r="GR268" s="191"/>
      <c r="GS268" s="191"/>
      <c r="GT268" s="191"/>
      <c r="GU268" s="191"/>
      <c r="GV268" s="191"/>
      <c r="GW268" s="191"/>
      <c r="GX268" s="191"/>
      <c r="GY268" s="191"/>
      <c r="GZ268" s="191"/>
      <c r="HA268" s="191"/>
      <c r="HB268" s="191"/>
      <c r="HC268" s="191"/>
      <c r="HD268" s="191"/>
      <c r="HE268" s="191"/>
      <c r="HF268" s="191"/>
      <c r="HG268" s="191"/>
      <c r="HH268" s="191"/>
      <c r="HI268" s="191"/>
      <c r="HJ268" s="191"/>
      <c r="HK268" s="191"/>
      <c r="HL268" s="191"/>
      <c r="HM268" s="191"/>
      <c r="HN268" s="191"/>
      <c r="HO268" s="191"/>
      <c r="HP268" s="191"/>
      <c r="HQ268" s="191"/>
      <c r="HR268" s="191"/>
      <c r="HS268" s="191"/>
      <c r="HT268" s="191"/>
      <c r="HU268" s="191"/>
      <c r="HV268" s="191"/>
      <c r="HW268" s="191"/>
      <c r="HX268" s="191"/>
      <c r="HY268" s="191"/>
      <c r="HZ268" s="191"/>
      <c r="IA268" s="191"/>
      <c r="IB268" s="191"/>
      <c r="IC268" s="191"/>
      <c r="ID268" s="191"/>
      <c r="IE268" s="191"/>
      <c r="IF268" s="191"/>
      <c r="IG268" s="191"/>
      <c r="IH268" s="191"/>
      <c r="II268" s="191"/>
      <c r="IJ268" s="191"/>
      <c r="IK268" s="191"/>
      <c r="IL268" s="191"/>
      <c r="IM268" s="191"/>
      <c r="IN268" s="191"/>
      <c r="IO268" s="191"/>
      <c r="IP268" s="191"/>
      <c r="IQ268" s="191"/>
      <c r="IR268" s="191"/>
      <c r="IS268" s="191"/>
      <c r="IT268" s="191"/>
      <c r="IU268" s="191"/>
      <c r="IV268" s="191"/>
      <c r="IW268" s="191"/>
      <c r="IX268" s="191"/>
      <c r="IY268" s="191"/>
    </row>
    <row r="269" spans="1:259" s="570" customFormat="1" ht="70.2" customHeight="1" x14ac:dyDescent="0.2">
      <c r="A269" s="917" t="s">
        <v>160</v>
      </c>
      <c r="B269" s="918"/>
      <c r="C269" s="918"/>
      <c r="D269" s="918"/>
      <c r="E269" s="918"/>
      <c r="F269" s="918"/>
      <c r="G269" s="918"/>
      <c r="H269" s="918"/>
      <c r="I269" s="919"/>
      <c r="J269" s="920"/>
      <c r="K269" s="918"/>
      <c r="L269" s="918"/>
      <c r="M269" s="918"/>
      <c r="N269" s="918"/>
      <c r="O269" s="918"/>
      <c r="P269" s="918"/>
      <c r="Q269" s="921"/>
      <c r="R269" s="1028"/>
      <c r="S269" s="561"/>
      <c r="T269" s="595"/>
      <c r="U269" s="596"/>
      <c r="V269" s="600"/>
      <c r="W269" s="600"/>
      <c r="X269" s="600"/>
      <c r="Y269" s="600"/>
      <c r="Z269" s="600"/>
      <c r="AA269" s="600"/>
      <c r="AB269" s="600"/>
      <c r="AC269" s="600"/>
      <c r="AD269" s="600"/>
      <c r="AE269" s="600"/>
      <c r="AF269" s="600"/>
      <c r="AG269" s="600"/>
      <c r="AH269" s="600"/>
      <c r="AI269" s="600"/>
      <c r="AJ269" s="600"/>
      <c r="AK269" s="600"/>
      <c r="AL269" s="600"/>
      <c r="AM269" s="600"/>
      <c r="AN269" s="600"/>
      <c r="AO269" s="600"/>
      <c r="AP269" s="600"/>
      <c r="AQ269" s="600"/>
      <c r="AR269" s="600"/>
      <c r="AS269" s="600"/>
      <c r="AT269" s="600"/>
      <c r="AU269" s="600"/>
      <c r="AV269" s="600"/>
      <c r="AW269" s="600"/>
      <c r="AX269" s="600"/>
      <c r="AY269" s="600"/>
      <c r="AZ269" s="600"/>
      <c r="BA269" s="600"/>
      <c r="BB269" s="600"/>
      <c r="BC269" s="600"/>
      <c r="BD269" s="600"/>
      <c r="BE269" s="600"/>
    </row>
    <row r="270" spans="1:259" s="546" customFormat="1" ht="69.900000000000006" customHeight="1" x14ac:dyDescent="0.2">
      <c r="A270" s="696" t="s">
        <v>142</v>
      </c>
      <c r="B270" s="697"/>
      <c r="C270" s="697"/>
      <c r="D270" s="697"/>
      <c r="E270" s="697"/>
      <c r="F270" s="697"/>
      <c r="G270" s="697"/>
      <c r="H270" s="697"/>
      <c r="I270" s="697"/>
      <c r="J270" s="697"/>
      <c r="K270" s="697"/>
      <c r="L270" s="697"/>
      <c r="M270" s="697"/>
      <c r="N270" s="697"/>
      <c r="O270" s="697"/>
      <c r="P270" s="697"/>
      <c r="Q270" s="698"/>
      <c r="R270" s="1068"/>
      <c r="S270" s="561"/>
      <c r="T270" s="199"/>
    </row>
    <row r="271" spans="1:259" s="546" customFormat="1" ht="69.900000000000006" customHeight="1" x14ac:dyDescent="0.2">
      <c r="A271" s="925" t="s">
        <v>143</v>
      </c>
      <c r="B271" s="926"/>
      <c r="C271" s="926"/>
      <c r="D271" s="926"/>
      <c r="E271" s="926"/>
      <c r="F271" s="926"/>
      <c r="G271" s="926"/>
      <c r="H271" s="926"/>
      <c r="I271" s="926"/>
      <c r="J271" s="926"/>
      <c r="K271" s="926"/>
      <c r="L271" s="926"/>
      <c r="M271" s="926"/>
      <c r="N271" s="926"/>
      <c r="O271" s="926"/>
      <c r="P271" s="926"/>
      <c r="Q271" s="927"/>
      <c r="R271" s="1068"/>
      <c r="S271" s="561"/>
      <c r="T271" s="199"/>
    </row>
    <row r="272" spans="1:259" s="570" customFormat="1" ht="69.599999999999994" customHeight="1" x14ac:dyDescent="0.2">
      <c r="A272" s="879" t="s">
        <v>461</v>
      </c>
      <c r="B272" s="880"/>
      <c r="C272" s="880"/>
      <c r="D272" s="880"/>
      <c r="E272" s="880"/>
      <c r="F272" s="880"/>
      <c r="G272" s="880"/>
      <c r="H272" s="880"/>
      <c r="I272" s="880"/>
      <c r="J272" s="880"/>
      <c r="K272" s="880"/>
      <c r="L272" s="880"/>
      <c r="M272" s="880"/>
      <c r="N272" s="880"/>
      <c r="O272" s="880"/>
      <c r="P272" s="880"/>
      <c r="Q272" s="881"/>
      <c r="R272" s="1028"/>
      <c r="S272" s="561"/>
      <c r="T272" s="595"/>
      <c r="U272" s="539"/>
      <c r="V272" s="600"/>
      <c r="W272" s="600"/>
      <c r="X272" s="600"/>
      <c r="Y272" s="600"/>
      <c r="Z272" s="600"/>
      <c r="AA272" s="600"/>
      <c r="AB272" s="600"/>
      <c r="AC272" s="600"/>
      <c r="AD272" s="600"/>
      <c r="AE272" s="600"/>
      <c r="AF272" s="600"/>
      <c r="AG272" s="600"/>
      <c r="AH272" s="600"/>
      <c r="AI272" s="600"/>
      <c r="AJ272" s="600"/>
      <c r="AK272" s="600"/>
      <c r="AL272" s="600"/>
      <c r="AM272" s="600"/>
      <c r="AN272" s="600"/>
      <c r="AO272" s="600"/>
      <c r="AP272" s="600"/>
      <c r="AQ272" s="600"/>
      <c r="AR272" s="600"/>
      <c r="AS272" s="600"/>
      <c r="AT272" s="600"/>
      <c r="AU272" s="600"/>
      <c r="AV272" s="600"/>
      <c r="AW272" s="600"/>
      <c r="AX272" s="600"/>
      <c r="AY272" s="600"/>
      <c r="AZ272" s="600"/>
      <c r="BA272" s="600"/>
      <c r="BB272" s="600"/>
      <c r="BC272" s="600"/>
      <c r="BD272" s="600"/>
      <c r="BE272" s="600"/>
    </row>
    <row r="273" spans="1:259" s="570" customFormat="1" ht="69.599999999999994" customHeight="1" x14ac:dyDescent="0.2">
      <c r="A273" s="779" t="s">
        <v>145</v>
      </c>
      <c r="B273" s="780"/>
      <c r="C273" s="780"/>
      <c r="D273" s="780"/>
      <c r="E273" s="780"/>
      <c r="F273" s="780"/>
      <c r="G273" s="780"/>
      <c r="H273" s="780"/>
      <c r="I273" s="780"/>
      <c r="J273" s="780"/>
      <c r="K273" s="780"/>
      <c r="L273" s="780"/>
      <c r="M273" s="780"/>
      <c r="N273" s="780"/>
      <c r="O273" s="780"/>
      <c r="P273" s="780"/>
      <c r="Q273" s="781"/>
      <c r="R273" s="1028"/>
      <c r="S273" s="561"/>
      <c r="T273" s="595"/>
      <c r="U273" s="668"/>
      <c r="V273" s="600"/>
      <c r="W273" s="600"/>
      <c r="X273" s="600"/>
      <c r="Y273" s="600"/>
      <c r="Z273" s="600"/>
      <c r="AA273" s="600"/>
      <c r="AB273" s="600"/>
      <c r="AC273" s="600"/>
      <c r="AD273" s="600"/>
      <c r="AE273" s="600"/>
      <c r="AF273" s="600"/>
      <c r="AG273" s="600"/>
      <c r="AH273" s="600"/>
      <c r="AI273" s="600"/>
      <c r="AJ273" s="600"/>
      <c r="AK273" s="600"/>
      <c r="AL273" s="600"/>
      <c r="AM273" s="600"/>
      <c r="AN273" s="600"/>
      <c r="AO273" s="600"/>
      <c r="AP273" s="600"/>
      <c r="AQ273" s="600"/>
      <c r="AR273" s="600"/>
      <c r="AS273" s="600"/>
      <c r="AT273" s="600"/>
      <c r="AU273" s="600"/>
      <c r="AV273" s="600"/>
      <c r="AW273" s="600"/>
      <c r="AX273" s="600"/>
      <c r="AY273" s="600"/>
      <c r="AZ273" s="600"/>
      <c r="BA273" s="600"/>
      <c r="BB273" s="600"/>
      <c r="BC273" s="600"/>
      <c r="BD273" s="600"/>
      <c r="BE273" s="600"/>
    </row>
    <row r="274" spans="1:259" s="546" customFormat="1" ht="69.900000000000006" customHeight="1" x14ac:dyDescent="0.2">
      <c r="A274" s="925" t="s">
        <v>146</v>
      </c>
      <c r="B274" s="926"/>
      <c r="C274" s="926"/>
      <c r="D274" s="926"/>
      <c r="E274" s="926"/>
      <c r="F274" s="926"/>
      <c r="G274" s="926"/>
      <c r="H274" s="926"/>
      <c r="I274" s="926"/>
      <c r="J274" s="926"/>
      <c r="K274" s="926"/>
      <c r="L274" s="926"/>
      <c r="M274" s="926"/>
      <c r="N274" s="926"/>
      <c r="O274" s="926"/>
      <c r="P274" s="926"/>
      <c r="Q274" s="927"/>
      <c r="R274" s="1068"/>
      <c r="S274" s="561"/>
      <c r="T274" s="1121"/>
    </row>
    <row r="275" spans="1:259" s="570" customFormat="1" ht="70.2" customHeight="1" x14ac:dyDescent="0.2">
      <c r="A275" s="699" t="s">
        <v>147</v>
      </c>
      <c r="B275" s="700"/>
      <c r="C275" s="700"/>
      <c r="D275" s="700"/>
      <c r="E275" s="700"/>
      <c r="F275" s="700"/>
      <c r="G275" s="700"/>
      <c r="H275" s="700"/>
      <c r="I275" s="701"/>
      <c r="J275" s="841"/>
      <c r="K275" s="841"/>
      <c r="L275" s="841"/>
      <c r="M275" s="841"/>
      <c r="N275" s="841"/>
      <c r="O275" s="841"/>
      <c r="P275" s="841"/>
      <c r="Q275" s="913"/>
      <c r="R275" s="1028"/>
      <c r="S275" s="561"/>
      <c r="T275" s="595"/>
      <c r="U275" s="596"/>
      <c r="V275" s="600"/>
      <c r="W275" s="600"/>
      <c r="X275" s="600"/>
      <c r="Y275" s="600"/>
      <c r="Z275" s="600"/>
      <c r="AA275" s="600"/>
      <c r="AB275" s="600"/>
      <c r="AC275" s="600"/>
      <c r="AD275" s="600"/>
      <c r="AE275" s="600"/>
      <c r="AF275" s="600"/>
      <c r="AG275" s="600"/>
      <c r="AH275" s="600"/>
      <c r="AI275" s="600"/>
      <c r="AJ275" s="600"/>
      <c r="AK275" s="600"/>
      <c r="AL275" s="600"/>
      <c r="AM275" s="600"/>
      <c r="AN275" s="600"/>
      <c r="AO275" s="600"/>
      <c r="AP275" s="600"/>
      <c r="AQ275" s="600"/>
      <c r="AR275" s="600"/>
      <c r="AS275" s="600"/>
      <c r="AT275" s="600"/>
      <c r="AU275" s="600"/>
      <c r="AV275" s="600"/>
      <c r="AW275" s="600"/>
      <c r="AX275" s="600"/>
      <c r="AY275" s="600"/>
      <c r="AZ275" s="600"/>
      <c r="BA275" s="600"/>
      <c r="BB275" s="600"/>
      <c r="BC275" s="600"/>
      <c r="BD275" s="600"/>
      <c r="BE275" s="600"/>
    </row>
    <row r="276" spans="1:259" s="570" customFormat="1" ht="70.2" customHeight="1" x14ac:dyDescent="0.2">
      <c r="A276" s="707" t="s">
        <v>148</v>
      </c>
      <c r="B276" s="708"/>
      <c r="C276" s="708"/>
      <c r="D276" s="708"/>
      <c r="E276" s="708"/>
      <c r="F276" s="708"/>
      <c r="G276" s="708"/>
      <c r="H276" s="708"/>
      <c r="I276" s="709"/>
      <c r="J276" s="572" t="s">
        <v>149</v>
      </c>
      <c r="K276" s="710"/>
      <c r="L276" s="710"/>
      <c r="M276" s="710"/>
      <c r="N276" s="710"/>
      <c r="O276" s="710"/>
      <c r="P276" s="710"/>
      <c r="Q276" s="711"/>
      <c r="R276" s="1028"/>
      <c r="S276" s="561"/>
      <c r="T276" s="595"/>
      <c r="U276" s="596"/>
      <c r="V276" s="600"/>
      <c r="W276" s="600"/>
      <c r="X276" s="600"/>
      <c r="Y276" s="600"/>
      <c r="Z276" s="600"/>
      <c r="AA276" s="600"/>
      <c r="AB276" s="600"/>
      <c r="AC276" s="600"/>
      <c r="AD276" s="600"/>
      <c r="AE276" s="600"/>
      <c r="AF276" s="600"/>
      <c r="AG276" s="600"/>
      <c r="AH276" s="600"/>
      <c r="AI276" s="600"/>
      <c r="AJ276" s="600"/>
      <c r="AK276" s="600"/>
      <c r="AL276" s="600"/>
      <c r="AM276" s="600"/>
      <c r="AN276" s="600"/>
      <c r="AO276" s="600"/>
      <c r="AP276" s="600"/>
      <c r="AQ276" s="600"/>
      <c r="AR276" s="600"/>
      <c r="AS276" s="600"/>
      <c r="AT276" s="600"/>
      <c r="AU276" s="600"/>
      <c r="AV276" s="600"/>
      <c r="AW276" s="600"/>
      <c r="AX276" s="600"/>
      <c r="AY276" s="600"/>
      <c r="AZ276" s="600"/>
      <c r="BA276" s="600"/>
      <c r="BB276" s="600"/>
      <c r="BC276" s="600"/>
      <c r="BD276" s="600"/>
      <c r="BE276" s="600"/>
    </row>
    <row r="277" spans="1:259" s="570" customFormat="1" ht="70.2" customHeight="1" x14ac:dyDescent="0.2">
      <c r="A277" s="715"/>
      <c r="B277" s="716"/>
      <c r="C277" s="716"/>
      <c r="D277" s="716"/>
      <c r="E277" s="716"/>
      <c r="F277" s="716"/>
      <c r="G277" s="716"/>
      <c r="H277" s="716"/>
      <c r="I277" s="717"/>
      <c r="J277" s="843" t="s">
        <v>150</v>
      </c>
      <c r="K277" s="878"/>
      <c r="L277" s="914" t="s">
        <v>151</v>
      </c>
      <c r="M277" s="572"/>
      <c r="N277" s="710"/>
      <c r="O277" s="710"/>
      <c r="P277" s="710"/>
      <c r="Q277" s="711"/>
      <c r="R277" s="1028"/>
      <c r="S277" s="561"/>
      <c r="T277" s="595"/>
      <c r="U277" s="596"/>
      <c r="V277" s="600"/>
      <c r="W277" s="600"/>
      <c r="X277" s="600"/>
      <c r="Y277" s="600"/>
      <c r="Z277" s="600"/>
      <c r="AA277" s="600"/>
      <c r="AB277" s="600"/>
      <c r="AC277" s="600"/>
      <c r="AD277" s="600"/>
      <c r="AE277" s="600"/>
      <c r="AF277" s="600"/>
      <c r="AG277" s="600"/>
      <c r="AH277" s="600"/>
      <c r="AI277" s="600"/>
      <c r="AJ277" s="600"/>
      <c r="AK277" s="600"/>
      <c r="AL277" s="600"/>
      <c r="AM277" s="600"/>
      <c r="AN277" s="600"/>
      <c r="AO277" s="600"/>
      <c r="AP277" s="600"/>
      <c r="AQ277" s="600"/>
      <c r="AR277" s="600"/>
      <c r="AS277" s="600"/>
      <c r="AT277" s="600"/>
      <c r="AU277" s="600"/>
      <c r="AV277" s="600"/>
      <c r="AW277" s="600"/>
      <c r="AX277" s="600"/>
      <c r="AY277" s="600"/>
      <c r="AZ277" s="600"/>
      <c r="BA277" s="600"/>
      <c r="BB277" s="600"/>
      <c r="BC277" s="600"/>
      <c r="BD277" s="600"/>
      <c r="BE277" s="600"/>
    </row>
    <row r="278" spans="1:259" s="570" customFormat="1" ht="70.2" customHeight="1" x14ac:dyDescent="0.2">
      <c r="A278" s="928" t="s">
        <v>152</v>
      </c>
      <c r="B278" s="929"/>
      <c r="C278" s="929"/>
      <c r="D278" s="929"/>
      <c r="E278" s="929"/>
      <c r="F278" s="929"/>
      <c r="G278" s="929"/>
      <c r="H278" s="929"/>
      <c r="I278" s="930"/>
      <c r="J278" s="849"/>
      <c r="K278" s="849"/>
      <c r="L278" s="849"/>
      <c r="M278" s="849"/>
      <c r="N278" s="849"/>
      <c r="O278" s="849"/>
      <c r="P278" s="849"/>
      <c r="Q278" s="931"/>
      <c r="R278" s="1028"/>
      <c r="S278" s="561"/>
      <c r="T278" s="595"/>
      <c r="U278" s="596"/>
      <c r="V278" s="600"/>
      <c r="W278" s="600"/>
      <c r="X278" s="600"/>
      <c r="Y278" s="600"/>
      <c r="Z278" s="600"/>
      <c r="AA278" s="600"/>
      <c r="AB278" s="600"/>
      <c r="AC278" s="600"/>
      <c r="AD278" s="600"/>
      <c r="AE278" s="600"/>
      <c r="AF278" s="600"/>
      <c r="AG278" s="600"/>
      <c r="AH278" s="600"/>
      <c r="AI278" s="600"/>
      <c r="AJ278" s="600"/>
      <c r="AK278" s="600"/>
      <c r="AL278" s="600"/>
      <c r="AM278" s="600"/>
      <c r="AN278" s="600"/>
      <c r="AO278" s="600"/>
      <c r="AP278" s="600"/>
      <c r="AQ278" s="600"/>
      <c r="AR278" s="600"/>
      <c r="AS278" s="600"/>
      <c r="AT278" s="600"/>
      <c r="AU278" s="600"/>
      <c r="AV278" s="600"/>
      <c r="AW278" s="600"/>
      <c r="AX278" s="600"/>
      <c r="AY278" s="600"/>
      <c r="AZ278" s="600"/>
      <c r="BA278" s="600"/>
      <c r="BB278" s="600"/>
      <c r="BC278" s="600"/>
      <c r="BD278" s="600"/>
      <c r="BE278" s="600"/>
    </row>
    <row r="279" spans="1:259" s="570" customFormat="1" ht="70.2" customHeight="1" x14ac:dyDescent="0.2">
      <c r="A279" s="928" t="s">
        <v>153</v>
      </c>
      <c r="B279" s="929"/>
      <c r="C279" s="929"/>
      <c r="D279" s="929"/>
      <c r="E279" s="929"/>
      <c r="F279" s="929"/>
      <c r="G279" s="929"/>
      <c r="H279" s="929"/>
      <c r="I279" s="930"/>
      <c r="J279" s="849"/>
      <c r="K279" s="849"/>
      <c r="L279" s="849"/>
      <c r="M279" s="849"/>
      <c r="N279" s="849"/>
      <c r="O279" s="849"/>
      <c r="P279" s="849"/>
      <c r="Q279" s="931"/>
      <c r="R279" s="186"/>
      <c r="S279" s="187"/>
      <c r="T279" s="188"/>
      <c r="U279" s="818"/>
      <c r="V279" s="190"/>
      <c r="W279" s="190"/>
      <c r="X279" s="190"/>
      <c r="Y279" s="190"/>
      <c r="Z279" s="190"/>
      <c r="AA279" s="190"/>
      <c r="AB279" s="190"/>
      <c r="AC279" s="190"/>
      <c r="AD279" s="190"/>
      <c r="AE279" s="190"/>
      <c r="AF279" s="190"/>
      <c r="AG279" s="190"/>
      <c r="AH279" s="190"/>
      <c r="AI279" s="190"/>
      <c r="AJ279" s="190"/>
      <c r="AK279" s="190"/>
      <c r="AL279" s="190"/>
      <c r="AM279" s="190"/>
      <c r="AN279" s="190"/>
      <c r="AO279" s="190"/>
      <c r="AP279" s="190"/>
      <c r="AQ279" s="190"/>
      <c r="AR279" s="190"/>
      <c r="AS279" s="190"/>
      <c r="AT279" s="190"/>
      <c r="AU279" s="190"/>
      <c r="AV279" s="190"/>
      <c r="AW279" s="190"/>
      <c r="AX279" s="190"/>
      <c r="AY279" s="190"/>
      <c r="AZ279" s="190"/>
      <c r="BA279" s="190"/>
      <c r="BB279" s="190"/>
      <c r="BC279" s="190"/>
      <c r="BD279" s="190"/>
      <c r="BE279" s="190"/>
      <c r="BF279" s="191"/>
      <c r="BG279" s="191"/>
      <c r="BH279" s="191"/>
      <c r="BI279" s="191"/>
      <c r="BJ279" s="191"/>
      <c r="BK279" s="191"/>
      <c r="BL279" s="191"/>
      <c r="BM279" s="191"/>
      <c r="BN279" s="191"/>
      <c r="BO279" s="191"/>
      <c r="BP279" s="191"/>
      <c r="BQ279" s="191"/>
      <c r="BR279" s="191"/>
      <c r="BS279" s="191"/>
      <c r="BT279" s="191"/>
      <c r="BU279" s="191"/>
      <c r="BV279" s="191"/>
      <c r="BW279" s="191"/>
      <c r="BX279" s="191"/>
      <c r="BY279" s="191"/>
      <c r="BZ279" s="191"/>
      <c r="CA279" s="191"/>
      <c r="CB279" s="191"/>
      <c r="CC279" s="191"/>
      <c r="CD279" s="191"/>
      <c r="CE279" s="191"/>
      <c r="CF279" s="191"/>
      <c r="CG279" s="191"/>
      <c r="CH279" s="191"/>
      <c r="CI279" s="191"/>
      <c r="CJ279" s="191"/>
      <c r="CK279" s="191"/>
      <c r="CL279" s="191"/>
      <c r="CM279" s="191"/>
      <c r="CN279" s="191"/>
      <c r="CO279" s="191"/>
      <c r="CP279" s="191"/>
      <c r="CQ279" s="191"/>
      <c r="CR279" s="191"/>
      <c r="CS279" s="191"/>
      <c r="CT279" s="191"/>
      <c r="CU279" s="191"/>
      <c r="CV279" s="191"/>
      <c r="CW279" s="191"/>
      <c r="CX279" s="191"/>
      <c r="CY279" s="191"/>
      <c r="CZ279" s="191"/>
      <c r="DA279" s="191"/>
      <c r="DB279" s="191"/>
      <c r="DC279" s="191"/>
      <c r="DD279" s="191"/>
      <c r="DE279" s="191"/>
      <c r="DF279" s="191"/>
      <c r="DG279" s="191"/>
      <c r="DH279" s="191"/>
      <c r="DI279" s="191"/>
      <c r="DJ279" s="191"/>
      <c r="DK279" s="191"/>
      <c r="DL279" s="191"/>
      <c r="DM279" s="191"/>
      <c r="DN279" s="191"/>
      <c r="DO279" s="191"/>
      <c r="DP279" s="191"/>
      <c r="DQ279" s="191"/>
      <c r="DR279" s="191"/>
      <c r="DS279" s="191"/>
      <c r="DT279" s="191"/>
      <c r="DU279" s="191"/>
      <c r="DV279" s="191"/>
      <c r="DW279" s="191"/>
      <c r="DX279" s="191"/>
      <c r="DY279" s="191"/>
      <c r="DZ279" s="191"/>
      <c r="EA279" s="191"/>
      <c r="EB279" s="191"/>
      <c r="EC279" s="191"/>
      <c r="ED279" s="191"/>
      <c r="EE279" s="191"/>
      <c r="EF279" s="191"/>
      <c r="EG279" s="191"/>
      <c r="EH279" s="191"/>
      <c r="EI279" s="191"/>
      <c r="EJ279" s="191"/>
      <c r="EK279" s="191"/>
      <c r="EL279" s="191"/>
      <c r="EM279" s="191"/>
      <c r="EN279" s="191"/>
      <c r="EO279" s="191"/>
      <c r="EP279" s="191"/>
      <c r="EQ279" s="191"/>
      <c r="ER279" s="191"/>
      <c r="ES279" s="191"/>
      <c r="ET279" s="191"/>
      <c r="EU279" s="191"/>
      <c r="EV279" s="191"/>
      <c r="EW279" s="191"/>
      <c r="EX279" s="191"/>
      <c r="EY279" s="191"/>
      <c r="EZ279" s="191"/>
      <c r="FA279" s="191"/>
      <c r="FB279" s="191"/>
      <c r="FC279" s="191"/>
      <c r="FD279" s="191"/>
      <c r="FE279" s="191"/>
      <c r="FF279" s="191"/>
      <c r="FG279" s="191"/>
      <c r="FH279" s="191"/>
      <c r="FI279" s="191"/>
      <c r="FJ279" s="191"/>
      <c r="FK279" s="191"/>
      <c r="FL279" s="191"/>
      <c r="FM279" s="191"/>
      <c r="FN279" s="191"/>
      <c r="FO279" s="191"/>
      <c r="FP279" s="191"/>
      <c r="FQ279" s="191"/>
      <c r="FR279" s="191"/>
      <c r="FS279" s="191"/>
      <c r="FT279" s="191"/>
      <c r="FU279" s="191"/>
      <c r="FV279" s="191"/>
      <c r="FW279" s="191"/>
      <c r="FX279" s="191"/>
      <c r="FY279" s="191"/>
      <c r="FZ279" s="191"/>
      <c r="GA279" s="191"/>
      <c r="GB279" s="191"/>
      <c r="GC279" s="191"/>
      <c r="GD279" s="191"/>
      <c r="GE279" s="191"/>
      <c r="GF279" s="191"/>
      <c r="GG279" s="191"/>
      <c r="GH279" s="191"/>
      <c r="GI279" s="191"/>
      <c r="GJ279" s="191"/>
      <c r="GK279" s="191"/>
      <c r="GL279" s="191"/>
      <c r="GM279" s="191"/>
      <c r="GN279" s="191"/>
      <c r="GO279" s="191"/>
      <c r="GP279" s="191"/>
      <c r="GQ279" s="191"/>
      <c r="GR279" s="191"/>
      <c r="GS279" s="191"/>
      <c r="GT279" s="191"/>
      <c r="GU279" s="191"/>
      <c r="GV279" s="191"/>
      <c r="GW279" s="191"/>
      <c r="GX279" s="191"/>
      <c r="GY279" s="191"/>
      <c r="GZ279" s="191"/>
      <c r="HA279" s="191"/>
      <c r="HB279" s="191"/>
      <c r="HC279" s="191"/>
      <c r="HD279" s="191"/>
      <c r="HE279" s="191"/>
      <c r="HF279" s="191"/>
      <c r="HG279" s="191"/>
      <c r="HH279" s="191"/>
      <c r="HI279" s="191"/>
      <c r="HJ279" s="191"/>
      <c r="HK279" s="191"/>
      <c r="HL279" s="191"/>
      <c r="HM279" s="191"/>
      <c r="HN279" s="191"/>
      <c r="HO279" s="191"/>
      <c r="HP279" s="191"/>
      <c r="HQ279" s="191"/>
      <c r="HR279" s="191"/>
      <c r="HS279" s="191"/>
      <c r="HT279" s="191"/>
      <c r="HU279" s="191"/>
      <c r="HV279" s="191"/>
      <c r="HW279" s="191"/>
      <c r="HX279" s="191"/>
      <c r="HY279" s="191"/>
      <c r="HZ279" s="191"/>
      <c r="IA279" s="191"/>
      <c r="IB279" s="191"/>
      <c r="IC279" s="191"/>
      <c r="ID279" s="191"/>
      <c r="IE279" s="191"/>
      <c r="IF279" s="191"/>
      <c r="IG279" s="191"/>
      <c r="IH279" s="191"/>
      <c r="II279" s="191"/>
      <c r="IJ279" s="191"/>
      <c r="IK279" s="191"/>
      <c r="IL279" s="191"/>
      <c r="IM279" s="191"/>
      <c r="IN279" s="191"/>
      <c r="IO279" s="191"/>
      <c r="IP279" s="191"/>
      <c r="IQ279" s="191"/>
      <c r="IR279" s="191"/>
      <c r="IS279" s="191"/>
      <c r="IT279" s="191"/>
      <c r="IU279" s="191"/>
      <c r="IV279" s="191"/>
      <c r="IW279" s="191"/>
      <c r="IX279" s="191"/>
      <c r="IY279" s="191"/>
    </row>
    <row r="280" spans="1:259" s="570" customFormat="1" ht="70.2" customHeight="1" x14ac:dyDescent="0.2">
      <c r="A280" s="707" t="s">
        <v>154</v>
      </c>
      <c r="B280" s="708"/>
      <c r="C280" s="708"/>
      <c r="D280" s="708"/>
      <c r="E280" s="708"/>
      <c r="F280" s="708"/>
      <c r="G280" s="708"/>
      <c r="H280" s="708"/>
      <c r="I280" s="709"/>
      <c r="J280" s="915" t="s">
        <v>155</v>
      </c>
      <c r="K280" s="572" t="s">
        <v>156</v>
      </c>
      <c r="L280" s="710"/>
      <c r="M280" s="710"/>
      <c r="N280" s="710"/>
      <c r="O280" s="710"/>
      <c r="P280" s="710"/>
      <c r="Q280" s="711"/>
      <c r="R280" s="186"/>
      <c r="S280" s="187"/>
      <c r="T280" s="188"/>
      <c r="U280" s="818"/>
      <c r="V280" s="190"/>
      <c r="W280" s="190"/>
      <c r="X280" s="190"/>
      <c r="Y280" s="190"/>
      <c r="Z280" s="190"/>
      <c r="AA280" s="190"/>
      <c r="AB280" s="190"/>
      <c r="AC280" s="190"/>
      <c r="AD280" s="190"/>
      <c r="AE280" s="190"/>
      <c r="AF280" s="190"/>
      <c r="AG280" s="190"/>
      <c r="AH280" s="190"/>
      <c r="AI280" s="190"/>
      <c r="AJ280" s="190"/>
      <c r="AK280" s="190"/>
      <c r="AL280" s="190"/>
      <c r="AM280" s="190"/>
      <c r="AN280" s="190"/>
      <c r="AO280" s="190"/>
      <c r="AP280" s="190"/>
      <c r="AQ280" s="190"/>
      <c r="AR280" s="190"/>
      <c r="AS280" s="190"/>
      <c r="AT280" s="190"/>
      <c r="AU280" s="190"/>
      <c r="AV280" s="190"/>
      <c r="AW280" s="190"/>
      <c r="AX280" s="190"/>
      <c r="AY280" s="190"/>
      <c r="AZ280" s="190"/>
      <c r="BA280" s="190"/>
      <c r="BB280" s="190"/>
      <c r="BC280" s="190"/>
      <c r="BD280" s="190"/>
      <c r="BE280" s="190"/>
      <c r="BF280" s="191"/>
      <c r="BG280" s="191"/>
      <c r="BH280" s="191"/>
      <c r="BI280" s="191"/>
      <c r="BJ280" s="191"/>
      <c r="BK280" s="191"/>
      <c r="BL280" s="191"/>
      <c r="BM280" s="191"/>
      <c r="BN280" s="191"/>
      <c r="BO280" s="191"/>
      <c r="BP280" s="191"/>
      <c r="BQ280" s="191"/>
      <c r="BR280" s="191"/>
      <c r="BS280" s="191"/>
      <c r="BT280" s="191"/>
      <c r="BU280" s="191"/>
      <c r="BV280" s="191"/>
      <c r="BW280" s="191"/>
      <c r="BX280" s="191"/>
      <c r="BY280" s="191"/>
      <c r="BZ280" s="191"/>
      <c r="CA280" s="191"/>
      <c r="CB280" s="191"/>
      <c r="CC280" s="191"/>
      <c r="CD280" s="191"/>
      <c r="CE280" s="191"/>
      <c r="CF280" s="191"/>
      <c r="CG280" s="191"/>
      <c r="CH280" s="191"/>
      <c r="CI280" s="191"/>
      <c r="CJ280" s="191"/>
      <c r="CK280" s="191"/>
      <c r="CL280" s="191"/>
      <c r="CM280" s="191"/>
      <c r="CN280" s="191"/>
      <c r="CO280" s="191"/>
      <c r="CP280" s="191"/>
      <c r="CQ280" s="191"/>
      <c r="CR280" s="191"/>
      <c r="CS280" s="191"/>
      <c r="CT280" s="191"/>
      <c r="CU280" s="191"/>
      <c r="CV280" s="191"/>
      <c r="CW280" s="191"/>
      <c r="CX280" s="191"/>
      <c r="CY280" s="191"/>
      <c r="CZ280" s="191"/>
      <c r="DA280" s="191"/>
      <c r="DB280" s="191"/>
      <c r="DC280" s="191"/>
      <c r="DD280" s="191"/>
      <c r="DE280" s="191"/>
      <c r="DF280" s="191"/>
      <c r="DG280" s="191"/>
      <c r="DH280" s="191"/>
      <c r="DI280" s="191"/>
      <c r="DJ280" s="191"/>
      <c r="DK280" s="191"/>
      <c r="DL280" s="191"/>
      <c r="DM280" s="191"/>
      <c r="DN280" s="191"/>
      <c r="DO280" s="191"/>
      <c r="DP280" s="191"/>
      <c r="DQ280" s="191"/>
      <c r="DR280" s="191"/>
      <c r="DS280" s="191"/>
      <c r="DT280" s="191"/>
      <c r="DU280" s="191"/>
      <c r="DV280" s="191"/>
      <c r="DW280" s="191"/>
      <c r="DX280" s="191"/>
      <c r="DY280" s="191"/>
      <c r="DZ280" s="191"/>
      <c r="EA280" s="191"/>
      <c r="EB280" s="191"/>
      <c r="EC280" s="191"/>
      <c r="ED280" s="191"/>
      <c r="EE280" s="191"/>
      <c r="EF280" s="191"/>
      <c r="EG280" s="191"/>
      <c r="EH280" s="191"/>
      <c r="EI280" s="191"/>
      <c r="EJ280" s="191"/>
      <c r="EK280" s="191"/>
      <c r="EL280" s="191"/>
      <c r="EM280" s="191"/>
      <c r="EN280" s="191"/>
      <c r="EO280" s="191"/>
      <c r="EP280" s="191"/>
      <c r="EQ280" s="191"/>
      <c r="ER280" s="191"/>
      <c r="ES280" s="191"/>
      <c r="ET280" s="191"/>
      <c r="EU280" s="191"/>
      <c r="EV280" s="191"/>
      <c r="EW280" s="191"/>
      <c r="EX280" s="191"/>
      <c r="EY280" s="191"/>
      <c r="EZ280" s="191"/>
      <c r="FA280" s="191"/>
      <c r="FB280" s="191"/>
      <c r="FC280" s="191"/>
      <c r="FD280" s="191"/>
      <c r="FE280" s="191"/>
      <c r="FF280" s="191"/>
      <c r="FG280" s="191"/>
      <c r="FH280" s="191"/>
      <c r="FI280" s="191"/>
      <c r="FJ280" s="191"/>
      <c r="FK280" s="191"/>
      <c r="FL280" s="191"/>
      <c r="FM280" s="191"/>
      <c r="FN280" s="191"/>
      <c r="FO280" s="191"/>
      <c r="FP280" s="191"/>
      <c r="FQ280" s="191"/>
      <c r="FR280" s="191"/>
      <c r="FS280" s="191"/>
      <c r="FT280" s="191"/>
      <c r="FU280" s="191"/>
      <c r="FV280" s="191"/>
      <c r="FW280" s="191"/>
      <c r="FX280" s="191"/>
      <c r="FY280" s="191"/>
      <c r="FZ280" s="191"/>
      <c r="GA280" s="191"/>
      <c r="GB280" s="191"/>
      <c r="GC280" s="191"/>
      <c r="GD280" s="191"/>
      <c r="GE280" s="191"/>
      <c r="GF280" s="191"/>
      <c r="GG280" s="191"/>
      <c r="GH280" s="191"/>
      <c r="GI280" s="191"/>
      <c r="GJ280" s="191"/>
      <c r="GK280" s="191"/>
      <c r="GL280" s="191"/>
      <c r="GM280" s="191"/>
      <c r="GN280" s="191"/>
      <c r="GO280" s="191"/>
      <c r="GP280" s="191"/>
      <c r="GQ280" s="191"/>
      <c r="GR280" s="191"/>
      <c r="GS280" s="191"/>
      <c r="GT280" s="191"/>
      <c r="GU280" s="191"/>
      <c r="GV280" s="191"/>
      <c r="GW280" s="191"/>
      <c r="GX280" s="191"/>
      <c r="GY280" s="191"/>
      <c r="GZ280" s="191"/>
      <c r="HA280" s="191"/>
      <c r="HB280" s="191"/>
      <c r="HC280" s="191"/>
      <c r="HD280" s="191"/>
      <c r="HE280" s="191"/>
      <c r="HF280" s="191"/>
      <c r="HG280" s="191"/>
      <c r="HH280" s="191"/>
      <c r="HI280" s="191"/>
      <c r="HJ280" s="191"/>
      <c r="HK280" s="191"/>
      <c r="HL280" s="191"/>
      <c r="HM280" s="191"/>
      <c r="HN280" s="191"/>
      <c r="HO280" s="191"/>
      <c r="HP280" s="191"/>
      <c r="HQ280" s="191"/>
      <c r="HR280" s="191"/>
      <c r="HS280" s="191"/>
      <c r="HT280" s="191"/>
      <c r="HU280" s="191"/>
      <c r="HV280" s="191"/>
      <c r="HW280" s="191"/>
      <c r="HX280" s="191"/>
      <c r="HY280" s="191"/>
      <c r="HZ280" s="191"/>
      <c r="IA280" s="191"/>
      <c r="IB280" s="191"/>
      <c r="IC280" s="191"/>
      <c r="ID280" s="191"/>
      <c r="IE280" s="191"/>
      <c r="IF280" s="191"/>
      <c r="IG280" s="191"/>
      <c r="IH280" s="191"/>
      <c r="II280" s="191"/>
      <c r="IJ280" s="191"/>
      <c r="IK280" s="191"/>
      <c r="IL280" s="191"/>
      <c r="IM280" s="191"/>
      <c r="IN280" s="191"/>
      <c r="IO280" s="191"/>
      <c r="IP280" s="191"/>
      <c r="IQ280" s="191"/>
      <c r="IR280" s="191"/>
      <c r="IS280" s="191"/>
      <c r="IT280" s="191"/>
      <c r="IU280" s="191"/>
      <c r="IV280" s="191"/>
      <c r="IW280" s="191"/>
      <c r="IX280" s="191"/>
      <c r="IY280" s="191"/>
    </row>
    <row r="281" spans="1:259" s="570" customFormat="1" ht="70.2" customHeight="1" x14ac:dyDescent="0.2">
      <c r="A281" s="712"/>
      <c r="B281" s="713"/>
      <c r="C281" s="713"/>
      <c r="D281" s="713"/>
      <c r="E281" s="713"/>
      <c r="F281" s="713"/>
      <c r="G281" s="713"/>
      <c r="H281" s="713"/>
      <c r="I281" s="714"/>
      <c r="J281" s="572" t="s">
        <v>157</v>
      </c>
      <c r="K281" s="710"/>
      <c r="L281" s="710"/>
      <c r="M281" s="710"/>
      <c r="N281" s="710"/>
      <c r="O281" s="710"/>
      <c r="P281" s="710"/>
      <c r="Q281" s="711"/>
      <c r="R281" s="186"/>
      <c r="S281" s="187"/>
      <c r="T281" s="188"/>
      <c r="U281" s="818"/>
      <c r="V281" s="190"/>
      <c r="W281" s="190"/>
      <c r="X281" s="190"/>
      <c r="Y281" s="190"/>
      <c r="Z281" s="190"/>
      <c r="AA281" s="190"/>
      <c r="AB281" s="190"/>
      <c r="AC281" s="190"/>
      <c r="AD281" s="190"/>
      <c r="AE281" s="190"/>
      <c r="AF281" s="190"/>
      <c r="AG281" s="190"/>
      <c r="AH281" s="190"/>
      <c r="AI281" s="190"/>
      <c r="AJ281" s="190"/>
      <c r="AK281" s="190"/>
      <c r="AL281" s="190"/>
      <c r="AM281" s="190"/>
      <c r="AN281" s="190"/>
      <c r="AO281" s="190"/>
      <c r="AP281" s="190"/>
      <c r="AQ281" s="190"/>
      <c r="AR281" s="190"/>
      <c r="AS281" s="190"/>
      <c r="AT281" s="190"/>
      <c r="AU281" s="190"/>
      <c r="AV281" s="190"/>
      <c r="AW281" s="190"/>
      <c r="AX281" s="190"/>
      <c r="AY281" s="190"/>
      <c r="AZ281" s="190"/>
      <c r="BA281" s="190"/>
      <c r="BB281" s="190"/>
      <c r="BC281" s="190"/>
      <c r="BD281" s="190"/>
      <c r="BE281" s="190"/>
      <c r="BF281" s="191"/>
      <c r="BG281" s="191"/>
      <c r="BH281" s="191"/>
      <c r="BI281" s="191"/>
      <c r="BJ281" s="191"/>
      <c r="BK281" s="191"/>
      <c r="BL281" s="191"/>
      <c r="BM281" s="191"/>
      <c r="BN281" s="191"/>
      <c r="BO281" s="191"/>
      <c r="BP281" s="191"/>
      <c r="BQ281" s="191"/>
      <c r="BR281" s="191"/>
      <c r="BS281" s="191"/>
      <c r="BT281" s="191"/>
      <c r="BU281" s="191"/>
      <c r="BV281" s="191"/>
      <c r="BW281" s="191"/>
      <c r="BX281" s="191"/>
      <c r="BY281" s="191"/>
      <c r="BZ281" s="191"/>
      <c r="CA281" s="191"/>
      <c r="CB281" s="191"/>
      <c r="CC281" s="191"/>
      <c r="CD281" s="191"/>
      <c r="CE281" s="191"/>
      <c r="CF281" s="191"/>
      <c r="CG281" s="191"/>
      <c r="CH281" s="191"/>
      <c r="CI281" s="191"/>
      <c r="CJ281" s="191"/>
      <c r="CK281" s="191"/>
      <c r="CL281" s="191"/>
      <c r="CM281" s="191"/>
      <c r="CN281" s="191"/>
      <c r="CO281" s="191"/>
      <c r="CP281" s="191"/>
      <c r="CQ281" s="191"/>
      <c r="CR281" s="191"/>
      <c r="CS281" s="191"/>
      <c r="CT281" s="191"/>
      <c r="CU281" s="191"/>
      <c r="CV281" s="191"/>
      <c r="CW281" s="191"/>
      <c r="CX281" s="191"/>
      <c r="CY281" s="191"/>
      <c r="CZ281" s="191"/>
      <c r="DA281" s="191"/>
      <c r="DB281" s="191"/>
      <c r="DC281" s="191"/>
      <c r="DD281" s="191"/>
      <c r="DE281" s="191"/>
      <c r="DF281" s="191"/>
      <c r="DG281" s="191"/>
      <c r="DH281" s="191"/>
      <c r="DI281" s="191"/>
      <c r="DJ281" s="191"/>
      <c r="DK281" s="191"/>
      <c r="DL281" s="191"/>
      <c r="DM281" s="191"/>
      <c r="DN281" s="191"/>
      <c r="DO281" s="191"/>
      <c r="DP281" s="191"/>
      <c r="DQ281" s="191"/>
      <c r="DR281" s="191"/>
      <c r="DS281" s="191"/>
      <c r="DT281" s="191"/>
      <c r="DU281" s="191"/>
      <c r="DV281" s="191"/>
      <c r="DW281" s="191"/>
      <c r="DX281" s="191"/>
      <c r="DY281" s="191"/>
      <c r="DZ281" s="191"/>
      <c r="EA281" s="191"/>
      <c r="EB281" s="191"/>
      <c r="EC281" s="191"/>
      <c r="ED281" s="191"/>
      <c r="EE281" s="191"/>
      <c r="EF281" s="191"/>
      <c r="EG281" s="191"/>
      <c r="EH281" s="191"/>
      <c r="EI281" s="191"/>
      <c r="EJ281" s="191"/>
      <c r="EK281" s="191"/>
      <c r="EL281" s="191"/>
      <c r="EM281" s="191"/>
      <c r="EN281" s="191"/>
      <c r="EO281" s="191"/>
      <c r="EP281" s="191"/>
      <c r="EQ281" s="191"/>
      <c r="ER281" s="191"/>
      <c r="ES281" s="191"/>
      <c r="ET281" s="191"/>
      <c r="EU281" s="191"/>
      <c r="EV281" s="191"/>
      <c r="EW281" s="191"/>
      <c r="EX281" s="191"/>
      <c r="EY281" s="191"/>
      <c r="EZ281" s="191"/>
      <c r="FA281" s="191"/>
      <c r="FB281" s="191"/>
      <c r="FC281" s="191"/>
      <c r="FD281" s="191"/>
      <c r="FE281" s="191"/>
      <c r="FF281" s="191"/>
      <c r="FG281" s="191"/>
      <c r="FH281" s="191"/>
      <c r="FI281" s="191"/>
      <c r="FJ281" s="191"/>
      <c r="FK281" s="191"/>
      <c r="FL281" s="191"/>
      <c r="FM281" s="191"/>
      <c r="FN281" s="191"/>
      <c r="FO281" s="191"/>
      <c r="FP281" s="191"/>
      <c r="FQ281" s="191"/>
      <c r="FR281" s="191"/>
      <c r="FS281" s="191"/>
      <c r="FT281" s="191"/>
      <c r="FU281" s="191"/>
      <c r="FV281" s="191"/>
      <c r="FW281" s="191"/>
      <c r="FX281" s="191"/>
      <c r="FY281" s="191"/>
      <c r="FZ281" s="191"/>
      <c r="GA281" s="191"/>
      <c r="GB281" s="191"/>
      <c r="GC281" s="191"/>
      <c r="GD281" s="191"/>
      <c r="GE281" s="191"/>
      <c r="GF281" s="191"/>
      <c r="GG281" s="191"/>
      <c r="GH281" s="191"/>
      <c r="GI281" s="191"/>
      <c r="GJ281" s="191"/>
      <c r="GK281" s="191"/>
      <c r="GL281" s="191"/>
      <c r="GM281" s="191"/>
      <c r="GN281" s="191"/>
      <c r="GO281" s="191"/>
      <c r="GP281" s="191"/>
      <c r="GQ281" s="191"/>
      <c r="GR281" s="191"/>
      <c r="GS281" s="191"/>
      <c r="GT281" s="191"/>
      <c r="GU281" s="191"/>
      <c r="GV281" s="191"/>
      <c r="GW281" s="191"/>
      <c r="GX281" s="191"/>
      <c r="GY281" s="191"/>
      <c r="GZ281" s="191"/>
      <c r="HA281" s="191"/>
      <c r="HB281" s="191"/>
      <c r="HC281" s="191"/>
      <c r="HD281" s="191"/>
      <c r="HE281" s="191"/>
      <c r="HF281" s="191"/>
      <c r="HG281" s="191"/>
      <c r="HH281" s="191"/>
      <c r="HI281" s="191"/>
      <c r="HJ281" s="191"/>
      <c r="HK281" s="191"/>
      <c r="HL281" s="191"/>
      <c r="HM281" s="191"/>
      <c r="HN281" s="191"/>
      <c r="HO281" s="191"/>
      <c r="HP281" s="191"/>
      <c r="HQ281" s="191"/>
      <c r="HR281" s="191"/>
      <c r="HS281" s="191"/>
      <c r="HT281" s="191"/>
      <c r="HU281" s="191"/>
      <c r="HV281" s="191"/>
      <c r="HW281" s="191"/>
      <c r="HX281" s="191"/>
      <c r="HY281" s="191"/>
      <c r="HZ281" s="191"/>
      <c r="IA281" s="191"/>
      <c r="IB281" s="191"/>
      <c r="IC281" s="191"/>
      <c r="ID281" s="191"/>
      <c r="IE281" s="191"/>
      <c r="IF281" s="191"/>
      <c r="IG281" s="191"/>
      <c r="IH281" s="191"/>
      <c r="II281" s="191"/>
      <c r="IJ281" s="191"/>
      <c r="IK281" s="191"/>
      <c r="IL281" s="191"/>
      <c r="IM281" s="191"/>
      <c r="IN281" s="191"/>
      <c r="IO281" s="191"/>
      <c r="IP281" s="191"/>
      <c r="IQ281" s="191"/>
      <c r="IR281" s="191"/>
      <c r="IS281" s="191"/>
      <c r="IT281" s="191"/>
      <c r="IU281" s="191"/>
      <c r="IV281" s="191"/>
      <c r="IW281" s="191"/>
      <c r="IX281" s="191"/>
      <c r="IY281" s="191"/>
    </row>
    <row r="282" spans="1:259" s="570" customFormat="1" ht="70.2" customHeight="1" x14ac:dyDescent="0.2">
      <c r="A282" s="715"/>
      <c r="B282" s="716"/>
      <c r="C282" s="716"/>
      <c r="D282" s="716"/>
      <c r="E282" s="716"/>
      <c r="F282" s="716"/>
      <c r="G282" s="716"/>
      <c r="H282" s="716"/>
      <c r="I282" s="717"/>
      <c r="J282" s="843" t="s">
        <v>158</v>
      </c>
      <c r="K282" s="878"/>
      <c r="L282" s="914" t="s">
        <v>151</v>
      </c>
      <c r="M282" s="572"/>
      <c r="N282" s="710"/>
      <c r="O282" s="710"/>
      <c r="P282" s="710"/>
      <c r="Q282" s="711"/>
      <c r="R282" s="186"/>
      <c r="S282" s="187"/>
      <c r="T282" s="188"/>
      <c r="U282" s="818"/>
      <c r="V282" s="190"/>
      <c r="W282" s="190"/>
      <c r="X282" s="190"/>
      <c r="Y282" s="190"/>
      <c r="Z282" s="190"/>
      <c r="AA282" s="190"/>
      <c r="AB282" s="190"/>
      <c r="AC282" s="190"/>
      <c r="AD282" s="190"/>
      <c r="AE282" s="190"/>
      <c r="AF282" s="190"/>
      <c r="AG282" s="190"/>
      <c r="AH282" s="190"/>
      <c r="AI282" s="190"/>
      <c r="AJ282" s="190"/>
      <c r="AK282" s="190"/>
      <c r="AL282" s="190"/>
      <c r="AM282" s="190"/>
      <c r="AN282" s="190"/>
      <c r="AO282" s="190"/>
      <c r="AP282" s="190"/>
      <c r="AQ282" s="190"/>
      <c r="AR282" s="190"/>
      <c r="AS282" s="190"/>
      <c r="AT282" s="190"/>
      <c r="AU282" s="190"/>
      <c r="AV282" s="190"/>
      <c r="AW282" s="190"/>
      <c r="AX282" s="190"/>
      <c r="AY282" s="190"/>
      <c r="AZ282" s="190"/>
      <c r="BA282" s="190"/>
      <c r="BB282" s="190"/>
      <c r="BC282" s="190"/>
      <c r="BD282" s="190"/>
      <c r="BE282" s="190"/>
      <c r="BF282" s="191"/>
      <c r="BG282" s="191"/>
      <c r="BH282" s="191"/>
      <c r="BI282" s="191"/>
      <c r="BJ282" s="191"/>
      <c r="BK282" s="191"/>
      <c r="BL282" s="191"/>
      <c r="BM282" s="191"/>
      <c r="BN282" s="191"/>
      <c r="BO282" s="191"/>
      <c r="BP282" s="191"/>
      <c r="BQ282" s="191"/>
      <c r="BR282" s="191"/>
      <c r="BS282" s="191"/>
      <c r="BT282" s="191"/>
      <c r="BU282" s="191"/>
      <c r="BV282" s="191"/>
      <c r="BW282" s="191"/>
      <c r="BX282" s="191"/>
      <c r="BY282" s="191"/>
      <c r="BZ282" s="191"/>
      <c r="CA282" s="191"/>
      <c r="CB282" s="191"/>
      <c r="CC282" s="191"/>
      <c r="CD282" s="191"/>
      <c r="CE282" s="191"/>
      <c r="CF282" s="191"/>
      <c r="CG282" s="191"/>
      <c r="CH282" s="191"/>
      <c r="CI282" s="191"/>
      <c r="CJ282" s="191"/>
      <c r="CK282" s="191"/>
      <c r="CL282" s="191"/>
      <c r="CM282" s="191"/>
      <c r="CN282" s="191"/>
      <c r="CO282" s="191"/>
      <c r="CP282" s="191"/>
      <c r="CQ282" s="191"/>
      <c r="CR282" s="191"/>
      <c r="CS282" s="191"/>
      <c r="CT282" s="191"/>
      <c r="CU282" s="191"/>
      <c r="CV282" s="191"/>
      <c r="CW282" s="191"/>
      <c r="CX282" s="191"/>
      <c r="CY282" s="191"/>
      <c r="CZ282" s="191"/>
      <c r="DA282" s="191"/>
      <c r="DB282" s="191"/>
      <c r="DC282" s="191"/>
      <c r="DD282" s="191"/>
      <c r="DE282" s="191"/>
      <c r="DF282" s="191"/>
      <c r="DG282" s="191"/>
      <c r="DH282" s="191"/>
      <c r="DI282" s="191"/>
      <c r="DJ282" s="191"/>
      <c r="DK282" s="191"/>
      <c r="DL282" s="191"/>
      <c r="DM282" s="191"/>
      <c r="DN282" s="191"/>
      <c r="DO282" s="191"/>
      <c r="DP282" s="191"/>
      <c r="DQ282" s="191"/>
      <c r="DR282" s="191"/>
      <c r="DS282" s="191"/>
      <c r="DT282" s="191"/>
      <c r="DU282" s="191"/>
      <c r="DV282" s="191"/>
      <c r="DW282" s="191"/>
      <c r="DX282" s="191"/>
      <c r="DY282" s="191"/>
      <c r="DZ282" s="191"/>
      <c r="EA282" s="191"/>
      <c r="EB282" s="191"/>
      <c r="EC282" s="191"/>
      <c r="ED282" s="191"/>
      <c r="EE282" s="191"/>
      <c r="EF282" s="191"/>
      <c r="EG282" s="191"/>
      <c r="EH282" s="191"/>
      <c r="EI282" s="191"/>
      <c r="EJ282" s="191"/>
      <c r="EK282" s="191"/>
      <c r="EL282" s="191"/>
      <c r="EM282" s="191"/>
      <c r="EN282" s="191"/>
      <c r="EO282" s="191"/>
      <c r="EP282" s="191"/>
      <c r="EQ282" s="191"/>
      <c r="ER282" s="191"/>
      <c r="ES282" s="191"/>
      <c r="ET282" s="191"/>
      <c r="EU282" s="191"/>
      <c r="EV282" s="191"/>
      <c r="EW282" s="191"/>
      <c r="EX282" s="191"/>
      <c r="EY282" s="191"/>
      <c r="EZ282" s="191"/>
      <c r="FA282" s="191"/>
      <c r="FB282" s="191"/>
      <c r="FC282" s="191"/>
      <c r="FD282" s="191"/>
      <c r="FE282" s="191"/>
      <c r="FF282" s="191"/>
      <c r="FG282" s="191"/>
      <c r="FH282" s="191"/>
      <c r="FI282" s="191"/>
      <c r="FJ282" s="191"/>
      <c r="FK282" s="191"/>
      <c r="FL282" s="191"/>
      <c r="FM282" s="191"/>
      <c r="FN282" s="191"/>
      <c r="FO282" s="191"/>
      <c r="FP282" s="191"/>
      <c r="FQ282" s="191"/>
      <c r="FR282" s="191"/>
      <c r="FS282" s="191"/>
      <c r="FT282" s="191"/>
      <c r="FU282" s="191"/>
      <c r="FV282" s="191"/>
      <c r="FW282" s="191"/>
      <c r="FX282" s="191"/>
      <c r="FY282" s="191"/>
      <c r="FZ282" s="191"/>
      <c r="GA282" s="191"/>
      <c r="GB282" s="191"/>
      <c r="GC282" s="191"/>
      <c r="GD282" s="191"/>
      <c r="GE282" s="191"/>
      <c r="GF282" s="191"/>
      <c r="GG282" s="191"/>
      <c r="GH282" s="191"/>
      <c r="GI282" s="191"/>
      <c r="GJ282" s="191"/>
      <c r="GK282" s="191"/>
      <c r="GL282" s="191"/>
      <c r="GM282" s="191"/>
      <c r="GN282" s="191"/>
      <c r="GO282" s="191"/>
      <c r="GP282" s="191"/>
      <c r="GQ282" s="191"/>
      <c r="GR282" s="191"/>
      <c r="GS282" s="191"/>
      <c r="GT282" s="191"/>
      <c r="GU282" s="191"/>
      <c r="GV282" s="191"/>
      <c r="GW282" s="191"/>
      <c r="GX282" s="191"/>
      <c r="GY282" s="191"/>
      <c r="GZ282" s="191"/>
      <c r="HA282" s="191"/>
      <c r="HB282" s="191"/>
      <c r="HC282" s="191"/>
      <c r="HD282" s="191"/>
      <c r="HE282" s="191"/>
      <c r="HF282" s="191"/>
      <c r="HG282" s="191"/>
      <c r="HH282" s="191"/>
      <c r="HI282" s="191"/>
      <c r="HJ282" s="191"/>
      <c r="HK282" s="191"/>
      <c r="HL282" s="191"/>
      <c r="HM282" s="191"/>
      <c r="HN282" s="191"/>
      <c r="HO282" s="191"/>
      <c r="HP282" s="191"/>
      <c r="HQ282" s="191"/>
      <c r="HR282" s="191"/>
      <c r="HS282" s="191"/>
      <c r="HT282" s="191"/>
      <c r="HU282" s="191"/>
      <c r="HV282" s="191"/>
      <c r="HW282" s="191"/>
      <c r="HX282" s="191"/>
      <c r="HY282" s="191"/>
      <c r="HZ282" s="191"/>
      <c r="IA282" s="191"/>
      <c r="IB282" s="191"/>
      <c r="IC282" s="191"/>
      <c r="ID282" s="191"/>
      <c r="IE282" s="191"/>
      <c r="IF282" s="191"/>
      <c r="IG282" s="191"/>
      <c r="IH282" s="191"/>
      <c r="II282" s="191"/>
      <c r="IJ282" s="191"/>
      <c r="IK282" s="191"/>
      <c r="IL282" s="191"/>
      <c r="IM282" s="191"/>
      <c r="IN282" s="191"/>
      <c r="IO282" s="191"/>
      <c r="IP282" s="191"/>
      <c r="IQ282" s="191"/>
      <c r="IR282" s="191"/>
      <c r="IS282" s="191"/>
      <c r="IT282" s="191"/>
      <c r="IU282" s="191"/>
      <c r="IV282" s="191"/>
      <c r="IW282" s="191"/>
      <c r="IX282" s="191"/>
      <c r="IY282" s="191"/>
    </row>
    <row r="283" spans="1:259" s="570" customFormat="1" ht="70.2" customHeight="1" x14ac:dyDescent="0.2">
      <c r="A283" s="928" t="s">
        <v>159</v>
      </c>
      <c r="B283" s="929"/>
      <c r="C283" s="929"/>
      <c r="D283" s="929"/>
      <c r="E283" s="929"/>
      <c r="F283" s="929"/>
      <c r="G283" s="929"/>
      <c r="H283" s="929"/>
      <c r="I283" s="930"/>
      <c r="J283" s="849"/>
      <c r="K283" s="849"/>
      <c r="L283" s="849"/>
      <c r="M283" s="849"/>
      <c r="N283" s="849"/>
      <c r="O283" s="849"/>
      <c r="P283" s="849"/>
      <c r="Q283" s="931"/>
      <c r="R283" s="186"/>
      <c r="S283" s="187"/>
      <c r="T283" s="188"/>
      <c r="U283" s="818"/>
      <c r="V283" s="190"/>
      <c r="W283" s="190"/>
      <c r="X283" s="190"/>
      <c r="Y283" s="190"/>
      <c r="Z283" s="190"/>
      <c r="AA283" s="190"/>
      <c r="AB283" s="190"/>
      <c r="AC283" s="190"/>
      <c r="AD283" s="190"/>
      <c r="AE283" s="190"/>
      <c r="AF283" s="190"/>
      <c r="AG283" s="190"/>
      <c r="AH283" s="190"/>
      <c r="AI283" s="190"/>
      <c r="AJ283" s="190"/>
      <c r="AK283" s="190"/>
      <c r="AL283" s="190"/>
      <c r="AM283" s="190"/>
      <c r="AN283" s="190"/>
      <c r="AO283" s="190"/>
      <c r="AP283" s="190"/>
      <c r="AQ283" s="190"/>
      <c r="AR283" s="190"/>
      <c r="AS283" s="190"/>
      <c r="AT283" s="190"/>
      <c r="AU283" s="190"/>
      <c r="AV283" s="190"/>
      <c r="AW283" s="190"/>
      <c r="AX283" s="190"/>
      <c r="AY283" s="190"/>
      <c r="AZ283" s="190"/>
      <c r="BA283" s="190"/>
      <c r="BB283" s="190"/>
      <c r="BC283" s="190"/>
      <c r="BD283" s="190"/>
      <c r="BE283" s="190"/>
      <c r="BF283" s="191"/>
      <c r="BG283" s="191"/>
      <c r="BH283" s="191"/>
      <c r="BI283" s="191"/>
      <c r="BJ283" s="191"/>
      <c r="BK283" s="191"/>
      <c r="BL283" s="191"/>
      <c r="BM283" s="191"/>
      <c r="BN283" s="191"/>
      <c r="BO283" s="191"/>
      <c r="BP283" s="191"/>
      <c r="BQ283" s="191"/>
      <c r="BR283" s="191"/>
      <c r="BS283" s="191"/>
      <c r="BT283" s="191"/>
      <c r="BU283" s="191"/>
      <c r="BV283" s="191"/>
      <c r="BW283" s="191"/>
      <c r="BX283" s="191"/>
      <c r="BY283" s="191"/>
      <c r="BZ283" s="191"/>
      <c r="CA283" s="191"/>
      <c r="CB283" s="191"/>
      <c r="CC283" s="191"/>
      <c r="CD283" s="191"/>
      <c r="CE283" s="191"/>
      <c r="CF283" s="191"/>
      <c r="CG283" s="191"/>
      <c r="CH283" s="191"/>
      <c r="CI283" s="191"/>
      <c r="CJ283" s="191"/>
      <c r="CK283" s="191"/>
      <c r="CL283" s="191"/>
      <c r="CM283" s="191"/>
      <c r="CN283" s="191"/>
      <c r="CO283" s="191"/>
      <c r="CP283" s="191"/>
      <c r="CQ283" s="191"/>
      <c r="CR283" s="191"/>
      <c r="CS283" s="191"/>
      <c r="CT283" s="191"/>
      <c r="CU283" s="191"/>
      <c r="CV283" s="191"/>
      <c r="CW283" s="191"/>
      <c r="CX283" s="191"/>
      <c r="CY283" s="191"/>
      <c r="CZ283" s="191"/>
      <c r="DA283" s="191"/>
      <c r="DB283" s="191"/>
      <c r="DC283" s="191"/>
      <c r="DD283" s="191"/>
      <c r="DE283" s="191"/>
      <c r="DF283" s="191"/>
      <c r="DG283" s="191"/>
      <c r="DH283" s="191"/>
      <c r="DI283" s="191"/>
      <c r="DJ283" s="191"/>
      <c r="DK283" s="191"/>
      <c r="DL283" s="191"/>
      <c r="DM283" s="191"/>
      <c r="DN283" s="191"/>
      <c r="DO283" s="191"/>
      <c r="DP283" s="191"/>
      <c r="DQ283" s="191"/>
      <c r="DR283" s="191"/>
      <c r="DS283" s="191"/>
      <c r="DT283" s="191"/>
      <c r="DU283" s="191"/>
      <c r="DV283" s="191"/>
      <c r="DW283" s="191"/>
      <c r="DX283" s="191"/>
      <c r="DY283" s="191"/>
      <c r="DZ283" s="191"/>
      <c r="EA283" s="191"/>
      <c r="EB283" s="191"/>
      <c r="EC283" s="191"/>
      <c r="ED283" s="191"/>
      <c r="EE283" s="191"/>
      <c r="EF283" s="191"/>
      <c r="EG283" s="191"/>
      <c r="EH283" s="191"/>
      <c r="EI283" s="191"/>
      <c r="EJ283" s="191"/>
      <c r="EK283" s="191"/>
      <c r="EL283" s="191"/>
      <c r="EM283" s="191"/>
      <c r="EN283" s="191"/>
      <c r="EO283" s="191"/>
      <c r="EP283" s="191"/>
      <c r="EQ283" s="191"/>
      <c r="ER283" s="191"/>
      <c r="ES283" s="191"/>
      <c r="ET283" s="191"/>
      <c r="EU283" s="191"/>
      <c r="EV283" s="191"/>
      <c r="EW283" s="191"/>
      <c r="EX283" s="191"/>
      <c r="EY283" s="191"/>
      <c r="EZ283" s="191"/>
      <c r="FA283" s="191"/>
      <c r="FB283" s="191"/>
      <c r="FC283" s="191"/>
      <c r="FD283" s="191"/>
      <c r="FE283" s="191"/>
      <c r="FF283" s="191"/>
      <c r="FG283" s="191"/>
      <c r="FH283" s="191"/>
      <c r="FI283" s="191"/>
      <c r="FJ283" s="191"/>
      <c r="FK283" s="191"/>
      <c r="FL283" s="191"/>
      <c r="FM283" s="191"/>
      <c r="FN283" s="191"/>
      <c r="FO283" s="191"/>
      <c r="FP283" s="191"/>
      <c r="FQ283" s="191"/>
      <c r="FR283" s="191"/>
      <c r="FS283" s="191"/>
      <c r="FT283" s="191"/>
      <c r="FU283" s="191"/>
      <c r="FV283" s="191"/>
      <c r="FW283" s="191"/>
      <c r="FX283" s="191"/>
      <c r="FY283" s="191"/>
      <c r="FZ283" s="191"/>
      <c r="GA283" s="191"/>
      <c r="GB283" s="191"/>
      <c r="GC283" s="191"/>
      <c r="GD283" s="191"/>
      <c r="GE283" s="191"/>
      <c r="GF283" s="191"/>
      <c r="GG283" s="191"/>
      <c r="GH283" s="191"/>
      <c r="GI283" s="191"/>
      <c r="GJ283" s="191"/>
      <c r="GK283" s="191"/>
      <c r="GL283" s="191"/>
      <c r="GM283" s="191"/>
      <c r="GN283" s="191"/>
      <c r="GO283" s="191"/>
      <c r="GP283" s="191"/>
      <c r="GQ283" s="191"/>
      <c r="GR283" s="191"/>
      <c r="GS283" s="191"/>
      <c r="GT283" s="191"/>
      <c r="GU283" s="191"/>
      <c r="GV283" s="191"/>
      <c r="GW283" s="191"/>
      <c r="GX283" s="191"/>
      <c r="GY283" s="191"/>
      <c r="GZ283" s="191"/>
      <c r="HA283" s="191"/>
      <c r="HB283" s="191"/>
      <c r="HC283" s="191"/>
      <c r="HD283" s="191"/>
      <c r="HE283" s="191"/>
      <c r="HF283" s="191"/>
      <c r="HG283" s="191"/>
      <c r="HH283" s="191"/>
      <c r="HI283" s="191"/>
      <c r="HJ283" s="191"/>
      <c r="HK283" s="191"/>
      <c r="HL283" s="191"/>
      <c r="HM283" s="191"/>
      <c r="HN283" s="191"/>
      <c r="HO283" s="191"/>
      <c r="HP283" s="191"/>
      <c r="HQ283" s="191"/>
      <c r="HR283" s="191"/>
      <c r="HS283" s="191"/>
      <c r="HT283" s="191"/>
      <c r="HU283" s="191"/>
      <c r="HV283" s="191"/>
      <c r="HW283" s="191"/>
      <c r="HX283" s="191"/>
      <c r="HY283" s="191"/>
      <c r="HZ283" s="191"/>
      <c r="IA283" s="191"/>
      <c r="IB283" s="191"/>
      <c r="IC283" s="191"/>
      <c r="ID283" s="191"/>
      <c r="IE283" s="191"/>
      <c r="IF283" s="191"/>
      <c r="IG283" s="191"/>
      <c r="IH283" s="191"/>
      <c r="II283" s="191"/>
      <c r="IJ283" s="191"/>
      <c r="IK283" s="191"/>
      <c r="IL283" s="191"/>
      <c r="IM283" s="191"/>
      <c r="IN283" s="191"/>
      <c r="IO283" s="191"/>
      <c r="IP283" s="191"/>
      <c r="IQ283" s="191"/>
      <c r="IR283" s="191"/>
      <c r="IS283" s="191"/>
      <c r="IT283" s="191"/>
      <c r="IU283" s="191"/>
      <c r="IV283" s="191"/>
      <c r="IW283" s="191"/>
      <c r="IX283" s="191"/>
      <c r="IY283" s="191"/>
    </row>
    <row r="284" spans="1:259" s="570" customFormat="1" ht="70.2" customHeight="1" x14ac:dyDescent="0.2">
      <c r="A284" s="707" t="s">
        <v>160</v>
      </c>
      <c r="B284" s="708"/>
      <c r="C284" s="708"/>
      <c r="D284" s="708"/>
      <c r="E284" s="708"/>
      <c r="F284" s="708"/>
      <c r="G284" s="708"/>
      <c r="H284" s="708"/>
      <c r="I284" s="709"/>
      <c r="J284" s="946"/>
      <c r="K284" s="708"/>
      <c r="L284" s="708"/>
      <c r="M284" s="708"/>
      <c r="N284" s="708"/>
      <c r="O284" s="708"/>
      <c r="P284" s="708"/>
      <c r="Q284" s="947"/>
      <c r="R284" s="1028"/>
      <c r="S284" s="561"/>
      <c r="T284" s="595"/>
      <c r="U284" s="596"/>
      <c r="V284" s="600"/>
      <c r="W284" s="600"/>
      <c r="X284" s="600"/>
      <c r="Y284" s="600"/>
      <c r="Z284" s="600"/>
      <c r="AA284" s="600"/>
      <c r="AB284" s="600"/>
      <c r="AC284" s="600"/>
      <c r="AD284" s="600"/>
      <c r="AE284" s="600"/>
      <c r="AF284" s="600"/>
      <c r="AG284" s="600"/>
      <c r="AH284" s="600"/>
      <c r="AI284" s="600"/>
      <c r="AJ284" s="600"/>
      <c r="AK284" s="600"/>
      <c r="AL284" s="600"/>
      <c r="AM284" s="600"/>
      <c r="AN284" s="600"/>
      <c r="AO284" s="600"/>
      <c r="AP284" s="600"/>
      <c r="AQ284" s="600"/>
      <c r="AR284" s="600"/>
      <c r="AS284" s="600"/>
      <c r="AT284" s="600"/>
      <c r="AU284" s="600"/>
      <c r="AV284" s="600"/>
      <c r="AW284" s="600"/>
      <c r="AX284" s="600"/>
      <c r="AY284" s="600"/>
      <c r="AZ284" s="600"/>
      <c r="BA284" s="600"/>
      <c r="BB284" s="600"/>
      <c r="BC284" s="600"/>
      <c r="BD284" s="600"/>
      <c r="BE284" s="600"/>
    </row>
    <row r="285" spans="1:259" s="546" customFormat="1" ht="69.900000000000006" customHeight="1" x14ac:dyDescent="0.2">
      <c r="A285" s="1200" t="s">
        <v>462</v>
      </c>
      <c r="B285" s="1009"/>
      <c r="C285" s="1009"/>
      <c r="D285" s="1009"/>
      <c r="E285" s="1009"/>
      <c r="F285" s="1009"/>
      <c r="G285" s="1009"/>
      <c r="H285" s="1009"/>
      <c r="I285" s="1009"/>
      <c r="J285" s="1009"/>
      <c r="K285" s="1009"/>
      <c r="L285" s="1009"/>
      <c r="M285" s="1009"/>
      <c r="N285" s="1009"/>
      <c r="O285" s="1009"/>
      <c r="P285" s="1009"/>
      <c r="Q285" s="1010"/>
      <c r="R285" s="1068"/>
      <c r="S285" s="561"/>
      <c r="T285" s="199"/>
    </row>
    <row r="286" spans="1:259" s="570" customFormat="1" ht="70.2" customHeight="1" x14ac:dyDescent="0.2">
      <c r="A286" s="1201" t="s">
        <v>147</v>
      </c>
      <c r="B286" s="1202"/>
      <c r="C286" s="1202"/>
      <c r="D286" s="1202"/>
      <c r="E286" s="1202"/>
      <c r="F286" s="1202"/>
      <c r="G286" s="1202"/>
      <c r="H286" s="1202"/>
      <c r="I286" s="1203"/>
      <c r="J286" s="1204"/>
      <c r="K286" s="1204"/>
      <c r="L286" s="1204"/>
      <c r="M286" s="1204"/>
      <c r="N286" s="1204"/>
      <c r="O286" s="1204"/>
      <c r="P286" s="1204"/>
      <c r="Q286" s="1205"/>
      <c r="R286" s="1028"/>
      <c r="S286" s="561"/>
      <c r="T286" s="595"/>
      <c r="U286" s="596"/>
      <c r="V286" s="600"/>
      <c r="W286" s="600"/>
      <c r="X286" s="600"/>
      <c r="Y286" s="600"/>
      <c r="Z286" s="600"/>
      <c r="AA286" s="600"/>
      <c r="AB286" s="600"/>
      <c r="AC286" s="600"/>
      <c r="AD286" s="600"/>
      <c r="AE286" s="600"/>
      <c r="AF286" s="600"/>
      <c r="AG286" s="600"/>
      <c r="AH286" s="600"/>
      <c r="AI286" s="600"/>
      <c r="AJ286" s="600"/>
      <c r="AK286" s="600"/>
      <c r="AL286" s="600"/>
      <c r="AM286" s="600"/>
      <c r="AN286" s="600"/>
      <c r="AO286" s="600"/>
      <c r="AP286" s="600"/>
      <c r="AQ286" s="600"/>
      <c r="AR286" s="600"/>
      <c r="AS286" s="600"/>
      <c r="AT286" s="600"/>
      <c r="AU286" s="600"/>
      <c r="AV286" s="600"/>
      <c r="AW286" s="600"/>
      <c r="AX286" s="600"/>
      <c r="AY286" s="600"/>
      <c r="AZ286" s="600"/>
      <c r="BA286" s="600"/>
      <c r="BB286" s="600"/>
      <c r="BC286" s="600"/>
      <c r="BD286" s="600"/>
      <c r="BE286" s="600"/>
    </row>
    <row r="287" spans="1:259" s="570" customFormat="1" ht="70.2" customHeight="1" x14ac:dyDescent="0.2">
      <c r="A287" s="1201" t="s">
        <v>154</v>
      </c>
      <c r="B287" s="1202"/>
      <c r="C287" s="1202"/>
      <c r="D287" s="1202"/>
      <c r="E287" s="1202"/>
      <c r="F287" s="1202"/>
      <c r="G287" s="1202"/>
      <c r="H287" s="1202"/>
      <c r="I287" s="1202"/>
      <c r="J287" s="1206"/>
      <c r="K287" s="1207"/>
      <c r="L287" s="1207"/>
      <c r="M287" s="1207"/>
      <c r="N287" s="1207"/>
      <c r="O287" s="1207"/>
      <c r="P287" s="1207"/>
      <c r="Q287" s="1208"/>
      <c r="R287" s="1028"/>
      <c r="S287" s="561"/>
      <c r="T287" s="595"/>
      <c r="U287" s="596"/>
      <c r="V287" s="600"/>
      <c r="W287" s="600"/>
      <c r="X287" s="600"/>
      <c r="Y287" s="600"/>
      <c r="Z287" s="600"/>
      <c r="AA287" s="600"/>
      <c r="AB287" s="600"/>
      <c r="AC287" s="600"/>
      <c r="AD287" s="600"/>
      <c r="AE287" s="600"/>
      <c r="AF287" s="600"/>
      <c r="AG287" s="600"/>
      <c r="AH287" s="600"/>
      <c r="AI287" s="600"/>
      <c r="AJ287" s="600"/>
      <c r="AK287" s="600"/>
      <c r="AL287" s="600"/>
      <c r="AM287" s="600"/>
      <c r="AN287" s="600"/>
      <c r="AO287" s="600"/>
      <c r="AP287" s="600"/>
      <c r="AQ287" s="600"/>
      <c r="AR287" s="600"/>
      <c r="AS287" s="600"/>
      <c r="AT287" s="600"/>
      <c r="AU287" s="600"/>
      <c r="AV287" s="600"/>
      <c r="AW287" s="600"/>
      <c r="AX287" s="600"/>
      <c r="AY287" s="600"/>
      <c r="AZ287" s="600"/>
      <c r="BA287" s="600"/>
      <c r="BB287" s="600"/>
      <c r="BC287" s="600"/>
      <c r="BD287" s="600"/>
      <c r="BE287" s="600"/>
    </row>
    <row r="288" spans="1:259" s="570" customFormat="1" ht="70.2" customHeight="1" x14ac:dyDescent="0.2">
      <c r="A288" s="1209" t="s">
        <v>463</v>
      </c>
      <c r="B288" s="1210"/>
      <c r="C288" s="1210"/>
      <c r="D288" s="1210"/>
      <c r="E288" s="1210"/>
      <c r="F288" s="1210"/>
      <c r="G288" s="1210"/>
      <c r="H288" s="1210"/>
      <c r="I288" s="1210"/>
      <c r="J288" s="1211"/>
      <c r="K288" s="1211"/>
      <c r="L288" s="1211"/>
      <c r="M288" s="1211"/>
      <c r="N288" s="1212"/>
      <c r="O288" s="1211"/>
      <c r="P288" s="1211"/>
      <c r="Q288" s="1213"/>
      <c r="R288" s="1028"/>
      <c r="S288" s="561"/>
      <c r="T288" s="595"/>
      <c r="U288" s="596"/>
      <c r="V288" s="600"/>
      <c r="W288" s="600"/>
      <c r="X288" s="600"/>
      <c r="Y288" s="600"/>
      <c r="Z288" s="600"/>
      <c r="AA288" s="600"/>
      <c r="AB288" s="600"/>
      <c r="AC288" s="600"/>
      <c r="AD288" s="600"/>
      <c r="AE288" s="600"/>
      <c r="AF288" s="600"/>
      <c r="AG288" s="600"/>
      <c r="AH288" s="600"/>
      <c r="AI288" s="600"/>
      <c r="AJ288" s="600"/>
      <c r="AK288" s="600"/>
      <c r="AL288" s="600"/>
      <c r="AM288" s="600"/>
      <c r="AN288" s="600"/>
      <c r="AO288" s="600"/>
      <c r="AP288" s="600"/>
      <c r="AQ288" s="600"/>
      <c r="AR288" s="600"/>
      <c r="AS288" s="600"/>
      <c r="AT288" s="600"/>
      <c r="AU288" s="600"/>
      <c r="AV288" s="600"/>
      <c r="AW288" s="600"/>
      <c r="AX288" s="600"/>
      <c r="AY288" s="600"/>
      <c r="AZ288" s="600"/>
      <c r="BA288" s="600"/>
      <c r="BB288" s="600"/>
      <c r="BC288" s="600"/>
      <c r="BD288" s="600"/>
      <c r="BE288" s="600"/>
    </row>
    <row r="289" spans="1:57" s="570" customFormat="1" ht="70.2" customHeight="1" x14ac:dyDescent="0.2">
      <c r="A289" s="1201" t="s">
        <v>464</v>
      </c>
      <c r="B289" s="1202"/>
      <c r="C289" s="1202"/>
      <c r="D289" s="1202"/>
      <c r="E289" s="1202"/>
      <c r="F289" s="1202"/>
      <c r="G289" s="1202"/>
      <c r="H289" s="1202"/>
      <c r="I289" s="1203"/>
      <c r="J289" s="1214"/>
      <c r="K289" s="1215"/>
      <c r="L289" s="1215"/>
      <c r="M289" s="1215"/>
      <c r="N289" s="1215"/>
      <c r="O289" s="1215"/>
      <c r="P289" s="1215"/>
      <c r="Q289" s="1216"/>
      <c r="R289" s="1028"/>
      <c r="S289" s="561"/>
      <c r="T289" s="595"/>
      <c r="U289" s="596"/>
      <c r="V289" s="600"/>
      <c r="W289" s="600"/>
      <c r="X289" s="600"/>
      <c r="Y289" s="600"/>
      <c r="Z289" s="600"/>
      <c r="AA289" s="600"/>
      <c r="AB289" s="600"/>
      <c r="AC289" s="600"/>
      <c r="AD289" s="600"/>
      <c r="AE289" s="600"/>
      <c r="AF289" s="600"/>
      <c r="AG289" s="600"/>
      <c r="AH289" s="600"/>
      <c r="AI289" s="600"/>
      <c r="AJ289" s="600"/>
      <c r="AK289" s="600"/>
      <c r="AL289" s="600"/>
      <c r="AM289" s="600"/>
      <c r="AN289" s="600"/>
      <c r="AO289" s="600"/>
      <c r="AP289" s="600"/>
      <c r="AQ289" s="600"/>
      <c r="AR289" s="600"/>
      <c r="AS289" s="600"/>
      <c r="AT289" s="600"/>
      <c r="AU289" s="600"/>
      <c r="AV289" s="600"/>
      <c r="AW289" s="600"/>
      <c r="AX289" s="600"/>
      <c r="AY289" s="600"/>
      <c r="AZ289" s="600"/>
      <c r="BA289" s="600"/>
      <c r="BB289" s="600"/>
      <c r="BC289" s="600"/>
      <c r="BD289" s="600"/>
      <c r="BE289" s="600"/>
    </row>
    <row r="290" spans="1:57" s="546" customFormat="1" ht="69.900000000000006" customHeight="1" x14ac:dyDescent="0.2">
      <c r="A290" s="925" t="s">
        <v>351</v>
      </c>
      <c r="B290" s="926"/>
      <c r="C290" s="926"/>
      <c r="D290" s="926"/>
      <c r="E290" s="926"/>
      <c r="F290" s="926"/>
      <c r="G290" s="926"/>
      <c r="H290" s="926"/>
      <c r="I290" s="926"/>
      <c r="J290" s="926"/>
      <c r="K290" s="926"/>
      <c r="L290" s="926"/>
      <c r="M290" s="926"/>
      <c r="N290" s="926"/>
      <c r="O290" s="926"/>
      <c r="P290" s="926"/>
      <c r="Q290" s="927"/>
      <c r="R290" s="1068"/>
      <c r="S290" s="561"/>
      <c r="T290" s="199"/>
    </row>
    <row r="291" spans="1:57" s="546" customFormat="1" ht="69.900000000000006" customHeight="1" x14ac:dyDescent="0.2">
      <c r="A291" s="650" t="s">
        <v>352</v>
      </c>
      <c r="B291" s="651"/>
      <c r="C291" s="651"/>
      <c r="D291" s="651"/>
      <c r="E291" s="651"/>
      <c r="F291" s="651"/>
      <c r="G291" s="651"/>
      <c r="H291" s="651"/>
      <c r="I291" s="652"/>
      <c r="J291" s="948"/>
      <c r="K291" s="700"/>
      <c r="L291" s="700"/>
      <c r="M291" s="700"/>
      <c r="N291" s="700"/>
      <c r="O291" s="700"/>
      <c r="P291" s="700"/>
      <c r="Q291" s="949"/>
      <c r="R291" s="1068"/>
      <c r="S291" s="561"/>
      <c r="T291" s="199"/>
    </row>
    <row r="292" spans="1:57" s="570" customFormat="1" ht="69.900000000000006" customHeight="1" thickBot="1" x14ac:dyDescent="0.25">
      <c r="A292" s="657" t="s">
        <v>465</v>
      </c>
      <c r="B292" s="658"/>
      <c r="C292" s="658"/>
      <c r="D292" s="658"/>
      <c r="E292" s="658"/>
      <c r="F292" s="658"/>
      <c r="G292" s="658"/>
      <c r="H292" s="658"/>
      <c r="I292" s="659"/>
      <c r="J292" s="920"/>
      <c r="K292" s="918"/>
      <c r="L292" s="918"/>
      <c r="M292" s="918"/>
      <c r="N292" s="918"/>
      <c r="O292" s="918"/>
      <c r="P292" s="918"/>
      <c r="Q292" s="921"/>
      <c r="R292" s="1028"/>
      <c r="S292" s="561"/>
      <c r="T292" s="663"/>
      <c r="U292" s="1108"/>
      <c r="V292" s="664"/>
      <c r="W292" s="664"/>
      <c r="X292" s="664"/>
      <c r="Y292" s="664"/>
      <c r="Z292" s="664"/>
      <c r="AA292" s="664"/>
      <c r="AB292" s="664"/>
      <c r="AC292" s="664"/>
      <c r="AD292" s="664"/>
      <c r="AE292" s="664"/>
      <c r="AF292" s="664"/>
      <c r="AG292" s="664"/>
      <c r="AH292" s="664"/>
      <c r="AI292" s="664"/>
      <c r="AJ292" s="664"/>
      <c r="AK292" s="664"/>
      <c r="AL292" s="664"/>
      <c r="AM292" s="664"/>
      <c r="AN292" s="664"/>
      <c r="AO292" s="664"/>
      <c r="AP292" s="664"/>
      <c r="AQ292" s="664"/>
      <c r="AR292" s="664"/>
      <c r="AS292" s="664"/>
      <c r="AT292" s="664"/>
      <c r="AU292" s="664"/>
      <c r="AV292" s="664"/>
      <c r="AW292" s="664"/>
      <c r="AX292" s="664"/>
      <c r="AY292" s="664"/>
      <c r="AZ292" s="664"/>
      <c r="BA292" s="664"/>
      <c r="BB292" s="664"/>
      <c r="BC292" s="664"/>
      <c r="BD292" s="664"/>
      <c r="BE292" s="664"/>
    </row>
    <row r="293" spans="1:57" s="570" customFormat="1" ht="201.6" customHeight="1" thickTop="1" thickBot="1" x14ac:dyDescent="0.25">
      <c r="A293" s="1193" t="s">
        <v>466</v>
      </c>
      <c r="B293" s="1194"/>
      <c r="C293" s="1194"/>
      <c r="D293" s="1194"/>
      <c r="E293" s="1194"/>
      <c r="F293" s="1194"/>
      <c r="G293" s="1194"/>
      <c r="H293" s="1194"/>
      <c r="I293" s="1194"/>
      <c r="J293" s="1194"/>
      <c r="K293" s="1194"/>
      <c r="L293" s="1194"/>
      <c r="M293" s="1194"/>
      <c r="N293" s="1195"/>
      <c r="O293" s="1196" t="s">
        <v>455</v>
      </c>
      <c r="P293" s="67" t="s">
        <v>21</v>
      </c>
      <c r="Q293" s="1197" t="s">
        <v>22</v>
      </c>
      <c r="R293" s="1028"/>
      <c r="S293" s="561"/>
      <c r="T293" s="569"/>
      <c r="U293" s="539"/>
      <c r="V293" s="600"/>
      <c r="W293" s="600"/>
      <c r="X293" s="600"/>
      <c r="Y293" s="600"/>
      <c r="Z293" s="600"/>
      <c r="AA293" s="600"/>
      <c r="AB293" s="600"/>
      <c r="AC293" s="600"/>
      <c r="AD293" s="600"/>
      <c r="AE293" s="600"/>
      <c r="AF293" s="600"/>
      <c r="AG293" s="600"/>
      <c r="AH293" s="600"/>
      <c r="AI293" s="600"/>
      <c r="AJ293" s="600"/>
      <c r="AK293" s="600"/>
      <c r="AL293" s="600"/>
      <c r="AM293" s="600"/>
      <c r="AN293" s="600"/>
      <c r="AO293" s="600"/>
      <c r="AP293" s="600"/>
      <c r="AQ293" s="600"/>
      <c r="AR293" s="600"/>
      <c r="AS293" s="600"/>
      <c r="AT293" s="600"/>
      <c r="AU293" s="600"/>
      <c r="AV293" s="600"/>
      <c r="AW293" s="600"/>
      <c r="AX293" s="600"/>
      <c r="AY293" s="600"/>
      <c r="AZ293" s="600"/>
      <c r="BA293" s="600"/>
      <c r="BB293" s="600"/>
      <c r="BC293" s="600"/>
      <c r="BD293" s="600"/>
      <c r="BE293" s="600"/>
    </row>
    <row r="294" spans="1:57" s="546" customFormat="1" ht="69.900000000000006" customHeight="1" thickTop="1" x14ac:dyDescent="0.2">
      <c r="A294" s="70" t="s">
        <v>28</v>
      </c>
      <c r="B294" s="72"/>
      <c r="C294" s="72"/>
      <c r="D294" s="72"/>
      <c r="E294" s="72"/>
      <c r="F294" s="72"/>
      <c r="G294" s="72"/>
      <c r="H294" s="72"/>
      <c r="I294" s="72"/>
      <c r="J294" s="72"/>
      <c r="K294" s="72"/>
      <c r="L294" s="72"/>
      <c r="M294" s="72"/>
      <c r="N294" s="72"/>
      <c r="O294" s="72"/>
      <c r="P294" s="72"/>
      <c r="Q294" s="202"/>
      <c r="R294" s="1068"/>
      <c r="S294" s="561"/>
      <c r="T294" s="199"/>
    </row>
    <row r="295" spans="1:57" s="570" customFormat="1" ht="75" customHeight="1" x14ac:dyDescent="0.2">
      <c r="A295" s="575"/>
      <c r="B295" s="576"/>
      <c r="C295" s="576"/>
      <c r="D295" s="576"/>
      <c r="E295" s="576"/>
      <c r="F295" s="576"/>
      <c r="G295" s="576"/>
      <c r="H295" s="576"/>
      <c r="I295" s="576"/>
      <c r="J295" s="576"/>
      <c r="K295" s="576"/>
      <c r="L295" s="577"/>
      <c r="M295" s="576"/>
      <c r="N295" s="576"/>
      <c r="O295" s="576"/>
      <c r="P295" s="576"/>
      <c r="Q295" s="578"/>
      <c r="R295" s="1028"/>
      <c r="S295" s="561"/>
      <c r="T295" s="579"/>
      <c r="U295" s="546"/>
    </row>
    <row r="296" spans="1:57" s="570" customFormat="1" ht="75" customHeight="1" thickBot="1" x14ac:dyDescent="0.25">
      <c r="A296" s="606"/>
      <c r="B296" s="607"/>
      <c r="C296" s="607"/>
      <c r="D296" s="607"/>
      <c r="E296" s="607"/>
      <c r="F296" s="607"/>
      <c r="G296" s="607"/>
      <c r="H296" s="607"/>
      <c r="I296" s="607"/>
      <c r="J296" s="607"/>
      <c r="K296" s="607"/>
      <c r="L296" s="608"/>
      <c r="M296" s="607"/>
      <c r="N296" s="607"/>
      <c r="O296" s="607"/>
      <c r="P296" s="607"/>
      <c r="Q296" s="609"/>
      <c r="R296" s="1028"/>
      <c r="S296" s="561"/>
      <c r="T296" s="579"/>
      <c r="U296" s="546"/>
    </row>
    <row r="297" spans="1:57" s="546" customFormat="1" ht="69.900000000000006" customHeight="1" thickBot="1" x14ac:dyDescent="0.25">
      <c r="A297" s="724" t="s">
        <v>467</v>
      </c>
      <c r="B297" s="726"/>
      <c r="C297" s="726"/>
      <c r="D297" s="726"/>
      <c r="E297" s="726"/>
      <c r="F297" s="726"/>
      <c r="G297" s="726"/>
      <c r="H297" s="726"/>
      <c r="I297" s="726"/>
      <c r="J297" s="726"/>
      <c r="K297" s="726"/>
      <c r="L297" s="726"/>
      <c r="M297" s="726"/>
      <c r="N297" s="726"/>
      <c r="O297" s="726"/>
      <c r="P297" s="726"/>
      <c r="Q297" s="819"/>
      <c r="R297" s="1028"/>
      <c r="S297" s="561"/>
      <c r="T297" s="1105" t="s">
        <v>468</v>
      </c>
      <c r="U297" s="596"/>
      <c r="V297" s="596"/>
      <c r="W297" s="596"/>
      <c r="X297" s="596"/>
      <c r="Y297" s="600"/>
      <c r="Z297" s="600"/>
      <c r="AA297" s="600"/>
      <c r="AB297" s="600"/>
      <c r="AC297" s="600"/>
      <c r="AD297" s="600"/>
      <c r="AE297" s="600"/>
      <c r="AF297" s="600"/>
      <c r="AG297" s="600"/>
      <c r="AH297" s="600"/>
      <c r="AI297" s="600"/>
      <c r="AJ297" s="600"/>
      <c r="AK297" s="600"/>
      <c r="AL297" s="600"/>
      <c r="AM297" s="600"/>
      <c r="AN297" s="600"/>
      <c r="AO297" s="596"/>
      <c r="AP297" s="596"/>
      <c r="AQ297" s="596"/>
      <c r="AR297" s="596"/>
      <c r="AS297" s="596"/>
      <c r="AT297" s="596"/>
      <c r="AU297" s="596"/>
      <c r="AV297" s="596"/>
      <c r="AW297" s="596"/>
      <c r="AX297" s="596"/>
      <c r="AY297" s="596"/>
      <c r="AZ297" s="596"/>
      <c r="BA297" s="596"/>
      <c r="BB297" s="596"/>
      <c r="BC297" s="596"/>
      <c r="BD297" s="596"/>
      <c r="BE297" s="596"/>
    </row>
    <row r="298" spans="1:57" s="570" customFormat="1" ht="140.1" customHeight="1" thickTop="1" thickBot="1" x14ac:dyDescent="0.25">
      <c r="A298" s="669" t="s">
        <v>469</v>
      </c>
      <c r="B298" s="196"/>
      <c r="C298" s="196"/>
      <c r="D298" s="196"/>
      <c r="E298" s="196"/>
      <c r="F298" s="196"/>
      <c r="G298" s="196"/>
      <c r="H298" s="196"/>
      <c r="I298" s="196"/>
      <c r="J298" s="196"/>
      <c r="K298" s="196"/>
      <c r="L298" s="196"/>
      <c r="M298" s="196"/>
      <c r="N298" s="670"/>
      <c r="O298" s="1196" t="s">
        <v>455</v>
      </c>
      <c r="P298" s="67" t="s">
        <v>21</v>
      </c>
      <c r="Q298" s="1197" t="s">
        <v>22</v>
      </c>
      <c r="R298" s="1028"/>
      <c r="S298" s="561"/>
      <c r="T298" s="569"/>
      <c r="U298" s="596"/>
      <c r="V298" s="600"/>
      <c r="W298" s="600"/>
      <c r="X298" s="600"/>
      <c r="Y298" s="600"/>
      <c r="Z298" s="600"/>
      <c r="AA298" s="600"/>
      <c r="AB298" s="600"/>
      <c r="AC298" s="600"/>
      <c r="AD298" s="600"/>
      <c r="AE298" s="600"/>
      <c r="AF298" s="600"/>
      <c r="AG298" s="600"/>
      <c r="AH298" s="600"/>
      <c r="AI298" s="600"/>
      <c r="AJ298" s="600"/>
      <c r="AK298" s="600"/>
      <c r="AL298" s="600"/>
      <c r="AM298" s="600"/>
      <c r="AN298" s="600"/>
      <c r="AO298" s="600"/>
      <c r="AP298" s="600"/>
      <c r="AQ298" s="600"/>
      <c r="AR298" s="600"/>
      <c r="AS298" s="600"/>
      <c r="AT298" s="600"/>
      <c r="AU298" s="600"/>
      <c r="AV298" s="600"/>
      <c r="AW298" s="600"/>
      <c r="AX298" s="600"/>
      <c r="AY298" s="600"/>
      <c r="AZ298" s="600"/>
      <c r="BA298" s="600"/>
      <c r="BB298" s="600"/>
      <c r="BC298" s="600"/>
      <c r="BD298" s="600"/>
      <c r="BE298" s="600"/>
    </row>
    <row r="299" spans="1:57" s="57" customFormat="1" ht="132" customHeight="1" thickTop="1" thickBot="1" x14ac:dyDescent="0.25">
      <c r="A299" s="1217" t="s">
        <v>470</v>
      </c>
      <c r="B299" s="1218"/>
      <c r="C299" s="1218"/>
      <c r="D299" s="1218"/>
      <c r="E299" s="1218"/>
      <c r="F299" s="1218"/>
      <c r="G299" s="1218"/>
      <c r="H299" s="1218"/>
      <c r="I299" s="1218"/>
      <c r="J299" s="1218"/>
      <c r="K299" s="1218"/>
      <c r="L299" s="1218"/>
      <c r="M299" s="1218"/>
      <c r="N299" s="1219"/>
      <c r="O299" s="1196" t="s">
        <v>455</v>
      </c>
      <c r="P299" s="1170" t="s">
        <v>21</v>
      </c>
      <c r="Q299" s="1197" t="s">
        <v>22</v>
      </c>
      <c r="R299" s="55"/>
      <c r="S299" s="739"/>
      <c r="T299" s="569"/>
      <c r="U299" s="350"/>
      <c r="V299" s="106"/>
      <c r="W299" s="106"/>
      <c r="X299" s="106"/>
      <c r="Y299" s="106"/>
      <c r="Z299" s="106"/>
      <c r="AA299" s="106"/>
      <c r="AB299" s="106"/>
      <c r="AC299" s="106"/>
      <c r="AD299" s="106"/>
      <c r="AE299" s="106"/>
      <c r="AF299" s="106"/>
      <c r="AG299" s="106"/>
      <c r="AH299" s="106"/>
      <c r="AI299" s="106"/>
      <c r="AJ299" s="106"/>
      <c r="AK299" s="106"/>
      <c r="AL299" s="106"/>
      <c r="AM299" s="106"/>
      <c r="AN299" s="106"/>
      <c r="AO299" s="106"/>
      <c r="AP299" s="106"/>
      <c r="AQ299" s="106"/>
      <c r="AR299" s="106"/>
      <c r="AS299" s="106"/>
      <c r="AT299" s="106"/>
      <c r="AU299" s="106"/>
      <c r="AV299" s="106"/>
      <c r="AW299" s="106"/>
      <c r="AX299" s="106"/>
      <c r="AY299" s="106"/>
      <c r="AZ299" s="106"/>
      <c r="BA299" s="106"/>
      <c r="BB299" s="106"/>
      <c r="BC299" s="106"/>
      <c r="BD299" s="106"/>
      <c r="BE299" s="106"/>
    </row>
    <row r="300" spans="1:57" s="57" customFormat="1" ht="69.599999999999994" customHeight="1" thickTop="1" x14ac:dyDescent="0.2">
      <c r="A300" s="387" t="s">
        <v>141</v>
      </c>
      <c r="B300" s="388"/>
      <c r="C300" s="388"/>
      <c r="D300" s="388"/>
      <c r="E300" s="388"/>
      <c r="F300" s="388"/>
      <c r="G300" s="388"/>
      <c r="H300" s="388"/>
      <c r="I300" s="388"/>
      <c r="J300" s="388"/>
      <c r="K300" s="388"/>
      <c r="L300" s="388"/>
      <c r="M300" s="388"/>
      <c r="N300" s="388"/>
      <c r="O300" s="388"/>
      <c r="P300" s="388"/>
      <c r="Q300" s="389"/>
      <c r="R300" s="42"/>
      <c r="S300" s="43"/>
      <c r="T300" s="74"/>
      <c r="U300" s="353"/>
    </row>
    <row r="301" spans="1:57" s="57" customFormat="1" ht="69.599999999999994" customHeight="1" x14ac:dyDescent="0.2">
      <c r="A301" s="216" t="s">
        <v>164</v>
      </c>
      <c r="B301" s="217"/>
      <c r="C301" s="217"/>
      <c r="D301" s="217"/>
      <c r="E301" s="217"/>
      <c r="F301" s="217"/>
      <c r="G301" s="217"/>
      <c r="H301" s="217"/>
      <c r="I301" s="217"/>
      <c r="J301" s="217"/>
      <c r="K301" s="217"/>
      <c r="L301" s="217"/>
      <c r="M301" s="217"/>
      <c r="N301" s="217"/>
      <c r="O301" s="217"/>
      <c r="P301" s="217"/>
      <c r="Q301" s="218"/>
      <c r="R301" s="42"/>
      <c r="S301" s="43"/>
      <c r="T301" s="74"/>
      <c r="U301" s="353"/>
    </row>
    <row r="302" spans="1:57" s="57" customFormat="1" ht="69.900000000000006" customHeight="1" x14ac:dyDescent="0.2">
      <c r="A302" s="1220" t="s">
        <v>165</v>
      </c>
      <c r="B302" s="1221"/>
      <c r="C302" s="1221"/>
      <c r="D302" s="1221"/>
      <c r="E302" s="1221"/>
      <c r="F302" s="1221"/>
      <c r="G302" s="1221"/>
      <c r="H302" s="1221"/>
      <c r="I302" s="1221"/>
      <c r="J302" s="1222"/>
      <c r="K302" s="1223"/>
      <c r="L302" s="1223"/>
      <c r="M302" s="1223"/>
      <c r="N302" s="1223"/>
      <c r="O302" s="1223"/>
      <c r="P302" s="1223"/>
      <c r="Q302" s="1224"/>
      <c r="R302" s="55"/>
      <c r="S302" s="43"/>
      <c r="T302" s="97"/>
      <c r="U302" s="350"/>
      <c r="V302" s="106"/>
      <c r="W302" s="106"/>
      <c r="X302" s="106"/>
      <c r="Y302" s="106"/>
      <c r="Z302" s="106"/>
      <c r="AA302" s="106"/>
      <c r="AB302" s="106"/>
      <c r="AC302" s="106"/>
      <c r="AD302" s="106"/>
      <c r="AE302" s="106"/>
      <c r="AF302" s="106"/>
      <c r="AG302" s="106"/>
      <c r="AH302" s="106"/>
      <c r="AI302" s="106"/>
      <c r="AJ302" s="106"/>
      <c r="AK302" s="106"/>
      <c r="AL302" s="106"/>
      <c r="AM302" s="106"/>
      <c r="AN302" s="106"/>
      <c r="AO302" s="106"/>
      <c r="AP302" s="106"/>
      <c r="AQ302" s="106"/>
      <c r="AR302" s="106"/>
      <c r="AS302" s="106"/>
      <c r="AT302" s="106"/>
      <c r="AU302" s="106"/>
      <c r="AV302" s="106"/>
      <c r="AW302" s="106"/>
      <c r="AX302" s="106"/>
      <c r="AY302" s="106"/>
      <c r="AZ302" s="106"/>
      <c r="BA302" s="106"/>
      <c r="BB302" s="106"/>
      <c r="BC302" s="106"/>
      <c r="BD302" s="106"/>
      <c r="BE302" s="106"/>
    </row>
    <row r="303" spans="1:57" s="191" customFormat="1" ht="69.900000000000006" customHeight="1" x14ac:dyDescent="0.2">
      <c r="A303" s="1225" t="s">
        <v>166</v>
      </c>
      <c r="B303" s="1226"/>
      <c r="C303" s="1226"/>
      <c r="D303" s="1226"/>
      <c r="E303" s="1226"/>
      <c r="F303" s="1226"/>
      <c r="G303" s="1226"/>
      <c r="H303" s="1226"/>
      <c r="I303" s="1226"/>
      <c r="J303" s="1227"/>
      <c r="K303" s="1228" t="s">
        <v>167</v>
      </c>
      <c r="L303" s="1229"/>
      <c r="M303" s="183" t="s">
        <v>168</v>
      </c>
      <c r="N303" s="184"/>
      <c r="O303" s="184"/>
      <c r="P303" s="184"/>
      <c r="Q303" s="185"/>
      <c r="R303" s="186"/>
      <c r="S303" s="187"/>
      <c r="T303" s="188"/>
      <c r="U303" s="353"/>
      <c r="V303" s="190"/>
      <c r="W303" s="190"/>
      <c r="X303" s="190"/>
      <c r="Y303" s="190"/>
      <c r="Z303" s="190"/>
      <c r="AA303" s="190"/>
      <c r="AB303" s="190"/>
      <c r="AC303" s="190"/>
      <c r="AD303" s="190"/>
      <c r="AE303" s="190"/>
      <c r="AF303" s="190"/>
      <c r="AG303" s="190"/>
      <c r="AH303" s="190"/>
      <c r="AI303" s="190"/>
      <c r="AJ303" s="190"/>
      <c r="AK303" s="190"/>
      <c r="AL303" s="190"/>
      <c r="AM303" s="190"/>
      <c r="AN303" s="190"/>
      <c r="AO303" s="190"/>
      <c r="AP303" s="190"/>
      <c r="AQ303" s="190"/>
      <c r="AR303" s="190"/>
      <c r="AS303" s="190"/>
      <c r="AT303" s="190"/>
      <c r="AU303" s="190"/>
      <c r="AV303" s="190"/>
      <c r="AW303" s="190"/>
      <c r="AX303" s="190"/>
      <c r="AY303" s="190"/>
      <c r="AZ303" s="190"/>
      <c r="BA303" s="190"/>
      <c r="BB303" s="190"/>
      <c r="BC303" s="190"/>
      <c r="BD303" s="190"/>
      <c r="BE303" s="190"/>
    </row>
    <row r="304" spans="1:57" s="191" customFormat="1" ht="69.900000000000006" customHeight="1" x14ac:dyDescent="0.2">
      <c r="A304" s="1230"/>
      <c r="B304" s="1231"/>
      <c r="C304" s="1231"/>
      <c r="D304" s="1231"/>
      <c r="E304" s="1231"/>
      <c r="F304" s="1231"/>
      <c r="G304" s="1231"/>
      <c r="H304" s="1231"/>
      <c r="I304" s="1231"/>
      <c r="J304" s="1232"/>
      <c r="K304" s="1233"/>
      <c r="L304" s="1234"/>
      <c r="M304" s="567" t="s">
        <v>169</v>
      </c>
      <c r="N304" s="568"/>
      <c r="O304" s="568"/>
      <c r="P304" s="568"/>
      <c r="Q304" s="1235"/>
      <c r="R304" s="186"/>
      <c r="S304" s="187"/>
      <c r="T304" s="188"/>
      <c r="U304" s="1236"/>
      <c r="V304" s="190"/>
      <c r="W304" s="190"/>
      <c r="X304" s="190"/>
      <c r="Y304" s="190"/>
      <c r="Z304" s="190"/>
      <c r="AA304" s="190"/>
      <c r="AB304" s="190"/>
      <c r="AC304" s="190"/>
      <c r="AD304" s="190"/>
      <c r="AE304" s="190"/>
      <c r="AF304" s="190"/>
      <c r="AG304" s="190"/>
      <c r="AH304" s="190"/>
      <c r="AI304" s="190"/>
      <c r="AJ304" s="190"/>
      <c r="AK304" s="190"/>
      <c r="AL304" s="190"/>
      <c r="AM304" s="190"/>
      <c r="AN304" s="190"/>
      <c r="AO304" s="190"/>
      <c r="AP304" s="190"/>
      <c r="AQ304" s="190"/>
      <c r="AR304" s="190"/>
      <c r="AS304" s="190"/>
      <c r="AT304" s="190"/>
      <c r="AU304" s="190"/>
      <c r="AV304" s="190"/>
      <c r="AW304" s="190"/>
      <c r="AX304" s="190"/>
      <c r="AY304" s="190"/>
      <c r="AZ304" s="190"/>
      <c r="BA304" s="190"/>
      <c r="BB304" s="190"/>
      <c r="BC304" s="190"/>
      <c r="BD304" s="190"/>
      <c r="BE304" s="190"/>
    </row>
    <row r="305" spans="1:259" s="191" customFormat="1" ht="69.900000000000006" customHeight="1" x14ac:dyDescent="0.2">
      <c r="A305" s="1225" t="s">
        <v>170</v>
      </c>
      <c r="B305" s="1226"/>
      <c r="C305" s="1226"/>
      <c r="D305" s="1226"/>
      <c r="E305" s="1226"/>
      <c r="F305" s="1226"/>
      <c r="G305" s="1226"/>
      <c r="H305" s="1226"/>
      <c r="I305" s="1226"/>
      <c r="J305" s="1227"/>
      <c r="K305" s="1228" t="s">
        <v>167</v>
      </c>
      <c r="L305" s="1229"/>
      <c r="M305" s="183" t="s">
        <v>168</v>
      </c>
      <c r="N305" s="184"/>
      <c r="O305" s="184"/>
      <c r="P305" s="184"/>
      <c r="Q305" s="185"/>
      <c r="R305" s="186"/>
      <c r="S305" s="187"/>
      <c r="T305" s="188"/>
      <c r="U305" s="1236"/>
      <c r="V305" s="190"/>
      <c r="W305" s="190"/>
      <c r="X305" s="190"/>
      <c r="Y305" s="190"/>
      <c r="Z305" s="190"/>
      <c r="AA305" s="190"/>
      <c r="AB305" s="190"/>
      <c r="AC305" s="190"/>
      <c r="AD305" s="190"/>
      <c r="AE305" s="190"/>
      <c r="AF305" s="190"/>
      <c r="AG305" s="190"/>
      <c r="AH305" s="190"/>
      <c r="AI305" s="190"/>
      <c r="AJ305" s="190"/>
      <c r="AK305" s="190"/>
      <c r="AL305" s="190"/>
      <c r="AM305" s="190"/>
      <c r="AN305" s="190"/>
      <c r="AO305" s="190"/>
      <c r="AP305" s="190"/>
      <c r="AQ305" s="190"/>
      <c r="AR305" s="190"/>
      <c r="AS305" s="190"/>
      <c r="AT305" s="190"/>
      <c r="AU305" s="190"/>
      <c r="AV305" s="190"/>
      <c r="AW305" s="190"/>
      <c r="AX305" s="190"/>
      <c r="AY305" s="190"/>
      <c r="AZ305" s="190"/>
      <c r="BA305" s="190"/>
      <c r="BB305" s="190"/>
      <c r="BC305" s="190"/>
      <c r="BD305" s="190"/>
      <c r="BE305" s="190"/>
    </row>
    <row r="306" spans="1:259" s="191" customFormat="1" ht="69.900000000000006" customHeight="1" x14ac:dyDescent="0.2">
      <c r="A306" s="1230"/>
      <c r="B306" s="1231"/>
      <c r="C306" s="1231"/>
      <c r="D306" s="1231"/>
      <c r="E306" s="1231"/>
      <c r="F306" s="1231"/>
      <c r="G306" s="1231"/>
      <c r="H306" s="1231"/>
      <c r="I306" s="1231"/>
      <c r="J306" s="1232"/>
      <c r="K306" s="1233"/>
      <c r="L306" s="1234"/>
      <c r="M306" s="567" t="s">
        <v>169</v>
      </c>
      <c r="N306" s="568"/>
      <c r="O306" s="568"/>
      <c r="P306" s="568"/>
      <c r="Q306" s="1235"/>
      <c r="R306" s="186"/>
      <c r="S306" s="187"/>
      <c r="T306" s="188"/>
      <c r="U306" s="1236"/>
      <c r="V306" s="190"/>
      <c r="W306" s="190"/>
      <c r="X306" s="190"/>
      <c r="Y306" s="190"/>
      <c r="Z306" s="190"/>
      <c r="AA306" s="190"/>
      <c r="AB306" s="190"/>
      <c r="AC306" s="190"/>
      <c r="AD306" s="190"/>
      <c r="AE306" s="190"/>
      <c r="AF306" s="190"/>
      <c r="AG306" s="190"/>
      <c r="AH306" s="190"/>
      <c r="AI306" s="190"/>
      <c r="AJ306" s="190"/>
      <c r="AK306" s="190"/>
      <c r="AL306" s="190"/>
      <c r="AM306" s="190"/>
      <c r="AN306" s="190"/>
      <c r="AO306" s="190"/>
      <c r="AP306" s="190"/>
      <c r="AQ306" s="190"/>
      <c r="AR306" s="190"/>
      <c r="AS306" s="190"/>
      <c r="AT306" s="190"/>
      <c r="AU306" s="190"/>
      <c r="AV306" s="190"/>
      <c r="AW306" s="190"/>
      <c r="AX306" s="190"/>
      <c r="AY306" s="190"/>
      <c r="AZ306" s="190"/>
      <c r="BA306" s="190"/>
      <c r="BB306" s="190"/>
      <c r="BC306" s="190"/>
      <c r="BD306" s="190"/>
      <c r="BE306" s="190"/>
    </row>
    <row r="307" spans="1:259" s="57" customFormat="1" ht="120" customHeight="1" x14ac:dyDescent="0.2">
      <c r="A307" s="1237" t="s">
        <v>171</v>
      </c>
      <c r="B307" s="1238"/>
      <c r="C307" s="1238"/>
      <c r="D307" s="1238"/>
      <c r="E307" s="1238"/>
      <c r="F307" s="1238"/>
      <c r="G307" s="1238"/>
      <c r="H307" s="1238"/>
      <c r="I307" s="1238"/>
      <c r="J307" s="1239"/>
      <c r="K307" s="1240"/>
      <c r="L307" s="1241"/>
      <c r="M307" s="1241"/>
      <c r="N307" s="1241"/>
      <c r="O307" s="1241"/>
      <c r="P307" s="1241"/>
      <c r="Q307" s="1242"/>
      <c r="R307" s="55"/>
      <c r="S307" s="43"/>
      <c r="T307" s="97"/>
      <c r="U307" s="350"/>
      <c r="V307" s="106"/>
      <c r="W307" s="106"/>
      <c r="X307" s="106"/>
      <c r="Y307" s="106"/>
      <c r="Z307" s="106"/>
      <c r="AA307" s="106"/>
      <c r="AB307" s="106"/>
      <c r="AC307" s="106"/>
      <c r="AD307" s="106"/>
      <c r="AE307" s="106"/>
      <c r="AF307" s="106"/>
      <c r="AG307" s="106"/>
      <c r="AH307" s="106"/>
      <c r="AI307" s="106"/>
      <c r="AJ307" s="106"/>
      <c r="AK307" s="106"/>
      <c r="AL307" s="106"/>
      <c r="AM307" s="106"/>
      <c r="AN307" s="106"/>
      <c r="AO307" s="106"/>
      <c r="AP307" s="106"/>
      <c r="AQ307" s="106"/>
      <c r="AR307" s="106"/>
      <c r="AS307" s="106"/>
      <c r="AT307" s="106"/>
      <c r="AU307" s="106"/>
      <c r="AV307" s="106"/>
      <c r="AW307" s="106"/>
      <c r="AX307" s="106"/>
      <c r="AY307" s="106"/>
      <c r="AZ307" s="106"/>
      <c r="BA307" s="106"/>
      <c r="BB307" s="106"/>
      <c r="BC307" s="106"/>
      <c r="BD307" s="106"/>
      <c r="BE307" s="106"/>
    </row>
    <row r="308" spans="1:259" s="57" customFormat="1" ht="69.599999999999994" customHeight="1" x14ac:dyDescent="0.2">
      <c r="A308" s="390" t="s">
        <v>172</v>
      </c>
      <c r="B308" s="391"/>
      <c r="C308" s="391"/>
      <c r="D308" s="391"/>
      <c r="E308" s="391"/>
      <c r="F308" s="391"/>
      <c r="G308" s="391"/>
      <c r="H308" s="391"/>
      <c r="I308" s="391"/>
      <c r="J308" s="391"/>
      <c r="K308" s="391"/>
      <c r="L308" s="391"/>
      <c r="M308" s="391"/>
      <c r="N308" s="391"/>
      <c r="O308" s="391"/>
      <c r="P308" s="391"/>
      <c r="Q308" s="392"/>
      <c r="R308" s="42"/>
      <c r="S308" s="43"/>
      <c r="T308" s="74"/>
      <c r="U308" s="353"/>
    </row>
    <row r="309" spans="1:259" s="57" customFormat="1" ht="69.599999999999994" customHeight="1" x14ac:dyDescent="0.2">
      <c r="A309" s="987" t="s">
        <v>471</v>
      </c>
      <c r="B309" s="455"/>
      <c r="C309" s="455"/>
      <c r="D309" s="455"/>
      <c r="E309" s="455"/>
      <c r="F309" s="455"/>
      <c r="G309" s="455"/>
      <c r="H309" s="455"/>
      <c r="I309" s="455"/>
      <c r="J309" s="455"/>
      <c r="K309" s="455"/>
      <c r="L309" s="455"/>
      <c r="M309" s="455"/>
      <c r="N309" s="455"/>
      <c r="O309" s="455"/>
      <c r="P309" s="455"/>
      <c r="Q309" s="456"/>
      <c r="R309" s="42"/>
      <c r="S309" s="43"/>
      <c r="T309" s="74"/>
      <c r="U309" s="353"/>
    </row>
    <row r="310" spans="1:259" s="57" customFormat="1" ht="69.599999999999994" customHeight="1" x14ac:dyDescent="0.2">
      <c r="A310" s="390" t="s">
        <v>174</v>
      </c>
      <c r="B310" s="391"/>
      <c r="C310" s="391"/>
      <c r="D310" s="391"/>
      <c r="E310" s="391"/>
      <c r="F310" s="391"/>
      <c r="G310" s="391"/>
      <c r="H310" s="391"/>
      <c r="I310" s="391"/>
      <c r="J310" s="391"/>
      <c r="K310" s="391"/>
      <c r="L310" s="391"/>
      <c r="M310" s="391"/>
      <c r="N310" s="391"/>
      <c r="O310" s="391"/>
      <c r="P310" s="391"/>
      <c r="Q310" s="392"/>
      <c r="R310" s="42"/>
      <c r="S310" s="43"/>
      <c r="T310" s="74"/>
      <c r="U310" s="353"/>
    </row>
    <row r="311" spans="1:259" s="57" customFormat="1" ht="69.900000000000006" customHeight="1" x14ac:dyDescent="0.2">
      <c r="A311" s="1243" t="s">
        <v>362</v>
      </c>
      <c r="B311" s="1244"/>
      <c r="C311" s="1244"/>
      <c r="D311" s="1244"/>
      <c r="E311" s="1244"/>
      <c r="F311" s="1244"/>
      <c r="G311" s="1244"/>
      <c r="H311" s="1244"/>
      <c r="I311" s="1244"/>
      <c r="J311" s="1244"/>
      <c r="K311" s="1244"/>
      <c r="L311" s="1244"/>
      <c r="M311" s="1244"/>
      <c r="N311" s="1244"/>
      <c r="O311" s="1244"/>
      <c r="P311" s="1244"/>
      <c r="Q311" s="1245"/>
      <c r="R311" s="55"/>
      <c r="S311" s="43"/>
      <c r="T311" s="97"/>
      <c r="U311" s="350"/>
      <c r="V311" s="106"/>
      <c r="W311" s="106"/>
      <c r="X311" s="106"/>
      <c r="Y311" s="106"/>
      <c r="Z311" s="106"/>
      <c r="AA311" s="106"/>
      <c r="AB311" s="106"/>
      <c r="AC311" s="106"/>
      <c r="AD311" s="106"/>
      <c r="AE311" s="106"/>
      <c r="AF311" s="106"/>
      <c r="AG311" s="106"/>
      <c r="AH311" s="106"/>
      <c r="AI311" s="106"/>
      <c r="AJ311" s="106"/>
      <c r="AK311" s="106"/>
      <c r="AL311" s="106"/>
      <c r="AM311" s="106"/>
      <c r="AN311" s="106"/>
      <c r="AO311" s="106"/>
      <c r="AP311" s="106"/>
      <c r="AQ311" s="106"/>
      <c r="AR311" s="106"/>
      <c r="AS311" s="106"/>
      <c r="AT311" s="106"/>
      <c r="AU311" s="106"/>
      <c r="AV311" s="106"/>
      <c r="AW311" s="106"/>
      <c r="AX311" s="106"/>
      <c r="AY311" s="106"/>
      <c r="AZ311" s="106"/>
      <c r="BA311" s="106"/>
      <c r="BB311" s="106"/>
      <c r="BC311" s="106"/>
      <c r="BD311" s="106"/>
      <c r="BE311" s="106"/>
    </row>
    <row r="312" spans="1:259" s="57" customFormat="1" ht="69.900000000000006" customHeight="1" x14ac:dyDescent="0.2">
      <c r="A312" s="70" t="s">
        <v>270</v>
      </c>
      <c r="B312" s="72"/>
      <c r="C312" s="72"/>
      <c r="D312" s="72"/>
      <c r="E312" s="72"/>
      <c r="F312" s="72"/>
      <c r="G312" s="72"/>
      <c r="H312" s="72"/>
      <c r="I312" s="72"/>
      <c r="J312" s="72"/>
      <c r="K312" s="72"/>
      <c r="L312" s="72"/>
      <c r="M312" s="72"/>
      <c r="N312" s="72"/>
      <c r="O312" s="72"/>
      <c r="P312" s="72"/>
      <c r="Q312" s="202"/>
      <c r="R312" s="42"/>
      <c r="S312" s="43"/>
      <c r="T312" s="74"/>
      <c r="U312" s="353"/>
    </row>
    <row r="313" spans="1:259" s="57" customFormat="1" ht="75" customHeight="1" x14ac:dyDescent="0.2">
      <c r="A313" s="75"/>
      <c r="B313" s="76"/>
      <c r="C313" s="76"/>
      <c r="D313" s="76"/>
      <c r="E313" s="76"/>
      <c r="F313" s="76"/>
      <c r="G313" s="76"/>
      <c r="H313" s="76"/>
      <c r="I313" s="76"/>
      <c r="J313" s="76"/>
      <c r="K313" s="76"/>
      <c r="L313" s="77"/>
      <c r="M313" s="76"/>
      <c r="N313" s="76"/>
      <c r="O313" s="76"/>
      <c r="P313" s="76"/>
      <c r="Q313" s="78"/>
      <c r="R313" s="55"/>
      <c r="S313" s="43"/>
      <c r="T313" s="79"/>
      <c r="U313" s="353"/>
    </row>
    <row r="314" spans="1:259" s="57" customFormat="1" ht="75" customHeight="1" thickBot="1" x14ac:dyDescent="0.25">
      <c r="A314" s="80"/>
      <c r="B314" s="81"/>
      <c r="C314" s="81"/>
      <c r="D314" s="81"/>
      <c r="E314" s="81"/>
      <c r="F314" s="81"/>
      <c r="G314" s="81"/>
      <c r="H314" s="81"/>
      <c r="I314" s="81"/>
      <c r="J314" s="81"/>
      <c r="K314" s="81"/>
      <c r="L314" s="82"/>
      <c r="M314" s="81"/>
      <c r="N314" s="81"/>
      <c r="O314" s="81"/>
      <c r="P314" s="81"/>
      <c r="Q314" s="83"/>
      <c r="R314" s="55"/>
      <c r="S314" s="43"/>
      <c r="T314" s="79"/>
      <c r="U314" s="353"/>
    </row>
    <row r="315" spans="1:259" s="546" customFormat="1" ht="69.900000000000006" customHeight="1" thickBot="1" x14ac:dyDescent="0.25">
      <c r="A315" s="996" t="s">
        <v>176</v>
      </c>
      <c r="B315" s="586"/>
      <c r="C315" s="586"/>
      <c r="D315" s="586"/>
      <c r="E315" s="586"/>
      <c r="F315" s="586"/>
      <c r="G315" s="586"/>
      <c r="H315" s="586"/>
      <c r="I315" s="586"/>
      <c r="J315" s="586"/>
      <c r="K315" s="586"/>
      <c r="L315" s="586"/>
      <c r="M315" s="586"/>
      <c r="N315" s="586"/>
      <c r="O315" s="586"/>
      <c r="P315" s="586"/>
      <c r="Q315" s="997"/>
      <c r="R315" s="1028"/>
      <c r="S315" s="561"/>
      <c r="T315" s="595"/>
      <c r="U315" s="596"/>
      <c r="V315" s="596"/>
      <c r="W315" s="596"/>
      <c r="X315" s="596"/>
      <c r="Y315" s="596"/>
      <c r="Z315" s="596"/>
      <c r="AA315" s="596"/>
      <c r="AB315" s="596"/>
      <c r="AC315" s="596"/>
      <c r="AD315" s="596"/>
      <c r="AE315" s="596"/>
      <c r="AF315" s="596"/>
      <c r="AG315" s="596"/>
      <c r="AH315" s="596"/>
      <c r="AI315" s="596"/>
      <c r="AJ315" s="596"/>
      <c r="AK315" s="596"/>
      <c r="AL315" s="596"/>
      <c r="AM315" s="596"/>
      <c r="AN315" s="596"/>
      <c r="AO315" s="596"/>
      <c r="AP315" s="596"/>
      <c r="AQ315" s="596"/>
      <c r="AR315" s="596"/>
      <c r="AS315" s="596"/>
      <c r="AT315" s="596"/>
      <c r="AU315" s="596"/>
      <c r="AV315" s="596"/>
      <c r="AW315" s="596"/>
      <c r="AX315" s="596"/>
      <c r="AY315" s="596"/>
      <c r="AZ315" s="596"/>
      <c r="BA315" s="596"/>
      <c r="BB315" s="596"/>
      <c r="BC315" s="596"/>
      <c r="BD315" s="596"/>
      <c r="BE315" s="596"/>
    </row>
    <row r="316" spans="1:259" s="570" customFormat="1" ht="140.1" customHeight="1" thickTop="1" thickBot="1" x14ac:dyDescent="0.25">
      <c r="A316" s="998" t="s">
        <v>177</v>
      </c>
      <c r="B316" s="196"/>
      <c r="C316" s="196"/>
      <c r="D316" s="196"/>
      <c r="E316" s="196"/>
      <c r="F316" s="196"/>
      <c r="G316" s="196"/>
      <c r="H316" s="196"/>
      <c r="I316" s="196"/>
      <c r="J316" s="196"/>
      <c r="K316" s="196"/>
      <c r="L316" s="196"/>
      <c r="M316" s="196"/>
      <c r="N316" s="807"/>
      <c r="O316" s="1196" t="s">
        <v>455</v>
      </c>
      <c r="P316" s="67" t="s">
        <v>21</v>
      </c>
      <c r="Q316" s="1197" t="s">
        <v>22</v>
      </c>
      <c r="R316" s="1028"/>
      <c r="S316" s="561"/>
      <c r="T316" s="569"/>
      <c r="U316" s="539"/>
      <c r="V316" s="600"/>
      <c r="W316" s="600"/>
      <c r="X316" s="600"/>
      <c r="Y316" s="596"/>
      <c r="Z316" s="596"/>
      <c r="AA316" s="596"/>
      <c r="AB316" s="596"/>
      <c r="AC316" s="596"/>
      <c r="AD316" s="596"/>
      <c r="AE316" s="596"/>
      <c r="AF316" s="596"/>
      <c r="AG316" s="596"/>
      <c r="AH316" s="596"/>
      <c r="AI316" s="596"/>
      <c r="AJ316" s="596"/>
      <c r="AK316" s="596"/>
      <c r="AL316" s="596"/>
      <c r="AM316" s="596"/>
      <c r="AN316" s="596"/>
      <c r="AO316" s="600"/>
      <c r="AP316" s="600"/>
      <c r="AQ316" s="600"/>
      <c r="AR316" s="600"/>
      <c r="AS316" s="600"/>
      <c r="AT316" s="600"/>
      <c r="AU316" s="600"/>
      <c r="AV316" s="600"/>
      <c r="AW316" s="600"/>
      <c r="AX316" s="600"/>
      <c r="AY316" s="600"/>
      <c r="AZ316" s="600"/>
      <c r="BA316" s="600"/>
      <c r="BB316" s="600"/>
      <c r="BC316" s="600"/>
      <c r="BD316" s="600"/>
      <c r="BE316" s="600"/>
    </row>
    <row r="317" spans="1:259" s="546" customFormat="1" ht="69.900000000000006" customHeight="1" thickTop="1" x14ac:dyDescent="0.2">
      <c r="A317" s="692" t="s">
        <v>55</v>
      </c>
      <c r="B317" s="694"/>
      <c r="C317" s="694"/>
      <c r="D317" s="694"/>
      <c r="E317" s="694"/>
      <c r="F317" s="694"/>
      <c r="G317" s="694"/>
      <c r="H317" s="694"/>
      <c r="I317" s="694"/>
      <c r="J317" s="694"/>
      <c r="K317" s="694"/>
      <c r="L317" s="694"/>
      <c r="M317" s="694"/>
      <c r="N317" s="694"/>
      <c r="O317" s="694"/>
      <c r="P317" s="694"/>
      <c r="Q317" s="791"/>
      <c r="R317" s="1068"/>
      <c r="S317" s="561"/>
      <c r="T317" s="199"/>
    </row>
    <row r="318" spans="1:259" s="546" customFormat="1" ht="69.599999999999994" customHeight="1" x14ac:dyDescent="0.2">
      <c r="A318" s="696" t="s">
        <v>179</v>
      </c>
      <c r="B318" s="697"/>
      <c r="C318" s="697"/>
      <c r="D318" s="697"/>
      <c r="E318" s="697"/>
      <c r="F318" s="697"/>
      <c r="G318" s="697"/>
      <c r="H318" s="697"/>
      <c r="I318" s="697"/>
      <c r="J318" s="697"/>
      <c r="K318" s="697"/>
      <c r="L318" s="697"/>
      <c r="M318" s="697"/>
      <c r="N318" s="697"/>
      <c r="O318" s="697"/>
      <c r="P318" s="697"/>
      <c r="Q318" s="698"/>
      <c r="R318" s="198"/>
      <c r="S318" s="187"/>
      <c r="T318" s="199"/>
      <c r="U318" s="201"/>
      <c r="V318" s="201"/>
      <c r="W318" s="201"/>
      <c r="X318" s="201"/>
      <c r="Y318" s="201"/>
      <c r="Z318" s="201"/>
      <c r="AA318" s="201"/>
      <c r="AB318" s="201"/>
      <c r="AC318" s="201"/>
      <c r="AD318" s="201"/>
      <c r="AE318" s="201"/>
      <c r="AF318" s="201"/>
      <c r="AG318" s="201"/>
      <c r="AH318" s="201"/>
      <c r="AI318" s="201"/>
      <c r="AJ318" s="201"/>
      <c r="AK318" s="201"/>
      <c r="AL318" s="201"/>
      <c r="AM318" s="201"/>
      <c r="AN318" s="201"/>
      <c r="AO318" s="201"/>
      <c r="AP318" s="201"/>
      <c r="AQ318" s="201"/>
      <c r="AR318" s="201"/>
      <c r="AS318" s="201"/>
      <c r="AT318" s="201"/>
      <c r="AU318" s="201"/>
      <c r="AV318" s="201"/>
      <c r="AW318" s="201"/>
      <c r="AX318" s="201"/>
      <c r="AY318" s="201"/>
      <c r="AZ318" s="201"/>
      <c r="BA318" s="201"/>
      <c r="BB318" s="201"/>
      <c r="BC318" s="201"/>
      <c r="BD318" s="201"/>
      <c r="BE318" s="201"/>
      <c r="BF318" s="201"/>
      <c r="BG318" s="201"/>
      <c r="BH318" s="201"/>
      <c r="BI318" s="201"/>
      <c r="BJ318" s="201"/>
      <c r="BK318" s="201"/>
      <c r="BL318" s="201"/>
      <c r="BM318" s="201"/>
      <c r="BN318" s="201"/>
      <c r="BO318" s="201"/>
      <c r="BP318" s="201"/>
      <c r="BQ318" s="201"/>
      <c r="BR318" s="201"/>
      <c r="BS318" s="201"/>
      <c r="BT318" s="201"/>
      <c r="BU318" s="201"/>
      <c r="BV318" s="201"/>
      <c r="BW318" s="201"/>
      <c r="BX318" s="201"/>
      <c r="BY318" s="201"/>
      <c r="BZ318" s="201"/>
      <c r="CA318" s="201"/>
      <c r="CB318" s="201"/>
      <c r="CC318" s="201"/>
      <c r="CD318" s="201"/>
      <c r="CE318" s="201"/>
      <c r="CF318" s="201"/>
      <c r="CG318" s="201"/>
      <c r="CH318" s="201"/>
      <c r="CI318" s="201"/>
      <c r="CJ318" s="201"/>
      <c r="CK318" s="201"/>
      <c r="CL318" s="201"/>
      <c r="CM318" s="201"/>
      <c r="CN318" s="201"/>
      <c r="CO318" s="201"/>
      <c r="CP318" s="201"/>
      <c r="CQ318" s="201"/>
      <c r="CR318" s="201"/>
      <c r="CS318" s="201"/>
      <c r="CT318" s="201"/>
      <c r="CU318" s="201"/>
      <c r="CV318" s="201"/>
      <c r="CW318" s="201"/>
      <c r="CX318" s="201"/>
      <c r="CY318" s="201"/>
      <c r="CZ318" s="201"/>
      <c r="DA318" s="201"/>
      <c r="DB318" s="201"/>
      <c r="DC318" s="201"/>
      <c r="DD318" s="201"/>
      <c r="DE318" s="201"/>
      <c r="DF318" s="201"/>
      <c r="DG318" s="201"/>
      <c r="DH318" s="201"/>
      <c r="DI318" s="201"/>
      <c r="DJ318" s="201"/>
      <c r="DK318" s="201"/>
      <c r="DL318" s="201"/>
      <c r="DM318" s="201"/>
      <c r="DN318" s="201"/>
      <c r="DO318" s="201"/>
      <c r="DP318" s="201"/>
      <c r="DQ318" s="201"/>
      <c r="DR318" s="201"/>
      <c r="DS318" s="201"/>
      <c r="DT318" s="201"/>
      <c r="DU318" s="201"/>
      <c r="DV318" s="201"/>
      <c r="DW318" s="201"/>
      <c r="DX318" s="201"/>
      <c r="DY318" s="201"/>
      <c r="DZ318" s="201"/>
      <c r="EA318" s="201"/>
      <c r="EB318" s="201"/>
      <c r="EC318" s="201"/>
      <c r="ED318" s="201"/>
      <c r="EE318" s="201"/>
      <c r="EF318" s="201"/>
      <c r="EG318" s="201"/>
      <c r="EH318" s="201"/>
      <c r="EI318" s="201"/>
      <c r="EJ318" s="201"/>
      <c r="EK318" s="201"/>
      <c r="EL318" s="201"/>
      <c r="EM318" s="201"/>
      <c r="EN318" s="201"/>
      <c r="EO318" s="201"/>
      <c r="EP318" s="201"/>
      <c r="EQ318" s="201"/>
      <c r="ER318" s="201"/>
      <c r="ES318" s="201"/>
      <c r="ET318" s="201"/>
      <c r="EU318" s="201"/>
      <c r="EV318" s="201"/>
      <c r="EW318" s="201"/>
      <c r="EX318" s="201"/>
      <c r="EY318" s="201"/>
      <c r="EZ318" s="201"/>
      <c r="FA318" s="201"/>
      <c r="FB318" s="201"/>
      <c r="FC318" s="201"/>
      <c r="FD318" s="201"/>
      <c r="FE318" s="201"/>
      <c r="FF318" s="201"/>
      <c r="FG318" s="201"/>
      <c r="FH318" s="201"/>
      <c r="FI318" s="201"/>
      <c r="FJ318" s="201"/>
      <c r="FK318" s="201"/>
      <c r="FL318" s="201"/>
      <c r="FM318" s="201"/>
      <c r="FN318" s="201"/>
      <c r="FO318" s="201"/>
      <c r="FP318" s="201"/>
      <c r="FQ318" s="201"/>
      <c r="FR318" s="201"/>
      <c r="FS318" s="201"/>
      <c r="FT318" s="201"/>
      <c r="FU318" s="201"/>
      <c r="FV318" s="201"/>
      <c r="FW318" s="201"/>
      <c r="FX318" s="201"/>
      <c r="FY318" s="201"/>
      <c r="FZ318" s="201"/>
      <c r="GA318" s="201"/>
      <c r="GB318" s="201"/>
      <c r="GC318" s="201"/>
      <c r="GD318" s="201"/>
      <c r="GE318" s="201"/>
      <c r="GF318" s="201"/>
      <c r="GG318" s="201"/>
      <c r="GH318" s="201"/>
      <c r="GI318" s="201"/>
      <c r="GJ318" s="201"/>
      <c r="GK318" s="201"/>
      <c r="GL318" s="201"/>
      <c r="GM318" s="201"/>
      <c r="GN318" s="201"/>
      <c r="GO318" s="201"/>
      <c r="GP318" s="201"/>
      <c r="GQ318" s="201"/>
      <c r="GR318" s="201"/>
      <c r="GS318" s="201"/>
      <c r="GT318" s="201"/>
      <c r="GU318" s="201"/>
      <c r="GV318" s="201"/>
      <c r="GW318" s="201"/>
      <c r="GX318" s="201"/>
      <c r="GY318" s="201"/>
      <c r="GZ318" s="201"/>
      <c r="HA318" s="201"/>
      <c r="HB318" s="201"/>
      <c r="HC318" s="201"/>
      <c r="HD318" s="201"/>
      <c r="HE318" s="201"/>
      <c r="HF318" s="201"/>
      <c r="HG318" s="201"/>
      <c r="HH318" s="201"/>
      <c r="HI318" s="201"/>
      <c r="HJ318" s="201"/>
      <c r="HK318" s="201"/>
      <c r="HL318" s="201"/>
      <c r="HM318" s="201"/>
      <c r="HN318" s="201"/>
      <c r="HO318" s="201"/>
      <c r="HP318" s="201"/>
      <c r="HQ318" s="201"/>
      <c r="HR318" s="201"/>
      <c r="HS318" s="201"/>
      <c r="HT318" s="201"/>
      <c r="HU318" s="201"/>
      <c r="HV318" s="201"/>
      <c r="HW318" s="201"/>
      <c r="HX318" s="201"/>
      <c r="HY318" s="201"/>
      <c r="HZ318" s="201"/>
      <c r="IA318" s="201"/>
      <c r="IB318" s="201"/>
      <c r="IC318" s="201"/>
      <c r="ID318" s="201"/>
      <c r="IE318" s="201"/>
      <c r="IF318" s="201"/>
      <c r="IG318" s="201"/>
      <c r="IH318" s="201"/>
      <c r="II318" s="201"/>
      <c r="IJ318" s="201"/>
      <c r="IK318" s="201"/>
      <c r="IL318" s="201"/>
      <c r="IM318" s="201"/>
      <c r="IN318" s="201"/>
      <c r="IO318" s="201"/>
      <c r="IP318" s="201"/>
      <c r="IQ318" s="201"/>
      <c r="IR318" s="201"/>
      <c r="IS318" s="201"/>
      <c r="IT318" s="201"/>
      <c r="IU318" s="201"/>
      <c r="IV318" s="201"/>
      <c r="IW318" s="201"/>
      <c r="IX318" s="201"/>
      <c r="IY318" s="201"/>
    </row>
    <row r="319" spans="1:259" s="570" customFormat="1" ht="69.599999999999994" customHeight="1" x14ac:dyDescent="0.2">
      <c r="A319" s="879" t="s">
        <v>472</v>
      </c>
      <c r="B319" s="880"/>
      <c r="C319" s="880"/>
      <c r="D319" s="880"/>
      <c r="E319" s="880"/>
      <c r="F319" s="880"/>
      <c r="G319" s="880"/>
      <c r="H319" s="880"/>
      <c r="I319" s="880"/>
      <c r="J319" s="880"/>
      <c r="K319" s="880"/>
      <c r="L319" s="880"/>
      <c r="M319" s="880"/>
      <c r="N319" s="880"/>
      <c r="O319" s="880"/>
      <c r="P319" s="880"/>
      <c r="Q319" s="881"/>
      <c r="R319" s="1028"/>
      <c r="S319" s="561"/>
      <c r="T319" s="595"/>
      <c r="U319" s="539"/>
      <c r="V319" s="600"/>
      <c r="W319" s="600"/>
      <c r="X319" s="600"/>
      <c r="Y319" s="600"/>
      <c r="Z319" s="600"/>
      <c r="AA319" s="600"/>
      <c r="AB319" s="600"/>
      <c r="AC319" s="600"/>
      <c r="AD319" s="600"/>
      <c r="AE319" s="600"/>
      <c r="AF319" s="600"/>
      <c r="AG319" s="600"/>
      <c r="AH319" s="600"/>
      <c r="AI319" s="600"/>
      <c r="AJ319" s="600"/>
      <c r="AK319" s="600"/>
      <c r="AL319" s="600"/>
      <c r="AM319" s="600"/>
      <c r="AN319" s="600"/>
      <c r="AO319" s="600"/>
      <c r="AP319" s="600"/>
      <c r="AQ319" s="600"/>
      <c r="AR319" s="600"/>
      <c r="AS319" s="600"/>
      <c r="AT319" s="600"/>
      <c r="AU319" s="600"/>
      <c r="AV319" s="600"/>
      <c r="AW319" s="600"/>
      <c r="AX319" s="600"/>
      <c r="AY319" s="600"/>
      <c r="AZ319" s="600"/>
      <c r="BA319" s="600"/>
      <c r="BB319" s="600"/>
      <c r="BC319" s="600"/>
      <c r="BD319" s="600"/>
      <c r="BE319" s="600"/>
    </row>
    <row r="320" spans="1:259" s="570" customFormat="1" ht="69.599999999999994" customHeight="1" x14ac:dyDescent="0.2">
      <c r="A320" s="779" t="s">
        <v>100</v>
      </c>
      <c r="B320" s="780"/>
      <c r="C320" s="780"/>
      <c r="D320" s="780"/>
      <c r="E320" s="780"/>
      <c r="F320" s="780"/>
      <c r="G320" s="780"/>
      <c r="H320" s="780"/>
      <c r="I320" s="780"/>
      <c r="J320" s="780"/>
      <c r="K320" s="780"/>
      <c r="L320" s="780"/>
      <c r="M320" s="780"/>
      <c r="N320" s="780"/>
      <c r="O320" s="780"/>
      <c r="P320" s="780"/>
      <c r="Q320" s="781"/>
      <c r="R320" s="1028"/>
      <c r="S320" s="561"/>
      <c r="T320" s="595"/>
      <c r="U320" s="596"/>
      <c r="V320" s="600"/>
      <c r="W320" s="600"/>
      <c r="X320" s="600"/>
      <c r="Y320" s="600"/>
      <c r="Z320" s="600"/>
      <c r="AA320" s="600"/>
      <c r="AB320" s="600"/>
      <c r="AC320" s="600"/>
      <c r="AD320" s="600"/>
      <c r="AE320" s="600"/>
      <c r="AF320" s="600"/>
      <c r="AG320" s="600"/>
      <c r="AH320" s="600"/>
      <c r="AI320" s="600"/>
      <c r="AJ320" s="600"/>
      <c r="AK320" s="600"/>
      <c r="AL320" s="600"/>
      <c r="AM320" s="600"/>
      <c r="AN320" s="600"/>
      <c r="AO320" s="600"/>
      <c r="AP320" s="600"/>
      <c r="AQ320" s="600"/>
      <c r="AR320" s="600"/>
      <c r="AS320" s="600"/>
      <c r="AT320" s="600"/>
      <c r="AU320" s="600"/>
      <c r="AV320" s="600"/>
      <c r="AW320" s="600"/>
      <c r="AX320" s="600"/>
      <c r="AY320" s="600"/>
      <c r="AZ320" s="600"/>
      <c r="BA320" s="600"/>
      <c r="BB320" s="600"/>
      <c r="BC320" s="600"/>
      <c r="BD320" s="600"/>
      <c r="BE320" s="600"/>
    </row>
    <row r="321" spans="1:57" s="201" customFormat="1" ht="69.900000000000006" customHeight="1" x14ac:dyDescent="0.2">
      <c r="A321" s="925" t="s">
        <v>181</v>
      </c>
      <c r="B321" s="926"/>
      <c r="C321" s="926"/>
      <c r="D321" s="926"/>
      <c r="E321" s="926"/>
      <c r="F321" s="926"/>
      <c r="G321" s="926"/>
      <c r="H321" s="926"/>
      <c r="I321" s="926"/>
      <c r="J321" s="926"/>
      <c r="K321" s="926"/>
      <c r="L321" s="926"/>
      <c r="M321" s="926"/>
      <c r="N321" s="926"/>
      <c r="O321" s="926"/>
      <c r="P321" s="926"/>
      <c r="Q321" s="927"/>
      <c r="R321" s="198"/>
      <c r="S321" s="187"/>
      <c r="T321" s="199"/>
    </row>
    <row r="322" spans="1:57" s="570" customFormat="1" ht="69.599999999999994" customHeight="1" x14ac:dyDescent="0.2">
      <c r="A322" s="905" t="s">
        <v>182</v>
      </c>
      <c r="B322" s="906"/>
      <c r="C322" s="906"/>
      <c r="D322" s="906"/>
      <c r="E322" s="906"/>
      <c r="F322" s="906"/>
      <c r="G322" s="906"/>
      <c r="H322" s="906"/>
      <c r="I322" s="906"/>
      <c r="J322" s="906"/>
      <c r="K322" s="906"/>
      <c r="L322" s="906"/>
      <c r="M322" s="906"/>
      <c r="N322" s="906"/>
      <c r="O322" s="906"/>
      <c r="P322" s="906"/>
      <c r="Q322" s="907"/>
      <c r="R322" s="1028"/>
      <c r="S322" s="561"/>
      <c r="T322" s="595"/>
      <c r="U322" s="668"/>
      <c r="V322" s="600"/>
      <c r="W322" s="600"/>
      <c r="X322" s="600"/>
      <c r="Y322" s="600"/>
      <c r="Z322" s="600"/>
      <c r="AA322" s="600"/>
      <c r="AB322" s="600"/>
      <c r="AC322" s="600"/>
      <c r="AD322" s="600"/>
      <c r="AE322" s="600"/>
      <c r="AF322" s="600"/>
      <c r="AG322" s="600"/>
      <c r="AH322" s="600"/>
      <c r="AI322" s="600"/>
      <c r="AJ322" s="600"/>
      <c r="AK322" s="600"/>
      <c r="AL322" s="600"/>
      <c r="AM322" s="600"/>
      <c r="AN322" s="600"/>
      <c r="AO322" s="600"/>
      <c r="AP322" s="600"/>
      <c r="AQ322" s="600"/>
      <c r="AR322" s="600"/>
      <c r="AS322" s="600"/>
      <c r="AT322" s="600"/>
      <c r="AU322" s="600"/>
      <c r="AV322" s="600"/>
      <c r="AW322" s="600"/>
      <c r="AX322" s="600"/>
      <c r="AY322" s="600"/>
      <c r="AZ322" s="600"/>
      <c r="BA322" s="600"/>
      <c r="BB322" s="600"/>
      <c r="BC322" s="600"/>
      <c r="BD322" s="600"/>
      <c r="BE322" s="600"/>
    </row>
    <row r="323" spans="1:57" s="570" customFormat="1" ht="69.599999999999994" customHeight="1" x14ac:dyDescent="0.2">
      <c r="A323" s="882" t="s">
        <v>100</v>
      </c>
      <c r="B323" s="883"/>
      <c r="C323" s="883"/>
      <c r="D323" s="883"/>
      <c r="E323" s="883"/>
      <c r="F323" s="883"/>
      <c r="G323" s="883"/>
      <c r="H323" s="883"/>
      <c r="I323" s="883"/>
      <c r="J323" s="883"/>
      <c r="K323" s="883"/>
      <c r="L323" s="883"/>
      <c r="M323" s="883"/>
      <c r="N323" s="883"/>
      <c r="O323" s="883"/>
      <c r="P323" s="883"/>
      <c r="Q323" s="884"/>
      <c r="R323" s="1028"/>
      <c r="S323" s="561"/>
      <c r="T323" s="595"/>
      <c r="U323" s="596"/>
      <c r="V323" s="600"/>
      <c r="W323" s="600"/>
      <c r="X323" s="600"/>
      <c r="Y323" s="600"/>
      <c r="Z323" s="600"/>
      <c r="AA323" s="600"/>
      <c r="AB323" s="600"/>
      <c r="AC323" s="600"/>
      <c r="AD323" s="600"/>
      <c r="AE323" s="600"/>
      <c r="AF323" s="600"/>
      <c r="AG323" s="600"/>
      <c r="AH323" s="600"/>
      <c r="AI323" s="600"/>
      <c r="AJ323" s="600"/>
      <c r="AK323" s="600"/>
      <c r="AL323" s="600"/>
      <c r="AM323" s="600"/>
      <c r="AN323" s="600"/>
      <c r="AO323" s="600"/>
      <c r="AP323" s="600"/>
      <c r="AQ323" s="600"/>
      <c r="AR323" s="600"/>
      <c r="AS323" s="600"/>
      <c r="AT323" s="600"/>
      <c r="AU323" s="600"/>
      <c r="AV323" s="600"/>
      <c r="AW323" s="600"/>
      <c r="AX323" s="600"/>
      <c r="AY323" s="600"/>
      <c r="AZ323" s="600"/>
      <c r="BA323" s="600"/>
      <c r="BB323" s="600"/>
      <c r="BC323" s="600"/>
      <c r="BD323" s="600"/>
      <c r="BE323" s="600"/>
    </row>
    <row r="324" spans="1:57" s="546" customFormat="1" ht="69.900000000000006" customHeight="1" x14ac:dyDescent="0.2">
      <c r="A324" s="70" t="s">
        <v>28</v>
      </c>
      <c r="B324" s="72"/>
      <c r="C324" s="72"/>
      <c r="D324" s="72"/>
      <c r="E324" s="72"/>
      <c r="F324" s="72"/>
      <c r="G324" s="72"/>
      <c r="H324" s="72"/>
      <c r="I324" s="72"/>
      <c r="J324" s="72"/>
      <c r="K324" s="72"/>
      <c r="L324" s="72"/>
      <c r="M324" s="72"/>
      <c r="N324" s="72"/>
      <c r="O324" s="72"/>
      <c r="P324" s="72"/>
      <c r="Q324" s="202"/>
      <c r="R324" s="1068"/>
      <c r="S324" s="561"/>
      <c r="T324" s="199"/>
    </row>
    <row r="325" spans="1:57" s="570" customFormat="1" ht="75" customHeight="1" x14ac:dyDescent="0.2">
      <c r="A325" s="575"/>
      <c r="B325" s="576"/>
      <c r="C325" s="576"/>
      <c r="D325" s="576"/>
      <c r="E325" s="576"/>
      <c r="F325" s="576"/>
      <c r="G325" s="576"/>
      <c r="H325" s="576"/>
      <c r="I325" s="576"/>
      <c r="J325" s="576"/>
      <c r="K325" s="576"/>
      <c r="L325" s="577"/>
      <c r="M325" s="576"/>
      <c r="N325" s="576"/>
      <c r="O325" s="576"/>
      <c r="P325" s="576"/>
      <c r="Q325" s="578"/>
      <c r="R325" s="1028"/>
      <c r="S325" s="561"/>
      <c r="T325" s="579"/>
      <c r="U325" s="546"/>
    </row>
    <row r="326" spans="1:57" s="570" customFormat="1" ht="75" customHeight="1" thickBot="1" x14ac:dyDescent="0.25">
      <c r="A326" s="606"/>
      <c r="B326" s="607"/>
      <c r="C326" s="607"/>
      <c r="D326" s="607"/>
      <c r="E326" s="607"/>
      <c r="F326" s="607"/>
      <c r="G326" s="607"/>
      <c r="H326" s="607"/>
      <c r="I326" s="607"/>
      <c r="J326" s="607"/>
      <c r="K326" s="607"/>
      <c r="L326" s="608"/>
      <c r="M326" s="607"/>
      <c r="N326" s="607"/>
      <c r="O326" s="607"/>
      <c r="P326" s="607"/>
      <c r="Q326" s="609"/>
      <c r="R326" s="1028"/>
      <c r="S326" s="561"/>
      <c r="T326" s="579"/>
      <c r="U326" s="546"/>
    </row>
    <row r="327" spans="1:57" s="546" customFormat="1" ht="69.900000000000006" customHeight="1" thickBot="1" x14ac:dyDescent="0.25">
      <c r="A327" s="724" t="s">
        <v>473</v>
      </c>
      <c r="B327" s="726"/>
      <c r="C327" s="726"/>
      <c r="D327" s="726"/>
      <c r="E327" s="726"/>
      <c r="F327" s="726"/>
      <c r="G327" s="726"/>
      <c r="H327" s="726"/>
      <c r="I327" s="726"/>
      <c r="J327" s="726"/>
      <c r="K327" s="726"/>
      <c r="L327" s="726"/>
      <c r="M327" s="726"/>
      <c r="N327" s="726"/>
      <c r="O327" s="726"/>
      <c r="P327" s="726"/>
      <c r="Q327" s="819"/>
      <c r="R327" s="1028"/>
      <c r="S327" s="561"/>
      <c r="T327" s="595"/>
      <c r="U327" s="596"/>
      <c r="V327" s="596"/>
      <c r="W327" s="596"/>
      <c r="X327" s="596"/>
      <c r="Y327" s="600"/>
      <c r="Z327" s="600"/>
      <c r="AA327" s="600"/>
      <c r="AB327" s="600"/>
      <c r="AC327" s="600"/>
      <c r="AD327" s="600"/>
      <c r="AE327" s="600"/>
      <c r="AF327" s="600"/>
      <c r="AG327" s="600"/>
      <c r="AH327" s="600"/>
      <c r="AI327" s="600"/>
      <c r="AJ327" s="600"/>
      <c r="AK327" s="600"/>
      <c r="AL327" s="600"/>
      <c r="AM327" s="600"/>
      <c r="AN327" s="600"/>
      <c r="AO327" s="596"/>
      <c r="AP327" s="596"/>
      <c r="AQ327" s="596"/>
      <c r="AR327" s="596"/>
      <c r="AS327" s="596"/>
      <c r="AT327" s="596"/>
      <c r="AU327" s="596"/>
      <c r="AV327" s="596"/>
      <c r="AW327" s="596"/>
      <c r="AX327" s="596"/>
      <c r="AY327" s="596"/>
      <c r="AZ327" s="596"/>
      <c r="BA327" s="596"/>
      <c r="BB327" s="596"/>
      <c r="BC327" s="596"/>
      <c r="BD327" s="596"/>
      <c r="BE327" s="596"/>
    </row>
    <row r="328" spans="1:57" s="570" customFormat="1" ht="225" customHeight="1" thickTop="1" thickBot="1" x14ac:dyDescent="0.25">
      <c r="A328" s="1193" t="s">
        <v>474</v>
      </c>
      <c r="B328" s="1194"/>
      <c r="C328" s="1194"/>
      <c r="D328" s="1194"/>
      <c r="E328" s="1194"/>
      <c r="F328" s="1194"/>
      <c r="G328" s="1194"/>
      <c r="H328" s="1194"/>
      <c r="I328" s="1194"/>
      <c r="J328" s="1194"/>
      <c r="K328" s="1194"/>
      <c r="L328" s="1194"/>
      <c r="M328" s="1194"/>
      <c r="N328" s="1195"/>
      <c r="O328" s="1196" t="s">
        <v>455</v>
      </c>
      <c r="P328" s="67" t="s">
        <v>21</v>
      </c>
      <c r="Q328" s="1197" t="s">
        <v>22</v>
      </c>
      <c r="R328" s="1028"/>
      <c r="S328" s="561"/>
      <c r="T328" s="569"/>
      <c r="U328" s="596"/>
      <c r="V328" s="600"/>
      <c r="W328" s="600"/>
      <c r="X328" s="600"/>
      <c r="Y328" s="596"/>
      <c r="Z328" s="596"/>
      <c r="AA328" s="596"/>
      <c r="AB328" s="596"/>
      <c r="AC328" s="596"/>
      <c r="AD328" s="596"/>
      <c r="AE328" s="596"/>
      <c r="AF328" s="596"/>
      <c r="AG328" s="596"/>
      <c r="AH328" s="596"/>
      <c r="AI328" s="596"/>
      <c r="AJ328" s="596"/>
      <c r="AK328" s="596"/>
      <c r="AL328" s="596"/>
      <c r="AM328" s="596"/>
      <c r="AN328" s="596"/>
      <c r="AO328" s="600"/>
      <c r="AP328" s="600"/>
      <c r="AQ328" s="600"/>
      <c r="AR328" s="600"/>
      <c r="AS328" s="600"/>
      <c r="AT328" s="600"/>
      <c r="AU328" s="600"/>
      <c r="AV328" s="600"/>
      <c r="AW328" s="600"/>
      <c r="AX328" s="600"/>
      <c r="AY328" s="600"/>
      <c r="AZ328" s="600"/>
      <c r="BA328" s="600"/>
      <c r="BB328" s="600"/>
      <c r="BC328" s="600"/>
      <c r="BD328" s="600"/>
      <c r="BE328" s="600"/>
    </row>
    <row r="329" spans="1:57" s="546" customFormat="1" ht="69.599999999999994" customHeight="1" thickTop="1" x14ac:dyDescent="0.2">
      <c r="A329" s="70" t="s">
        <v>28</v>
      </c>
      <c r="B329" s="72"/>
      <c r="C329" s="72"/>
      <c r="D329" s="72"/>
      <c r="E329" s="72"/>
      <c r="F329" s="72"/>
      <c r="G329" s="72"/>
      <c r="H329" s="72"/>
      <c r="I329" s="72"/>
      <c r="J329" s="72"/>
      <c r="K329" s="72"/>
      <c r="L329" s="72"/>
      <c r="M329" s="72"/>
      <c r="N329" s="72"/>
      <c r="O329" s="72"/>
      <c r="P329" s="72"/>
      <c r="Q329" s="202"/>
      <c r="R329" s="1068"/>
      <c r="S329" s="561"/>
      <c r="T329" s="199"/>
    </row>
    <row r="330" spans="1:57" s="570" customFormat="1" ht="75" customHeight="1" x14ac:dyDescent="0.2">
      <c r="A330" s="575"/>
      <c r="B330" s="576"/>
      <c r="C330" s="576"/>
      <c r="D330" s="576"/>
      <c r="E330" s="576"/>
      <c r="F330" s="576"/>
      <c r="G330" s="576"/>
      <c r="H330" s="576"/>
      <c r="I330" s="576"/>
      <c r="J330" s="576"/>
      <c r="K330" s="576"/>
      <c r="L330" s="577"/>
      <c r="M330" s="576"/>
      <c r="N330" s="576"/>
      <c r="O330" s="576"/>
      <c r="P330" s="576"/>
      <c r="Q330" s="578"/>
      <c r="R330" s="1028"/>
      <c r="S330" s="561"/>
      <c r="T330" s="579"/>
      <c r="U330" s="546"/>
    </row>
    <row r="331" spans="1:57" s="570" customFormat="1" ht="75" customHeight="1" thickBot="1" x14ac:dyDescent="0.25">
      <c r="A331" s="606"/>
      <c r="B331" s="607"/>
      <c r="C331" s="607"/>
      <c r="D331" s="607"/>
      <c r="E331" s="607"/>
      <c r="F331" s="607"/>
      <c r="G331" s="607"/>
      <c r="H331" s="607"/>
      <c r="I331" s="607"/>
      <c r="J331" s="607"/>
      <c r="K331" s="607"/>
      <c r="L331" s="608"/>
      <c r="M331" s="607"/>
      <c r="N331" s="607"/>
      <c r="O331" s="607"/>
      <c r="P331" s="607"/>
      <c r="Q331" s="609"/>
      <c r="R331" s="1028"/>
      <c r="S331" s="561"/>
      <c r="T331" s="579"/>
      <c r="U331" s="546"/>
    </row>
    <row r="332" spans="1:57" s="546" customFormat="1" ht="69.900000000000006" customHeight="1" thickBot="1" x14ac:dyDescent="0.25">
      <c r="A332" s="773" t="s">
        <v>368</v>
      </c>
      <c r="B332" s="774"/>
      <c r="C332" s="774"/>
      <c r="D332" s="774"/>
      <c r="E332" s="774"/>
      <c r="F332" s="774"/>
      <c r="G332" s="774"/>
      <c r="H332" s="774"/>
      <c r="I332" s="774"/>
      <c r="J332" s="774"/>
      <c r="K332" s="774"/>
      <c r="L332" s="774"/>
      <c r="M332" s="774"/>
      <c r="N332" s="774"/>
      <c r="O332" s="774"/>
      <c r="P332" s="774"/>
      <c r="Q332" s="775"/>
      <c r="R332" s="1068"/>
      <c r="S332" s="561"/>
      <c r="T332" s="595"/>
      <c r="V332" s="596"/>
      <c r="W332" s="596"/>
      <c r="X332" s="596"/>
      <c r="Y332" s="600"/>
      <c r="Z332" s="600"/>
      <c r="AA332" s="600"/>
      <c r="AB332" s="600"/>
      <c r="AC332" s="600"/>
      <c r="AD332" s="600"/>
      <c r="AE332" s="600"/>
      <c r="AF332" s="600"/>
      <c r="AG332" s="600"/>
      <c r="AH332" s="600"/>
      <c r="AI332" s="600"/>
      <c r="AJ332" s="600"/>
      <c r="AK332" s="600"/>
      <c r="AL332" s="600"/>
      <c r="AM332" s="600"/>
      <c r="AN332" s="600"/>
      <c r="AO332" s="596"/>
      <c r="AP332" s="596"/>
      <c r="AQ332" s="596"/>
      <c r="AR332" s="596"/>
      <c r="AS332" s="596"/>
      <c r="AT332" s="596"/>
      <c r="AU332" s="596"/>
      <c r="AV332" s="596"/>
      <c r="AW332" s="596"/>
      <c r="AX332" s="596"/>
      <c r="AY332" s="596"/>
      <c r="AZ332" s="596"/>
      <c r="BA332" s="596"/>
      <c r="BB332" s="596"/>
      <c r="BC332" s="596"/>
      <c r="BD332" s="596"/>
      <c r="BE332" s="596"/>
    </row>
    <row r="333" spans="1:57" s="570" customFormat="1" ht="69.900000000000006" customHeight="1" thickBot="1" x14ac:dyDescent="0.25">
      <c r="A333" s="1246" t="s">
        <v>475</v>
      </c>
      <c r="B333" s="726"/>
      <c r="C333" s="726"/>
      <c r="D333" s="726"/>
      <c r="E333" s="726"/>
      <c r="F333" s="726"/>
      <c r="G333" s="726"/>
      <c r="H333" s="726"/>
      <c r="I333" s="726"/>
      <c r="J333" s="726"/>
      <c r="K333" s="726"/>
      <c r="L333" s="1247"/>
      <c r="M333" s="726"/>
      <c r="N333" s="726"/>
      <c r="O333" s="726"/>
      <c r="P333" s="726"/>
      <c r="Q333" s="819"/>
      <c r="R333" s="1089"/>
      <c r="T333" s="600"/>
      <c r="U333" s="600"/>
      <c r="V333" s="600"/>
      <c r="W333" s="600"/>
      <c r="X333" s="600"/>
      <c r="Y333" s="600"/>
      <c r="Z333" s="600"/>
      <c r="AA333" s="600"/>
      <c r="AB333" s="600"/>
      <c r="AC333" s="600"/>
      <c r="AD333" s="600"/>
      <c r="AE333" s="600"/>
      <c r="AF333" s="600"/>
      <c r="AG333" s="600"/>
      <c r="AH333" s="600"/>
      <c r="AI333" s="600"/>
      <c r="AJ333" s="600"/>
      <c r="AK333" s="600"/>
      <c r="AL333" s="600"/>
      <c r="AM333" s="600"/>
      <c r="AN333" s="600"/>
      <c r="AO333" s="600"/>
      <c r="AP333" s="600"/>
      <c r="AQ333" s="600"/>
      <c r="AR333" s="600"/>
      <c r="AS333" s="600"/>
      <c r="AT333" s="600"/>
      <c r="AU333" s="600"/>
      <c r="AV333" s="600"/>
      <c r="AW333" s="600"/>
      <c r="AX333" s="600"/>
      <c r="AY333" s="600"/>
      <c r="AZ333" s="600"/>
      <c r="BA333" s="600"/>
      <c r="BB333" s="600"/>
      <c r="BC333" s="600"/>
      <c r="BD333" s="600"/>
      <c r="BE333" s="600"/>
    </row>
    <row r="334" spans="1:57" s="570" customFormat="1" ht="249" customHeight="1" thickTop="1" thickBot="1" x14ac:dyDescent="0.25">
      <c r="A334" s="688" t="s">
        <v>476</v>
      </c>
      <c r="B334" s="1248"/>
      <c r="C334" s="1248"/>
      <c r="D334" s="1248"/>
      <c r="E334" s="1248"/>
      <c r="F334" s="1248"/>
      <c r="G334" s="1248"/>
      <c r="H334" s="1248"/>
      <c r="I334" s="1248"/>
      <c r="J334" s="1248"/>
      <c r="K334" s="1248"/>
      <c r="L334" s="1248"/>
      <c r="M334" s="1249"/>
      <c r="N334" s="1001" t="s">
        <v>27</v>
      </c>
      <c r="O334" s="1119" t="s">
        <v>20</v>
      </c>
      <c r="P334" s="765" t="s">
        <v>21</v>
      </c>
      <c r="Q334" s="1120" t="s">
        <v>22</v>
      </c>
      <c r="R334" s="1089"/>
      <c r="T334" s="1096"/>
      <c r="U334" s="600"/>
      <c r="V334" s="600"/>
      <c r="W334" s="600"/>
      <c r="X334" s="600"/>
      <c r="Y334" s="600"/>
      <c r="Z334" s="600"/>
      <c r="AA334" s="600"/>
      <c r="AB334" s="600"/>
      <c r="AC334" s="600"/>
      <c r="AD334" s="600"/>
      <c r="AE334" s="600"/>
      <c r="AF334" s="600"/>
      <c r="AG334" s="600"/>
      <c r="AH334" s="600"/>
      <c r="AI334" s="600"/>
      <c r="AJ334" s="600"/>
      <c r="AK334" s="600"/>
      <c r="AL334" s="600"/>
      <c r="AM334" s="600"/>
      <c r="AN334" s="600"/>
      <c r="AO334" s="600"/>
      <c r="AP334" s="600"/>
      <c r="AQ334" s="600"/>
      <c r="AR334" s="600"/>
      <c r="AS334" s="600"/>
      <c r="AT334" s="600"/>
      <c r="AU334" s="600"/>
      <c r="AV334" s="600"/>
      <c r="AW334" s="600"/>
      <c r="AX334" s="600"/>
      <c r="AY334" s="600"/>
      <c r="AZ334" s="600"/>
      <c r="BA334" s="600"/>
      <c r="BB334" s="600"/>
      <c r="BC334" s="600"/>
      <c r="BD334" s="600"/>
      <c r="BE334" s="600"/>
    </row>
    <row r="335" spans="1:57" s="1007" customFormat="1" ht="69.900000000000006" customHeight="1" thickTop="1" x14ac:dyDescent="0.2">
      <c r="A335" s="790" t="s">
        <v>178</v>
      </c>
      <c r="B335" s="694"/>
      <c r="C335" s="694"/>
      <c r="D335" s="694"/>
      <c r="E335" s="694"/>
      <c r="F335" s="694"/>
      <c r="G335" s="694"/>
      <c r="H335" s="694"/>
      <c r="I335" s="694"/>
      <c r="J335" s="694"/>
      <c r="K335" s="694"/>
      <c r="L335" s="694"/>
      <c r="M335" s="694"/>
      <c r="N335" s="694"/>
      <c r="O335" s="694"/>
      <c r="P335" s="694"/>
      <c r="Q335" s="791"/>
      <c r="R335" s="1250"/>
      <c r="T335" s="1251"/>
    </row>
    <row r="336" spans="1:57" s="1007" customFormat="1" ht="69.900000000000006" customHeight="1" x14ac:dyDescent="0.2">
      <c r="A336" s="792" t="s">
        <v>189</v>
      </c>
      <c r="B336" s="793"/>
      <c r="C336" s="793"/>
      <c r="D336" s="793"/>
      <c r="E336" s="793"/>
      <c r="F336" s="793"/>
      <c r="G336" s="793"/>
      <c r="H336" s="793"/>
      <c r="I336" s="793"/>
      <c r="J336" s="793"/>
      <c r="K336" s="793"/>
      <c r="L336" s="793"/>
      <c r="M336" s="793"/>
      <c r="N336" s="793"/>
      <c r="O336" s="793"/>
      <c r="P336" s="793"/>
      <c r="Q336" s="794"/>
      <c r="R336" s="1250"/>
      <c r="T336" s="1251"/>
    </row>
    <row r="337" spans="1:57" s="1007" customFormat="1" ht="69.599999999999994" customHeight="1" x14ac:dyDescent="0.2">
      <c r="A337" s="1252" t="s">
        <v>190</v>
      </c>
      <c r="B337" s="1253"/>
      <c r="C337" s="1253"/>
      <c r="D337" s="1253"/>
      <c r="E337" s="1253"/>
      <c r="F337" s="1253"/>
      <c r="G337" s="1253"/>
      <c r="H337" s="1253"/>
      <c r="I337" s="1253"/>
      <c r="J337" s="1253"/>
      <c r="K337" s="1253"/>
      <c r="L337" s="1253"/>
      <c r="M337" s="1253"/>
      <c r="N337" s="1253"/>
      <c r="O337" s="1253"/>
      <c r="P337" s="1253"/>
      <c r="Q337" s="1254"/>
      <c r="R337" s="1250"/>
      <c r="T337" s="1255"/>
      <c r="U337" s="1255"/>
      <c r="V337" s="1255"/>
      <c r="W337" s="1255"/>
      <c r="X337" s="1255"/>
      <c r="Y337" s="1255"/>
      <c r="Z337" s="1255"/>
      <c r="AA337" s="1255"/>
      <c r="AB337" s="1255"/>
      <c r="AC337" s="1255"/>
      <c r="AD337" s="1255"/>
      <c r="AE337" s="1255"/>
      <c r="AF337" s="1255"/>
      <c r="AG337" s="1255"/>
      <c r="AH337" s="1255"/>
      <c r="AI337" s="1255"/>
      <c r="AJ337" s="1255"/>
      <c r="AK337" s="1255"/>
      <c r="AL337" s="1255"/>
      <c r="AM337" s="1255"/>
      <c r="AN337" s="1255"/>
      <c r="AO337" s="1255"/>
      <c r="AP337" s="1255"/>
      <c r="AQ337" s="1255"/>
      <c r="AR337" s="1255"/>
      <c r="AS337" s="1255"/>
      <c r="AT337" s="1255"/>
      <c r="AU337" s="1255"/>
      <c r="AV337" s="1255"/>
      <c r="AW337" s="1255"/>
      <c r="AX337" s="1255"/>
      <c r="AY337" s="1255"/>
      <c r="AZ337" s="1255"/>
      <c r="BA337" s="1255"/>
      <c r="BB337" s="1255"/>
      <c r="BC337" s="1255"/>
      <c r="BD337" s="1255"/>
      <c r="BE337" s="1255"/>
    </row>
    <row r="338" spans="1:57" s="1007" customFormat="1" ht="69.599999999999994" customHeight="1" x14ac:dyDescent="0.2">
      <c r="A338" s="335" t="s">
        <v>100</v>
      </c>
      <c r="B338" s="336"/>
      <c r="C338" s="336"/>
      <c r="D338" s="336"/>
      <c r="E338" s="336"/>
      <c r="F338" s="336"/>
      <c r="G338" s="336"/>
      <c r="H338" s="336"/>
      <c r="I338" s="336"/>
      <c r="J338" s="336"/>
      <c r="K338" s="336"/>
      <c r="L338" s="336"/>
      <c r="M338" s="336"/>
      <c r="N338" s="336"/>
      <c r="O338" s="336"/>
      <c r="P338" s="336"/>
      <c r="Q338" s="337"/>
      <c r="R338" s="1256"/>
      <c r="T338" s="1006"/>
      <c r="U338" s="1006"/>
      <c r="V338" s="1006"/>
      <c r="W338" s="1006"/>
      <c r="X338" s="1006"/>
      <c r="Y338" s="1006"/>
      <c r="Z338" s="1006"/>
      <c r="AA338" s="1006"/>
      <c r="AB338" s="1006"/>
      <c r="AC338" s="1006"/>
      <c r="AD338" s="1006"/>
      <c r="AE338" s="1006"/>
      <c r="AF338" s="1006"/>
      <c r="AG338" s="1006"/>
      <c r="AH338" s="1006"/>
      <c r="AI338" s="1006"/>
      <c r="AJ338" s="1006"/>
      <c r="AK338" s="1006"/>
      <c r="AL338" s="1006"/>
      <c r="AM338" s="1006"/>
      <c r="AN338" s="1006"/>
      <c r="AO338" s="1006"/>
      <c r="AP338" s="1006"/>
      <c r="AQ338" s="1006"/>
      <c r="AR338" s="1006"/>
      <c r="AS338" s="1006"/>
      <c r="AT338" s="1006"/>
      <c r="AU338" s="1006"/>
      <c r="AV338" s="1006"/>
      <c r="AW338" s="1006"/>
      <c r="AX338" s="1006"/>
      <c r="AY338" s="1006"/>
      <c r="AZ338" s="1006"/>
      <c r="BA338" s="1006"/>
      <c r="BB338" s="1006"/>
      <c r="BC338" s="1006"/>
      <c r="BD338" s="1006"/>
      <c r="BE338" s="1006"/>
    </row>
    <row r="339" spans="1:57" s="1007" customFormat="1" ht="69.599999999999994" customHeight="1" x14ac:dyDescent="0.2">
      <c r="A339" s="1008" t="s">
        <v>191</v>
      </c>
      <c r="B339" s="1009"/>
      <c r="C339" s="1009"/>
      <c r="D339" s="1009"/>
      <c r="E339" s="1009"/>
      <c r="F339" s="1009"/>
      <c r="G339" s="1009"/>
      <c r="H339" s="1009"/>
      <c r="I339" s="1009"/>
      <c r="J339" s="1009"/>
      <c r="K339" s="1009"/>
      <c r="L339" s="1009"/>
      <c r="M339" s="1009"/>
      <c r="N339" s="1009"/>
      <c r="O339" s="1009"/>
      <c r="P339" s="1009"/>
      <c r="Q339" s="1010"/>
      <c r="R339" s="1250"/>
      <c r="T339" s="1251"/>
    </row>
    <row r="340" spans="1:57" s="1007" customFormat="1" ht="69.599999999999994" customHeight="1" x14ac:dyDescent="0.2">
      <c r="A340" s="1252" t="s">
        <v>192</v>
      </c>
      <c r="B340" s="1253"/>
      <c r="C340" s="1253"/>
      <c r="D340" s="1253"/>
      <c r="E340" s="1253"/>
      <c r="F340" s="1253"/>
      <c r="G340" s="1253"/>
      <c r="H340" s="1253"/>
      <c r="I340" s="1253"/>
      <c r="J340" s="1253"/>
      <c r="K340" s="1253"/>
      <c r="L340" s="1253"/>
      <c r="M340" s="1253"/>
      <c r="N340" s="1253"/>
      <c r="O340" s="1253"/>
      <c r="P340" s="1253"/>
      <c r="Q340" s="1254"/>
      <c r="R340" s="1250"/>
      <c r="T340" s="1255"/>
      <c r="U340" s="1255"/>
      <c r="V340" s="1255"/>
      <c r="W340" s="1255"/>
      <c r="X340" s="1255"/>
      <c r="Y340" s="1255"/>
      <c r="Z340" s="1255"/>
      <c r="AA340" s="1255"/>
      <c r="AB340" s="1255"/>
      <c r="AC340" s="1255"/>
      <c r="AD340" s="1255"/>
      <c r="AE340" s="1255"/>
      <c r="AF340" s="1255"/>
      <c r="AG340" s="1255"/>
      <c r="AH340" s="1255"/>
      <c r="AI340" s="1255"/>
      <c r="AJ340" s="1255"/>
      <c r="AK340" s="1255"/>
      <c r="AL340" s="1255"/>
      <c r="AM340" s="1255"/>
      <c r="AN340" s="1255"/>
      <c r="AO340" s="1255"/>
      <c r="AP340" s="1255"/>
      <c r="AQ340" s="1255"/>
      <c r="AR340" s="1255"/>
      <c r="AS340" s="1255"/>
      <c r="AT340" s="1255"/>
      <c r="AU340" s="1255"/>
      <c r="AV340" s="1255"/>
      <c r="AW340" s="1255"/>
      <c r="AX340" s="1255"/>
      <c r="AY340" s="1255"/>
      <c r="AZ340" s="1255"/>
      <c r="BA340" s="1255"/>
      <c r="BB340" s="1255"/>
      <c r="BC340" s="1255"/>
      <c r="BD340" s="1255"/>
      <c r="BE340" s="1255"/>
    </row>
    <row r="341" spans="1:57" s="1007" customFormat="1" ht="69.599999999999994" customHeight="1" x14ac:dyDescent="0.2">
      <c r="A341" s="335" t="s">
        <v>100</v>
      </c>
      <c r="B341" s="336"/>
      <c r="C341" s="336"/>
      <c r="D341" s="336"/>
      <c r="E341" s="336"/>
      <c r="F341" s="336"/>
      <c r="G341" s="336"/>
      <c r="H341" s="336"/>
      <c r="I341" s="336"/>
      <c r="J341" s="336"/>
      <c r="K341" s="336"/>
      <c r="L341" s="336"/>
      <c r="M341" s="336"/>
      <c r="N341" s="336"/>
      <c r="O341" s="336"/>
      <c r="P341" s="336"/>
      <c r="Q341" s="337"/>
      <c r="R341" s="1256"/>
      <c r="T341" s="1006"/>
      <c r="U341" s="1006"/>
      <c r="V341" s="1006"/>
      <c r="W341" s="1006"/>
      <c r="X341" s="1006"/>
      <c r="Y341" s="1006"/>
      <c r="Z341" s="1006"/>
      <c r="AA341" s="1006"/>
      <c r="AB341" s="1006"/>
      <c r="AC341" s="1006"/>
      <c r="AD341" s="1006"/>
      <c r="AE341" s="1006"/>
      <c r="AF341" s="1006"/>
      <c r="AG341" s="1006"/>
      <c r="AH341" s="1006"/>
      <c r="AI341" s="1006"/>
      <c r="AJ341" s="1006"/>
      <c r="AK341" s="1006"/>
      <c r="AL341" s="1006"/>
      <c r="AM341" s="1006"/>
      <c r="AN341" s="1006"/>
      <c r="AO341" s="1006"/>
      <c r="AP341" s="1006"/>
      <c r="AQ341" s="1006"/>
      <c r="AR341" s="1006"/>
      <c r="AS341" s="1006"/>
      <c r="AT341" s="1006"/>
      <c r="AU341" s="1006"/>
      <c r="AV341" s="1006"/>
      <c r="AW341" s="1006"/>
      <c r="AX341" s="1006"/>
      <c r="AY341" s="1006"/>
      <c r="AZ341" s="1006"/>
      <c r="BA341" s="1006"/>
      <c r="BB341" s="1006"/>
      <c r="BC341" s="1006"/>
      <c r="BD341" s="1006"/>
      <c r="BE341" s="1006"/>
    </row>
    <row r="342" spans="1:57" s="1260" customFormat="1" ht="69.900000000000006" customHeight="1" x14ac:dyDescent="0.2">
      <c r="A342" s="70" t="s">
        <v>28</v>
      </c>
      <c r="B342" s="72"/>
      <c r="C342" s="72"/>
      <c r="D342" s="72"/>
      <c r="E342" s="72"/>
      <c r="F342" s="72"/>
      <c r="G342" s="72"/>
      <c r="H342" s="72"/>
      <c r="I342" s="72"/>
      <c r="J342" s="72"/>
      <c r="K342" s="72"/>
      <c r="L342" s="72"/>
      <c r="M342" s="72"/>
      <c r="N342" s="72"/>
      <c r="O342" s="72"/>
      <c r="P342" s="72"/>
      <c r="Q342" s="202"/>
      <c r="R342" s="1257"/>
      <c r="S342" s="1258"/>
      <c r="T342" s="1259"/>
    </row>
    <row r="343" spans="1:57" s="1258" customFormat="1" ht="75" customHeight="1" x14ac:dyDescent="0.2">
      <c r="A343" s="1111"/>
      <c r="B343" s="1112"/>
      <c r="C343" s="1112"/>
      <c r="D343" s="1112"/>
      <c r="E343" s="1112"/>
      <c r="F343" s="1112"/>
      <c r="G343" s="1112"/>
      <c r="H343" s="1112"/>
      <c r="I343" s="1112"/>
      <c r="J343" s="1112"/>
      <c r="K343" s="1112"/>
      <c r="L343" s="1113"/>
      <c r="M343" s="1112"/>
      <c r="N343" s="1112"/>
      <c r="O343" s="1112"/>
      <c r="P343" s="1112"/>
      <c r="Q343" s="1114"/>
      <c r="R343" s="1261"/>
      <c r="T343" s="1262"/>
    </row>
    <row r="344" spans="1:57" s="1258" customFormat="1" ht="75" customHeight="1" thickBot="1" x14ac:dyDescent="0.25">
      <c r="A344" s="1115"/>
      <c r="B344" s="1116"/>
      <c r="C344" s="1116"/>
      <c r="D344" s="1116"/>
      <c r="E344" s="1116"/>
      <c r="F344" s="1116"/>
      <c r="G344" s="1116"/>
      <c r="H344" s="1116"/>
      <c r="I344" s="1116"/>
      <c r="J344" s="1116"/>
      <c r="K344" s="1116"/>
      <c r="L344" s="1117"/>
      <c r="M344" s="1116"/>
      <c r="N344" s="1116"/>
      <c r="O344" s="1116"/>
      <c r="P344" s="1116"/>
      <c r="Q344" s="1118"/>
      <c r="R344" s="1261"/>
      <c r="T344" s="1262"/>
    </row>
    <row r="345" spans="1:57" s="546" customFormat="1" ht="69.900000000000006" customHeight="1" thickBot="1" x14ac:dyDescent="0.25">
      <c r="A345" s="996" t="s">
        <v>477</v>
      </c>
      <c r="B345" s="586"/>
      <c r="C345" s="586"/>
      <c r="D345" s="586"/>
      <c r="E345" s="586"/>
      <c r="F345" s="586"/>
      <c r="G345" s="586"/>
      <c r="H345" s="586"/>
      <c r="I345" s="586"/>
      <c r="J345" s="586"/>
      <c r="K345" s="586"/>
      <c r="L345" s="586"/>
      <c r="M345" s="586"/>
      <c r="N345" s="586"/>
      <c r="O345" s="586"/>
      <c r="P345" s="586"/>
      <c r="Q345" s="997"/>
      <c r="R345" s="1028"/>
      <c r="S345" s="561"/>
      <c r="T345" s="1105" t="s">
        <v>478</v>
      </c>
      <c r="U345" s="596"/>
      <c r="V345" s="596"/>
      <c r="W345" s="596"/>
      <c r="X345" s="596"/>
      <c r="Y345" s="600"/>
      <c r="Z345" s="600"/>
      <c r="AA345" s="600"/>
      <c r="AB345" s="600"/>
      <c r="AC345" s="600"/>
      <c r="AD345" s="600"/>
      <c r="AE345" s="600"/>
      <c r="AF345" s="600"/>
      <c r="AG345" s="600"/>
      <c r="AH345" s="600"/>
      <c r="AI345" s="600"/>
      <c r="AJ345" s="600"/>
      <c r="AK345" s="600"/>
      <c r="AL345" s="600"/>
      <c r="AM345" s="600"/>
      <c r="AN345" s="600"/>
      <c r="AO345" s="596"/>
      <c r="AP345" s="596"/>
      <c r="AQ345" s="596"/>
      <c r="AR345" s="596"/>
      <c r="AS345" s="596"/>
      <c r="AT345" s="596"/>
      <c r="AU345" s="596"/>
      <c r="AV345" s="596"/>
      <c r="AW345" s="596"/>
      <c r="AX345" s="596"/>
      <c r="AY345" s="596"/>
      <c r="AZ345" s="596"/>
      <c r="BA345" s="596"/>
      <c r="BB345" s="596"/>
      <c r="BC345" s="596"/>
      <c r="BD345" s="596"/>
      <c r="BE345" s="596"/>
    </row>
    <row r="346" spans="1:57" s="570" customFormat="1" ht="189.75" customHeight="1" thickTop="1" thickBot="1" x14ac:dyDescent="0.25">
      <c r="A346" s="1167" t="s">
        <v>372</v>
      </c>
      <c r="B346" s="1263"/>
      <c r="C346" s="1263"/>
      <c r="D346" s="1263"/>
      <c r="E346" s="1263"/>
      <c r="F346" s="1263"/>
      <c r="G346" s="1263"/>
      <c r="H346" s="1263"/>
      <c r="I346" s="1263"/>
      <c r="J346" s="1263"/>
      <c r="K346" s="1263"/>
      <c r="L346" s="1263"/>
      <c r="M346" s="1263"/>
      <c r="N346" s="1263"/>
      <c r="O346" s="1264"/>
      <c r="P346" s="347" t="s">
        <v>20</v>
      </c>
      <c r="Q346" s="349" t="s">
        <v>22</v>
      </c>
      <c r="R346" s="1028"/>
      <c r="S346" s="561"/>
      <c r="T346" s="569"/>
      <c r="U346" s="540"/>
      <c r="V346" s="600"/>
      <c r="W346" s="600"/>
      <c r="X346" s="600"/>
      <c r="Y346" s="596"/>
      <c r="Z346" s="596"/>
      <c r="AA346" s="596"/>
      <c r="AB346" s="596"/>
      <c r="AC346" s="596"/>
      <c r="AD346" s="596"/>
      <c r="AE346" s="596"/>
      <c r="AF346" s="596"/>
      <c r="AG346" s="596"/>
      <c r="AH346" s="596"/>
      <c r="AI346" s="596"/>
      <c r="AJ346" s="596"/>
      <c r="AK346" s="596"/>
      <c r="AL346" s="596"/>
      <c r="AM346" s="596"/>
      <c r="AN346" s="596"/>
      <c r="AO346" s="600"/>
      <c r="AP346" s="600"/>
      <c r="AQ346" s="600"/>
      <c r="AR346" s="600"/>
      <c r="AS346" s="600"/>
      <c r="AT346" s="600"/>
      <c r="AU346" s="600"/>
      <c r="AV346" s="600"/>
      <c r="AW346" s="600"/>
      <c r="AX346" s="600"/>
      <c r="AY346" s="600"/>
      <c r="AZ346" s="600"/>
      <c r="BA346" s="600"/>
      <c r="BB346" s="600"/>
      <c r="BC346" s="600"/>
      <c r="BD346" s="600"/>
      <c r="BE346" s="600"/>
    </row>
    <row r="347" spans="1:57" s="57" customFormat="1" ht="162.75" customHeight="1" thickTop="1" thickBot="1" x14ac:dyDescent="0.25">
      <c r="A347" s="119" t="s">
        <v>195</v>
      </c>
      <c r="B347" s="93"/>
      <c r="C347" s="93"/>
      <c r="D347" s="93"/>
      <c r="E347" s="93"/>
      <c r="F347" s="93"/>
      <c r="G347" s="93"/>
      <c r="H347" s="93"/>
      <c r="I347" s="93"/>
      <c r="J347" s="93"/>
      <c r="K347" s="93"/>
      <c r="L347" s="93"/>
      <c r="M347" s="93"/>
      <c r="N347" s="93"/>
      <c r="O347" s="144" t="s">
        <v>479</v>
      </c>
      <c r="P347" s="145" t="s">
        <v>24</v>
      </c>
      <c r="Q347" s="276" t="s">
        <v>22</v>
      </c>
      <c r="R347" s="772"/>
      <c r="S347" s="739"/>
      <c r="T347" s="569"/>
      <c r="U347" s="106"/>
      <c r="V347" s="106"/>
      <c r="W347" s="98"/>
      <c r="X347" s="98"/>
      <c r="Y347" s="98"/>
      <c r="Z347" s="98"/>
      <c r="AA347" s="98"/>
      <c r="AB347" s="98"/>
      <c r="AC347" s="98"/>
      <c r="AD347" s="98"/>
      <c r="AE347" s="98"/>
      <c r="AF347" s="98"/>
      <c r="AG347" s="98"/>
      <c r="AH347" s="98"/>
      <c r="AI347" s="98"/>
      <c r="AJ347" s="98"/>
      <c r="AK347" s="98"/>
      <c r="AL347" s="98"/>
      <c r="AM347" s="106"/>
      <c r="AN347" s="106"/>
      <c r="AO347" s="106"/>
      <c r="AP347" s="106"/>
      <c r="AQ347" s="106"/>
      <c r="AR347" s="106"/>
      <c r="AS347" s="106"/>
      <c r="AT347" s="106"/>
      <c r="AU347" s="106"/>
      <c r="AV347" s="106"/>
      <c r="AW347" s="106"/>
      <c r="AX347" s="106"/>
      <c r="AY347" s="106"/>
      <c r="AZ347" s="106"/>
      <c r="BA347" s="106"/>
      <c r="BB347" s="106"/>
      <c r="BC347" s="106"/>
    </row>
    <row r="348" spans="1:57" s="570" customFormat="1" ht="132" customHeight="1" thickTop="1" thickBot="1" x14ac:dyDescent="0.25">
      <c r="A348" s="589" t="s">
        <v>480</v>
      </c>
      <c r="B348" s="591"/>
      <c r="C348" s="591"/>
      <c r="D348" s="591"/>
      <c r="E348" s="591"/>
      <c r="F348" s="591"/>
      <c r="G348" s="591"/>
      <c r="H348" s="591"/>
      <c r="I348" s="591"/>
      <c r="J348" s="591"/>
      <c r="K348" s="591"/>
      <c r="L348" s="591"/>
      <c r="M348" s="591"/>
      <c r="N348" s="1085"/>
      <c r="O348" s="467" t="s">
        <v>24</v>
      </c>
      <c r="P348" s="467" t="s">
        <v>25</v>
      </c>
      <c r="Q348" s="276" t="s">
        <v>22</v>
      </c>
      <c r="R348" s="1028"/>
      <c r="S348" s="561"/>
      <c r="T348" s="569"/>
      <c r="U348" s="596"/>
      <c r="V348" s="600"/>
      <c r="W348" s="600"/>
      <c r="X348" s="600"/>
      <c r="Y348" s="600"/>
      <c r="Z348" s="600"/>
      <c r="AA348" s="600"/>
      <c r="AB348" s="600"/>
      <c r="AC348" s="600"/>
      <c r="AD348" s="600"/>
      <c r="AE348" s="600"/>
      <c r="AF348" s="600"/>
      <c r="AG348" s="600"/>
      <c r="AH348" s="600"/>
      <c r="AI348" s="600"/>
      <c r="AJ348" s="600"/>
      <c r="AK348" s="600"/>
      <c r="AL348" s="600"/>
      <c r="AM348" s="600"/>
      <c r="AN348" s="600"/>
      <c r="AO348" s="600"/>
      <c r="AP348" s="600"/>
      <c r="AQ348" s="600"/>
      <c r="AR348" s="600"/>
      <c r="AS348" s="600"/>
      <c r="AT348" s="600"/>
      <c r="AU348" s="600"/>
      <c r="AV348" s="600"/>
      <c r="AW348" s="600"/>
      <c r="AX348" s="600"/>
      <c r="AY348" s="600"/>
      <c r="AZ348" s="600"/>
      <c r="BA348" s="600"/>
      <c r="BB348" s="600"/>
      <c r="BC348" s="600"/>
      <c r="BD348" s="600"/>
      <c r="BE348" s="600"/>
    </row>
    <row r="349" spans="1:57" s="570" customFormat="1" ht="132" customHeight="1" thickTop="1" thickBot="1" x14ac:dyDescent="0.25">
      <c r="A349" s="592" t="s">
        <v>481</v>
      </c>
      <c r="B349" s="435"/>
      <c r="C349" s="435"/>
      <c r="D349" s="435"/>
      <c r="E349" s="435"/>
      <c r="F349" s="435"/>
      <c r="G349" s="435"/>
      <c r="H349" s="435"/>
      <c r="I349" s="435"/>
      <c r="J349" s="435"/>
      <c r="K349" s="435"/>
      <c r="L349" s="435"/>
      <c r="M349" s="435"/>
      <c r="N349" s="1265"/>
      <c r="O349" s="145" t="s">
        <v>20</v>
      </c>
      <c r="P349" s="145" t="s">
        <v>21</v>
      </c>
      <c r="Q349" s="146" t="s">
        <v>22</v>
      </c>
      <c r="R349" s="1028"/>
      <c r="S349" s="561"/>
      <c r="T349" s="569"/>
      <c r="U349" s="596"/>
      <c r="V349" s="600"/>
      <c r="W349" s="600"/>
      <c r="X349" s="600"/>
      <c r="Y349" s="600"/>
      <c r="Z349" s="600"/>
      <c r="AA349" s="600"/>
      <c r="AB349" s="600"/>
      <c r="AC349" s="600"/>
      <c r="AD349" s="600"/>
      <c r="AE349" s="600"/>
      <c r="AF349" s="600"/>
      <c r="AG349" s="600"/>
      <c r="AH349" s="600"/>
      <c r="AI349" s="600"/>
      <c r="AJ349" s="600"/>
      <c r="AK349" s="600"/>
      <c r="AL349" s="600"/>
      <c r="AM349" s="600"/>
      <c r="AN349" s="600"/>
      <c r="AO349" s="600"/>
      <c r="AP349" s="600"/>
      <c r="AQ349" s="600"/>
      <c r="AR349" s="600"/>
      <c r="AS349" s="600"/>
      <c r="AT349" s="600"/>
      <c r="AU349" s="600"/>
      <c r="AV349" s="600"/>
      <c r="AW349" s="600"/>
      <c r="AX349" s="600"/>
      <c r="AY349" s="600"/>
      <c r="AZ349" s="600"/>
      <c r="BA349" s="600"/>
      <c r="BB349" s="600"/>
      <c r="BC349" s="600"/>
      <c r="BD349" s="600"/>
      <c r="BE349" s="600"/>
    </row>
    <row r="350" spans="1:57" s="546" customFormat="1" ht="69.900000000000006" customHeight="1" thickTop="1" x14ac:dyDescent="0.2">
      <c r="A350" s="70" t="s">
        <v>28</v>
      </c>
      <c r="B350" s="72"/>
      <c r="C350" s="72"/>
      <c r="D350" s="72"/>
      <c r="E350" s="72"/>
      <c r="F350" s="72"/>
      <c r="G350" s="72"/>
      <c r="H350" s="72"/>
      <c r="I350" s="72"/>
      <c r="J350" s="72"/>
      <c r="K350" s="72"/>
      <c r="L350" s="72"/>
      <c r="M350" s="72"/>
      <c r="N350" s="72"/>
      <c r="O350" s="72"/>
      <c r="P350" s="72"/>
      <c r="Q350" s="202"/>
      <c r="R350" s="1068"/>
      <c r="S350" s="561"/>
      <c r="T350" s="199"/>
    </row>
    <row r="351" spans="1:57" s="570" customFormat="1" ht="75" customHeight="1" x14ac:dyDescent="0.2">
      <c r="A351" s="575"/>
      <c r="B351" s="576"/>
      <c r="C351" s="576"/>
      <c r="D351" s="576"/>
      <c r="E351" s="576"/>
      <c r="F351" s="576"/>
      <c r="G351" s="576"/>
      <c r="H351" s="576"/>
      <c r="I351" s="576"/>
      <c r="J351" s="576"/>
      <c r="K351" s="576"/>
      <c r="L351" s="577"/>
      <c r="M351" s="576"/>
      <c r="N351" s="576"/>
      <c r="O351" s="576"/>
      <c r="P351" s="576"/>
      <c r="Q351" s="578"/>
      <c r="R351" s="1028"/>
      <c r="S351" s="561"/>
      <c r="T351" s="579"/>
      <c r="U351" s="546"/>
    </row>
    <row r="352" spans="1:57" s="570" customFormat="1" ht="75" customHeight="1" thickBot="1" x14ac:dyDescent="0.25">
      <c r="A352" s="606"/>
      <c r="B352" s="607"/>
      <c r="C352" s="607"/>
      <c r="D352" s="607"/>
      <c r="E352" s="607"/>
      <c r="F352" s="607"/>
      <c r="G352" s="607"/>
      <c r="H352" s="607"/>
      <c r="I352" s="607"/>
      <c r="J352" s="607"/>
      <c r="K352" s="607"/>
      <c r="L352" s="608"/>
      <c r="M352" s="607"/>
      <c r="N352" s="607"/>
      <c r="O352" s="607"/>
      <c r="P352" s="607"/>
      <c r="Q352" s="609"/>
      <c r="R352" s="1028"/>
      <c r="S352" s="561"/>
      <c r="T352" s="579"/>
      <c r="U352" s="546"/>
    </row>
    <row r="353" spans="1:57" s="546" customFormat="1" ht="69.75" customHeight="1" thickBot="1" x14ac:dyDescent="0.25">
      <c r="A353" s="584" t="s">
        <v>482</v>
      </c>
      <c r="B353" s="593"/>
      <c r="C353" s="593"/>
      <c r="D353" s="593"/>
      <c r="E353" s="593"/>
      <c r="F353" s="593"/>
      <c r="G353" s="593"/>
      <c r="H353" s="593"/>
      <c r="I353" s="593"/>
      <c r="J353" s="593"/>
      <c r="K353" s="593"/>
      <c r="L353" s="586"/>
      <c r="M353" s="593"/>
      <c r="N353" s="593"/>
      <c r="O353" s="593"/>
      <c r="P353" s="593"/>
      <c r="Q353" s="594"/>
      <c r="R353" s="1028"/>
      <c r="S353" s="561"/>
      <c r="T353" s="595"/>
      <c r="U353" s="596"/>
      <c r="V353" s="596"/>
      <c r="W353" s="596"/>
      <c r="X353" s="596"/>
      <c r="Y353" s="600"/>
      <c r="Z353" s="600"/>
      <c r="AA353" s="600"/>
      <c r="AB353" s="600"/>
      <c r="AC353" s="600"/>
      <c r="AD353" s="600"/>
      <c r="AE353" s="600"/>
      <c r="AF353" s="600"/>
      <c r="AG353" s="600"/>
      <c r="AH353" s="600"/>
      <c r="AI353" s="600"/>
      <c r="AJ353" s="600"/>
      <c r="AK353" s="600"/>
      <c r="AL353" s="600"/>
      <c r="AM353" s="600"/>
      <c r="AN353" s="600"/>
      <c r="AO353" s="596"/>
      <c r="AP353" s="596"/>
      <c r="AQ353" s="596"/>
      <c r="AR353" s="596"/>
      <c r="AS353" s="596"/>
      <c r="AT353" s="596"/>
      <c r="AU353" s="596"/>
      <c r="AV353" s="596"/>
      <c r="AW353" s="596"/>
      <c r="AX353" s="596"/>
      <c r="AY353" s="596"/>
      <c r="AZ353" s="596"/>
      <c r="BA353" s="596"/>
      <c r="BB353" s="596"/>
      <c r="BC353" s="596"/>
      <c r="BD353" s="596"/>
      <c r="BE353" s="596"/>
    </row>
    <row r="354" spans="1:57" s="546" customFormat="1" ht="141.75" customHeight="1" thickBot="1" x14ac:dyDescent="0.25">
      <c r="A354" s="1013" t="s">
        <v>199</v>
      </c>
      <c r="B354" s="1014"/>
      <c r="C354" s="1014"/>
      <c r="D354" s="1014"/>
      <c r="E354" s="1014"/>
      <c r="F354" s="1014"/>
      <c r="G354" s="1014"/>
      <c r="H354" s="1014"/>
      <c r="I354" s="1014"/>
      <c r="J354" s="1014"/>
      <c r="K354" s="1014"/>
      <c r="L354" s="1014"/>
      <c r="M354" s="1014"/>
      <c r="N354" s="1014"/>
      <c r="O354" s="1014"/>
      <c r="P354" s="1014"/>
      <c r="Q354" s="1015"/>
      <c r="R354" s="1028"/>
      <c r="S354" s="561"/>
      <c r="T354" s="595"/>
      <c r="U354" s="596"/>
      <c r="V354" s="596"/>
      <c r="W354" s="596"/>
      <c r="X354" s="596"/>
      <c r="Y354" s="596"/>
      <c r="Z354" s="596"/>
      <c r="AA354" s="596"/>
      <c r="AB354" s="596"/>
      <c r="AC354" s="596"/>
      <c r="AD354" s="596"/>
      <c r="AE354" s="596"/>
      <c r="AF354" s="596"/>
      <c r="AG354" s="596"/>
      <c r="AH354" s="596"/>
      <c r="AI354" s="596"/>
      <c r="AJ354" s="596"/>
      <c r="AK354" s="596"/>
      <c r="AL354" s="596"/>
      <c r="AM354" s="596"/>
      <c r="AN354" s="596"/>
      <c r="AO354" s="596"/>
      <c r="AP354" s="596"/>
      <c r="AQ354" s="596"/>
      <c r="AR354" s="596"/>
      <c r="AS354" s="596"/>
      <c r="AT354" s="596"/>
      <c r="AU354" s="596"/>
      <c r="AV354" s="596"/>
      <c r="AW354" s="596"/>
      <c r="AX354" s="596"/>
      <c r="AY354" s="596"/>
      <c r="AZ354" s="596"/>
      <c r="BA354" s="596"/>
      <c r="BB354" s="596"/>
      <c r="BC354" s="596"/>
      <c r="BD354" s="596"/>
      <c r="BE354" s="596"/>
    </row>
    <row r="355" spans="1:57" s="570" customFormat="1" ht="199.95" customHeight="1" thickTop="1" thickBot="1" x14ac:dyDescent="0.25">
      <c r="A355" s="1266" t="s">
        <v>483</v>
      </c>
      <c r="B355" s="1017"/>
      <c r="C355" s="1017"/>
      <c r="D355" s="1017"/>
      <c r="E355" s="1017"/>
      <c r="F355" s="1017"/>
      <c r="G355" s="1017"/>
      <c r="H355" s="1017"/>
      <c r="I355" s="1017"/>
      <c r="J355" s="1017"/>
      <c r="K355" s="1017"/>
      <c r="L355" s="1017"/>
      <c r="M355" s="1017"/>
      <c r="N355" s="1267" t="s">
        <v>27</v>
      </c>
      <c r="O355" s="1196" t="s">
        <v>455</v>
      </c>
      <c r="P355" s="1268" t="s">
        <v>21</v>
      </c>
      <c r="Q355" s="1197" t="s">
        <v>22</v>
      </c>
      <c r="R355" s="1028"/>
      <c r="S355" s="561"/>
      <c r="T355" s="569"/>
      <c r="U355" s="596"/>
      <c r="V355" s="600"/>
      <c r="W355" s="600"/>
      <c r="X355" s="600"/>
      <c r="Y355" s="600"/>
      <c r="Z355" s="600"/>
      <c r="AA355" s="600"/>
      <c r="AB355" s="600"/>
      <c r="AC355" s="600"/>
      <c r="AD355" s="600"/>
      <c r="AE355" s="600"/>
      <c r="AF355" s="600"/>
      <c r="AG355" s="600"/>
      <c r="AH355" s="600"/>
      <c r="AI355" s="600"/>
      <c r="AJ355" s="600"/>
      <c r="AK355" s="600"/>
      <c r="AL355" s="600"/>
      <c r="AM355" s="600"/>
      <c r="AN355" s="600"/>
      <c r="AO355" s="600"/>
      <c r="AP355" s="600"/>
      <c r="AQ355" s="600"/>
      <c r="AR355" s="600"/>
      <c r="AS355" s="600"/>
      <c r="AT355" s="600"/>
      <c r="AU355" s="600"/>
      <c r="AV355" s="600"/>
      <c r="AW355" s="600"/>
      <c r="AX355" s="600"/>
      <c r="AY355" s="600"/>
      <c r="AZ355" s="600"/>
      <c r="BA355" s="600"/>
      <c r="BB355" s="600"/>
      <c r="BC355" s="600"/>
      <c r="BD355" s="600"/>
      <c r="BE355" s="600"/>
    </row>
    <row r="356" spans="1:57" s="570" customFormat="1" ht="201" customHeight="1" thickTop="1" thickBot="1" x14ac:dyDescent="0.25">
      <c r="A356" s="1020" t="s">
        <v>484</v>
      </c>
      <c r="B356" s="618"/>
      <c r="C356" s="618"/>
      <c r="D356" s="618"/>
      <c r="E356" s="618"/>
      <c r="F356" s="618"/>
      <c r="G356" s="618"/>
      <c r="H356" s="618"/>
      <c r="I356" s="618"/>
      <c r="J356" s="618"/>
      <c r="K356" s="618"/>
      <c r="L356" s="618"/>
      <c r="M356" s="618"/>
      <c r="N356" s="1267" t="s">
        <v>27</v>
      </c>
      <c r="O356" s="1196" t="s">
        <v>455</v>
      </c>
      <c r="P356" s="67" t="s">
        <v>21</v>
      </c>
      <c r="Q356" s="1197" t="s">
        <v>22</v>
      </c>
      <c r="R356" s="1028"/>
      <c r="S356" s="561"/>
      <c r="T356" s="569"/>
      <c r="U356" s="540"/>
      <c r="V356" s="600"/>
      <c r="W356" s="600"/>
      <c r="X356" s="600"/>
      <c r="Y356" s="596"/>
      <c r="Z356" s="596"/>
      <c r="AA356" s="596"/>
      <c r="AB356" s="596"/>
      <c r="AC356" s="596"/>
      <c r="AD356" s="596"/>
      <c r="AE356" s="596"/>
      <c r="AF356" s="596"/>
      <c r="AG356" s="596"/>
      <c r="AH356" s="596"/>
      <c r="AI356" s="596"/>
      <c r="AJ356" s="596"/>
      <c r="AK356" s="596"/>
      <c r="AL356" s="596"/>
      <c r="AM356" s="596"/>
      <c r="AN356" s="596"/>
      <c r="AO356" s="600"/>
      <c r="AP356" s="600"/>
      <c r="AQ356" s="600"/>
      <c r="AR356" s="600"/>
      <c r="AS356" s="600"/>
      <c r="AT356" s="600"/>
      <c r="AU356" s="600"/>
      <c r="AV356" s="600"/>
      <c r="AW356" s="600"/>
      <c r="AX356" s="600"/>
      <c r="AY356" s="600"/>
      <c r="AZ356" s="600"/>
      <c r="BA356" s="600"/>
      <c r="BB356" s="600"/>
      <c r="BC356" s="600"/>
      <c r="BD356" s="600"/>
      <c r="BE356" s="600"/>
    </row>
    <row r="357" spans="1:57" s="570" customFormat="1" ht="132" customHeight="1" thickTop="1" thickBot="1" x14ac:dyDescent="0.25">
      <c r="A357" s="1020" t="s">
        <v>485</v>
      </c>
      <c r="B357" s="618"/>
      <c r="C357" s="618"/>
      <c r="D357" s="618"/>
      <c r="E357" s="618"/>
      <c r="F357" s="618"/>
      <c r="G357" s="618"/>
      <c r="H357" s="618"/>
      <c r="I357" s="618"/>
      <c r="J357" s="618"/>
      <c r="K357" s="618"/>
      <c r="L357" s="618"/>
      <c r="M357" s="618"/>
      <c r="N357" s="1267" t="s">
        <v>27</v>
      </c>
      <c r="O357" s="1269" t="s">
        <v>455</v>
      </c>
      <c r="P357" s="351" t="s">
        <v>21</v>
      </c>
      <c r="Q357" s="1270" t="s">
        <v>22</v>
      </c>
      <c r="R357" s="1028"/>
      <c r="S357" s="561"/>
      <c r="T357" s="569"/>
      <c r="U357" s="596"/>
      <c r="V357" s="600"/>
      <c r="W357" s="600"/>
      <c r="X357" s="600"/>
      <c r="Y357" s="596"/>
      <c r="Z357" s="596"/>
      <c r="AA357" s="596"/>
      <c r="AB357" s="596"/>
      <c r="AC357" s="596"/>
      <c r="AD357" s="596"/>
      <c r="AE357" s="596"/>
      <c r="AF357" s="596"/>
      <c r="AG357" s="596"/>
      <c r="AH357" s="596"/>
      <c r="AI357" s="596"/>
      <c r="AJ357" s="596"/>
      <c r="AK357" s="596"/>
      <c r="AL357" s="596"/>
      <c r="AM357" s="596"/>
      <c r="AN357" s="596"/>
      <c r="AO357" s="600"/>
      <c r="AP357" s="600"/>
      <c r="AQ357" s="600"/>
      <c r="AR357" s="600"/>
      <c r="AS357" s="600"/>
      <c r="AT357" s="600"/>
      <c r="AU357" s="600"/>
      <c r="AV357" s="600"/>
      <c r="AW357" s="600"/>
      <c r="AX357" s="600"/>
      <c r="AY357" s="600"/>
      <c r="AZ357" s="600"/>
      <c r="BA357" s="600"/>
      <c r="BB357" s="600"/>
      <c r="BC357" s="600"/>
      <c r="BD357" s="600"/>
      <c r="BE357" s="600"/>
    </row>
    <row r="358" spans="1:57" s="570" customFormat="1" ht="132" customHeight="1" thickTop="1" thickBot="1" x14ac:dyDescent="0.25">
      <c r="A358" s="1024" t="s">
        <v>486</v>
      </c>
      <c r="B358" s="1025"/>
      <c r="C358" s="1025"/>
      <c r="D358" s="1025"/>
      <c r="E358" s="1025"/>
      <c r="F358" s="1025"/>
      <c r="G358" s="1025"/>
      <c r="H358" s="1025"/>
      <c r="I358" s="1025"/>
      <c r="J358" s="1025"/>
      <c r="K358" s="1025"/>
      <c r="L358" s="1025"/>
      <c r="M358" s="1025"/>
      <c r="N358" s="1267" t="s">
        <v>27</v>
      </c>
      <c r="O358" s="1196" t="s">
        <v>455</v>
      </c>
      <c r="P358" s="67" t="s">
        <v>21</v>
      </c>
      <c r="Q358" s="1197" t="s">
        <v>22</v>
      </c>
      <c r="R358" s="1028"/>
      <c r="S358" s="561"/>
      <c r="T358" s="569"/>
      <c r="U358" s="596"/>
      <c r="V358" s="600"/>
      <c r="W358" s="600"/>
      <c r="X358" s="600"/>
      <c r="Y358" s="546"/>
      <c r="Z358" s="546"/>
      <c r="AA358" s="546"/>
      <c r="AB358" s="546"/>
      <c r="AC358" s="546"/>
      <c r="AD358" s="546"/>
      <c r="AE358" s="546"/>
      <c r="AF358" s="546"/>
      <c r="AG358" s="546"/>
      <c r="AH358" s="546"/>
      <c r="AI358" s="546"/>
      <c r="AJ358" s="546"/>
      <c r="AK358" s="546"/>
      <c r="AL358" s="546"/>
      <c r="AM358" s="546"/>
      <c r="AN358" s="546"/>
      <c r="AO358" s="600"/>
      <c r="AP358" s="600"/>
      <c r="AQ358" s="600"/>
      <c r="AR358" s="600"/>
      <c r="AS358" s="600"/>
      <c r="AT358" s="600"/>
      <c r="AU358" s="600"/>
      <c r="AV358" s="600"/>
      <c r="AW358" s="600"/>
      <c r="AX358" s="600"/>
      <c r="AY358" s="600"/>
      <c r="AZ358" s="600"/>
      <c r="BA358" s="600"/>
      <c r="BB358" s="600"/>
      <c r="BC358" s="600"/>
      <c r="BD358" s="600"/>
      <c r="BE358" s="600"/>
    </row>
    <row r="359" spans="1:57" s="546" customFormat="1" ht="69.900000000000006" customHeight="1" thickTop="1" x14ac:dyDescent="0.2">
      <c r="A359" s="70" t="s">
        <v>28</v>
      </c>
      <c r="B359" s="72"/>
      <c r="C359" s="72"/>
      <c r="D359" s="72"/>
      <c r="E359" s="72"/>
      <c r="F359" s="72"/>
      <c r="G359" s="72"/>
      <c r="H359" s="72"/>
      <c r="I359" s="72"/>
      <c r="J359" s="72"/>
      <c r="K359" s="72"/>
      <c r="L359" s="72"/>
      <c r="M359" s="72"/>
      <c r="N359" s="72"/>
      <c r="O359" s="72"/>
      <c r="P359" s="72"/>
      <c r="Q359" s="202"/>
      <c r="R359" s="1068"/>
      <c r="S359" s="561"/>
      <c r="T359" s="199"/>
    </row>
    <row r="360" spans="1:57" s="570" customFormat="1" ht="75" customHeight="1" x14ac:dyDescent="0.2">
      <c r="A360" s="575"/>
      <c r="B360" s="576"/>
      <c r="C360" s="576"/>
      <c r="D360" s="576"/>
      <c r="E360" s="576"/>
      <c r="F360" s="576"/>
      <c r="G360" s="576"/>
      <c r="H360" s="576"/>
      <c r="I360" s="576"/>
      <c r="J360" s="576"/>
      <c r="K360" s="576"/>
      <c r="L360" s="577"/>
      <c r="M360" s="576"/>
      <c r="N360" s="576"/>
      <c r="O360" s="576"/>
      <c r="P360" s="576"/>
      <c r="Q360" s="578"/>
      <c r="R360" s="1028"/>
      <c r="S360" s="561"/>
      <c r="T360" s="579"/>
      <c r="U360" s="546"/>
    </row>
    <row r="361" spans="1:57" s="570" customFormat="1" ht="75" customHeight="1" thickBot="1" x14ac:dyDescent="0.25">
      <c r="A361" s="606"/>
      <c r="B361" s="607"/>
      <c r="C361" s="607"/>
      <c r="D361" s="607"/>
      <c r="E361" s="607"/>
      <c r="F361" s="607"/>
      <c r="G361" s="607"/>
      <c r="H361" s="607"/>
      <c r="I361" s="607"/>
      <c r="J361" s="607"/>
      <c r="K361" s="607"/>
      <c r="L361" s="608"/>
      <c r="M361" s="607"/>
      <c r="N361" s="607"/>
      <c r="O361" s="607"/>
      <c r="P361" s="607"/>
      <c r="Q361" s="609"/>
      <c r="R361" s="1028"/>
      <c r="S361" s="561"/>
      <c r="T361" s="579"/>
      <c r="U361" s="546"/>
    </row>
    <row r="362" spans="1:57" s="546" customFormat="1" ht="21" customHeight="1" x14ac:dyDescent="0.2">
      <c r="A362" s="1028"/>
      <c r="B362" s="1028"/>
      <c r="C362" s="1028"/>
      <c r="D362" s="1028"/>
      <c r="E362" s="1028"/>
      <c r="F362" s="1028"/>
      <c r="G362" s="1028"/>
      <c r="H362" s="1028"/>
      <c r="I362" s="1028"/>
      <c r="J362" s="1028"/>
      <c r="K362" s="1028"/>
      <c r="L362" s="186"/>
      <c r="M362" s="1028"/>
      <c r="N362" s="1029"/>
      <c r="O362" s="1271"/>
      <c r="P362" s="1271"/>
      <c r="Q362" s="1271"/>
      <c r="R362" s="1028"/>
      <c r="S362" s="561"/>
      <c r="T362" s="595"/>
      <c r="U362" s="596"/>
      <c r="V362" s="596"/>
      <c r="W362" s="596"/>
      <c r="X362" s="596"/>
      <c r="AO362" s="596"/>
      <c r="AP362" s="596"/>
      <c r="AQ362" s="596"/>
      <c r="AR362" s="596"/>
      <c r="AS362" s="596"/>
      <c r="AT362" s="596"/>
      <c r="AU362" s="596"/>
      <c r="AV362" s="596"/>
      <c r="AW362" s="596"/>
      <c r="AX362" s="596"/>
      <c r="AY362" s="596"/>
      <c r="AZ362" s="596"/>
      <c r="BA362" s="596"/>
      <c r="BB362" s="596"/>
      <c r="BC362" s="596"/>
      <c r="BD362" s="596"/>
      <c r="BE362" s="596"/>
    </row>
    <row r="363" spans="1:57" s="1034" customFormat="1" ht="409.5" customHeight="1" x14ac:dyDescent="0.2">
      <c r="A363" s="1031" t="s">
        <v>487</v>
      </c>
      <c r="B363" s="1032"/>
      <c r="C363" s="1032"/>
      <c r="D363" s="1032"/>
      <c r="E363" s="1032"/>
      <c r="F363" s="1032"/>
      <c r="G363" s="1032"/>
      <c r="H363" s="1032"/>
      <c r="I363" s="1032"/>
      <c r="J363" s="1032"/>
      <c r="K363" s="1032"/>
      <c r="L363" s="1032"/>
      <c r="M363" s="1032"/>
      <c r="N363" s="1032"/>
      <c r="O363" s="1032"/>
      <c r="P363" s="1032"/>
      <c r="Q363" s="1032"/>
      <c r="R363" s="1032"/>
      <c r="S363" s="1032"/>
      <c r="T363" s="1033"/>
      <c r="Y363" s="531"/>
      <c r="Z363" s="531"/>
      <c r="AA363" s="531"/>
      <c r="AB363" s="531"/>
      <c r="AC363" s="531"/>
      <c r="AD363" s="531"/>
      <c r="AE363" s="531"/>
      <c r="AF363" s="531"/>
      <c r="AG363" s="531"/>
      <c r="AH363" s="531"/>
      <c r="AI363" s="531"/>
      <c r="AJ363" s="531"/>
      <c r="AK363" s="531"/>
      <c r="AL363" s="531"/>
      <c r="AM363" s="531"/>
      <c r="AN363" s="531"/>
    </row>
    <row r="364" spans="1:57" s="1034" customFormat="1" ht="43.5" customHeight="1" x14ac:dyDescent="0.2">
      <c r="A364" s="1038"/>
      <c r="B364" s="1039"/>
      <c r="C364" s="1039"/>
      <c r="D364" s="1039"/>
      <c r="E364" s="1039"/>
      <c r="F364" s="1039"/>
      <c r="G364" s="1039"/>
      <c r="H364" s="1039"/>
      <c r="I364" s="1039"/>
      <c r="J364" s="1039"/>
      <c r="K364" s="1039"/>
      <c r="L364" s="1039"/>
      <c r="M364" s="1039"/>
      <c r="N364" s="1039"/>
      <c r="O364" s="1039"/>
      <c r="P364" s="1039"/>
      <c r="Q364" s="1039"/>
      <c r="R364" s="1039"/>
      <c r="S364" s="1039"/>
      <c r="T364" s="1040"/>
      <c r="Y364" s="531"/>
      <c r="Z364" s="531"/>
      <c r="AA364" s="531"/>
      <c r="AB364" s="531"/>
      <c r="AC364" s="531"/>
      <c r="AD364" s="531"/>
      <c r="AE364" s="531"/>
      <c r="AF364" s="531"/>
      <c r="AG364" s="531"/>
      <c r="AH364" s="531"/>
      <c r="AI364" s="531"/>
      <c r="AJ364" s="531"/>
      <c r="AK364" s="531"/>
      <c r="AL364" s="531"/>
      <c r="AM364" s="531"/>
      <c r="AN364" s="531"/>
    </row>
    <row r="365" spans="1:57" s="492" customFormat="1" ht="13.5" customHeight="1" x14ac:dyDescent="0.2">
      <c r="A365" s="496"/>
      <c r="B365" s="496"/>
      <c r="C365" s="496"/>
      <c r="D365" s="496"/>
      <c r="E365" s="496"/>
      <c r="F365" s="496"/>
      <c r="G365" s="496"/>
      <c r="H365" s="496"/>
      <c r="I365" s="496"/>
      <c r="J365" s="496"/>
      <c r="K365" s="496"/>
      <c r="L365" s="496"/>
      <c r="M365" s="496"/>
      <c r="N365" s="1041"/>
      <c r="O365" s="496"/>
      <c r="P365" s="496"/>
      <c r="Q365" s="496"/>
      <c r="R365" s="496"/>
      <c r="S365" s="496"/>
      <c r="T365" s="496"/>
      <c r="U365" s="1272"/>
      <c r="Y365" s="4"/>
      <c r="Z365" s="4"/>
      <c r="AA365" s="4"/>
      <c r="AB365" s="4"/>
      <c r="AC365" s="4"/>
      <c r="AD365" s="4"/>
      <c r="AE365" s="4"/>
      <c r="AF365" s="4"/>
      <c r="AG365" s="4"/>
      <c r="AH365" s="4"/>
      <c r="AI365" s="4"/>
      <c r="AJ365" s="4"/>
      <c r="AK365" s="4"/>
      <c r="AL365" s="4"/>
      <c r="AM365" s="4"/>
      <c r="AN365" s="4"/>
    </row>
    <row r="366" spans="1:57" s="503" customFormat="1" ht="55.2" x14ac:dyDescent="0.2">
      <c r="A366" s="497" t="s">
        <v>205</v>
      </c>
      <c r="B366" s="498"/>
      <c r="C366" s="498"/>
      <c r="D366" s="498"/>
      <c r="E366" s="498"/>
      <c r="F366" s="498"/>
      <c r="G366" s="498"/>
      <c r="H366" s="498"/>
      <c r="I366" s="498"/>
      <c r="J366" s="498"/>
      <c r="K366" s="498"/>
      <c r="L366" s="498"/>
      <c r="M366" s="498"/>
      <c r="N366" s="498"/>
      <c r="O366" s="498"/>
      <c r="P366" s="498"/>
      <c r="Q366" s="499"/>
      <c r="R366" s="500"/>
      <c r="S366" s="500"/>
      <c r="T366" s="501"/>
    </row>
    <row r="367" spans="1:57" s="503" customFormat="1" ht="103.5" customHeight="1" x14ac:dyDescent="0.2">
      <c r="A367" s="1043" t="s">
        <v>206</v>
      </c>
      <c r="B367" s="1044"/>
      <c r="C367" s="1044"/>
      <c r="D367" s="1044"/>
      <c r="E367" s="1044"/>
      <c r="F367" s="1044"/>
      <c r="G367" s="1044"/>
      <c r="H367" s="1044"/>
      <c r="I367" s="1044"/>
      <c r="J367" s="1044"/>
      <c r="K367" s="1044"/>
      <c r="L367" s="1044"/>
      <c r="M367" s="1044"/>
      <c r="N367" s="1044"/>
      <c r="O367" s="1044"/>
      <c r="P367" s="1044"/>
      <c r="Q367" s="1045"/>
      <c r="R367" s="500"/>
      <c r="S367" s="500"/>
      <c r="T367" s="501"/>
    </row>
    <row r="368" spans="1:57" s="503" customFormat="1" ht="103.5" customHeight="1" x14ac:dyDescent="0.2">
      <c r="A368" s="1046" t="s">
        <v>207</v>
      </c>
      <c r="B368" s="1047"/>
      <c r="C368" s="1047"/>
      <c r="D368" s="1047"/>
      <c r="E368" s="1047"/>
      <c r="F368" s="1047"/>
      <c r="G368" s="1047"/>
      <c r="H368" s="1047"/>
      <c r="I368" s="1047"/>
      <c r="J368" s="1047"/>
      <c r="K368" s="1047"/>
      <c r="L368" s="1047"/>
      <c r="M368" s="1047"/>
      <c r="N368" s="1047"/>
      <c r="O368" s="1047"/>
      <c r="P368" s="1047"/>
      <c r="Q368" s="1048"/>
      <c r="R368" s="500"/>
      <c r="S368" s="500"/>
      <c r="T368" s="501"/>
    </row>
    <row r="369" spans="1:20" s="503" customFormat="1" ht="91.5" customHeight="1" x14ac:dyDescent="0.2">
      <c r="A369" s="510"/>
      <c r="B369" s="511" t="s">
        <v>208</v>
      </c>
      <c r="C369" s="512"/>
      <c r="D369" s="512"/>
      <c r="E369" s="512"/>
      <c r="F369" s="512"/>
      <c r="G369" s="512"/>
      <c r="H369" s="512"/>
      <c r="I369" s="513"/>
      <c r="J369" s="513"/>
      <c r="K369" s="514"/>
      <c r="L369" s="514"/>
      <c r="M369" s="514"/>
      <c r="N369" s="515"/>
      <c r="O369" s="516"/>
      <c r="P369" s="516"/>
      <c r="Q369" s="517"/>
      <c r="R369" s="500"/>
      <c r="S369" s="500"/>
      <c r="T369" s="501"/>
    </row>
    <row r="370" spans="1:20" s="503" customFormat="1" ht="19.5" customHeight="1" x14ac:dyDescent="0.2">
      <c r="A370" s="518"/>
      <c r="B370" s="519"/>
      <c r="C370" s="512"/>
      <c r="D370" s="512"/>
      <c r="E370" s="512"/>
      <c r="F370" s="512"/>
      <c r="G370" s="512"/>
      <c r="H370" s="512"/>
      <c r="I370" s="513"/>
      <c r="J370" s="513"/>
      <c r="K370" s="512"/>
      <c r="L370" s="512"/>
      <c r="M370" s="512"/>
      <c r="N370" s="520"/>
      <c r="O370" s="513"/>
      <c r="P370" s="513"/>
      <c r="Q370" s="521"/>
      <c r="R370" s="500"/>
      <c r="S370" s="500"/>
      <c r="T370" s="501"/>
    </row>
    <row r="371" spans="1:20" s="503" customFormat="1" ht="38.1" customHeight="1" x14ac:dyDescent="0.2">
      <c r="A371" s="514"/>
      <c r="B371" s="511"/>
      <c r="C371" s="514"/>
      <c r="D371" s="514"/>
      <c r="E371" s="514"/>
      <c r="F371" s="514"/>
      <c r="G371" s="514"/>
      <c r="H371" s="514"/>
      <c r="I371" s="516"/>
      <c r="J371" s="516"/>
      <c r="K371" s="514"/>
      <c r="L371" s="514"/>
      <c r="M371" s="514"/>
      <c r="N371" s="515"/>
      <c r="O371" s="516"/>
      <c r="P371" s="516"/>
      <c r="Q371" s="514"/>
      <c r="R371" s="500"/>
      <c r="S371" s="500"/>
      <c r="T371" s="501"/>
    </row>
    <row r="372" spans="1:20" s="503" customFormat="1" ht="55.2" x14ac:dyDescent="0.2">
      <c r="A372" s="497" t="s">
        <v>205</v>
      </c>
      <c r="B372" s="498"/>
      <c r="C372" s="498"/>
      <c r="D372" s="498"/>
      <c r="E372" s="498"/>
      <c r="F372" s="498"/>
      <c r="G372" s="498"/>
      <c r="H372" s="498"/>
      <c r="I372" s="498"/>
      <c r="J372" s="498"/>
      <c r="K372" s="498"/>
      <c r="L372" s="498"/>
      <c r="M372" s="498"/>
      <c r="N372" s="498"/>
      <c r="O372" s="498"/>
      <c r="P372" s="498"/>
      <c r="Q372" s="499"/>
      <c r="R372" s="500"/>
      <c r="S372" s="500"/>
      <c r="T372" s="501"/>
    </row>
    <row r="373" spans="1:20" s="503" customFormat="1" ht="103.5" customHeight="1" x14ac:dyDescent="0.2">
      <c r="A373" s="1043" t="s">
        <v>206</v>
      </c>
      <c r="B373" s="1044"/>
      <c r="C373" s="1044"/>
      <c r="D373" s="1044"/>
      <c r="E373" s="1044"/>
      <c r="F373" s="1044"/>
      <c r="G373" s="1044"/>
      <c r="H373" s="1044"/>
      <c r="I373" s="1044"/>
      <c r="J373" s="1044"/>
      <c r="K373" s="1044"/>
      <c r="L373" s="1044"/>
      <c r="M373" s="1044"/>
      <c r="N373" s="1044"/>
      <c r="O373" s="1044"/>
      <c r="P373" s="1044"/>
      <c r="Q373" s="1045"/>
      <c r="R373" s="500"/>
      <c r="S373" s="500"/>
      <c r="T373" s="501"/>
    </row>
    <row r="374" spans="1:20" s="503" customFormat="1" ht="103.5" customHeight="1" x14ac:dyDescent="0.2">
      <c r="A374" s="1046" t="s">
        <v>207</v>
      </c>
      <c r="B374" s="1047"/>
      <c r="C374" s="1047"/>
      <c r="D374" s="1047"/>
      <c r="E374" s="1047"/>
      <c r="F374" s="1047"/>
      <c r="G374" s="1047"/>
      <c r="H374" s="1047"/>
      <c r="I374" s="1047"/>
      <c r="J374" s="1047"/>
      <c r="K374" s="1047"/>
      <c r="L374" s="1047"/>
      <c r="M374" s="1047"/>
      <c r="N374" s="1047"/>
      <c r="O374" s="1047"/>
      <c r="P374" s="1047"/>
      <c r="Q374" s="1048"/>
      <c r="R374" s="500"/>
      <c r="S374" s="500"/>
      <c r="T374" s="501"/>
    </row>
    <row r="375" spans="1:20" s="503" customFormat="1" ht="91.5" customHeight="1" x14ac:dyDescent="0.2">
      <c r="A375" s="510"/>
      <c r="B375" s="511" t="s">
        <v>208</v>
      </c>
      <c r="C375" s="512"/>
      <c r="D375" s="512"/>
      <c r="E375" s="512"/>
      <c r="F375" s="512"/>
      <c r="G375" s="512"/>
      <c r="H375" s="512"/>
      <c r="I375" s="513"/>
      <c r="J375" s="513"/>
      <c r="K375" s="514"/>
      <c r="L375" s="514"/>
      <c r="M375" s="514"/>
      <c r="N375" s="515"/>
      <c r="O375" s="516"/>
      <c r="P375" s="516"/>
      <c r="Q375" s="517"/>
      <c r="R375" s="500"/>
      <c r="S375" s="500"/>
      <c r="T375" s="501"/>
    </row>
    <row r="376" spans="1:20" s="503" customFormat="1" ht="19.5" customHeight="1" x14ac:dyDescent="0.2">
      <c r="A376" s="518"/>
      <c r="B376" s="519"/>
      <c r="C376" s="512"/>
      <c r="D376" s="512"/>
      <c r="E376" s="512"/>
      <c r="F376" s="512"/>
      <c r="G376" s="512"/>
      <c r="H376" s="512"/>
      <c r="I376" s="513"/>
      <c r="J376" s="513"/>
      <c r="K376" s="512"/>
      <c r="L376" s="512"/>
      <c r="M376" s="512"/>
      <c r="N376" s="520"/>
      <c r="O376" s="513"/>
      <c r="P376" s="513"/>
      <c r="Q376" s="521"/>
      <c r="R376" s="500"/>
      <c r="S376" s="500"/>
      <c r="T376" s="501"/>
    </row>
    <row r="377" spans="1:20" s="503" customFormat="1" ht="55.2" x14ac:dyDescent="0.2">
      <c r="A377" s="522"/>
      <c r="B377" s="522"/>
      <c r="C377" s="522"/>
      <c r="D377" s="522"/>
      <c r="E377" s="522"/>
      <c r="F377" s="522"/>
      <c r="G377" s="522"/>
      <c r="H377" s="522"/>
      <c r="I377" s="522"/>
      <c r="J377" s="522"/>
      <c r="K377" s="522"/>
      <c r="L377" s="522"/>
      <c r="M377" s="522"/>
      <c r="N377" s="522"/>
      <c r="O377" s="522"/>
      <c r="P377" s="523"/>
      <c r="Q377" s="514"/>
      <c r="R377" s="500"/>
      <c r="S377" s="500"/>
      <c r="T377" s="501"/>
    </row>
  </sheetData>
  <mergeCells count="414">
    <mergeCell ref="A374:Q374"/>
    <mergeCell ref="A377:O377"/>
    <mergeCell ref="A363:T364"/>
    <mergeCell ref="A366:Q366"/>
    <mergeCell ref="A367:Q367"/>
    <mergeCell ref="A368:Q368"/>
    <mergeCell ref="A372:Q372"/>
    <mergeCell ref="A373:Q373"/>
    <mergeCell ref="A356:M356"/>
    <mergeCell ref="A357:M357"/>
    <mergeCell ref="A358:M358"/>
    <mergeCell ref="A359:Q359"/>
    <mergeCell ref="A360:Q360"/>
    <mergeCell ref="A361:Q361"/>
    <mergeCell ref="A350:Q350"/>
    <mergeCell ref="A351:Q351"/>
    <mergeCell ref="A352:Q352"/>
    <mergeCell ref="A353:Q353"/>
    <mergeCell ref="A354:Q354"/>
    <mergeCell ref="A355:M355"/>
    <mergeCell ref="A344:Q344"/>
    <mergeCell ref="A345:Q345"/>
    <mergeCell ref="A346:O346"/>
    <mergeCell ref="A347:N347"/>
    <mergeCell ref="A348:N348"/>
    <mergeCell ref="A349:N349"/>
    <mergeCell ref="A338:Q338"/>
    <mergeCell ref="A339:Q339"/>
    <mergeCell ref="A340:Q340"/>
    <mergeCell ref="A341:Q341"/>
    <mergeCell ref="A342:Q342"/>
    <mergeCell ref="A343:Q343"/>
    <mergeCell ref="A332:Q332"/>
    <mergeCell ref="A333:Q333"/>
    <mergeCell ref="A334:M334"/>
    <mergeCell ref="A335:Q335"/>
    <mergeCell ref="A336:Q336"/>
    <mergeCell ref="A337:Q337"/>
    <mergeCell ref="A326:Q326"/>
    <mergeCell ref="A327:Q327"/>
    <mergeCell ref="A328:N328"/>
    <mergeCell ref="A329:Q329"/>
    <mergeCell ref="A330:Q330"/>
    <mergeCell ref="A331:Q331"/>
    <mergeCell ref="A320:Q320"/>
    <mergeCell ref="A321:Q321"/>
    <mergeCell ref="A322:Q322"/>
    <mergeCell ref="A323:Q323"/>
    <mergeCell ref="A324:Q324"/>
    <mergeCell ref="A325:Q325"/>
    <mergeCell ref="A314:Q314"/>
    <mergeCell ref="A315:Q315"/>
    <mergeCell ref="A316:N316"/>
    <mergeCell ref="A317:Q317"/>
    <mergeCell ref="A318:Q318"/>
    <mergeCell ref="A319:Q319"/>
    <mergeCell ref="A308:Q308"/>
    <mergeCell ref="A309:Q309"/>
    <mergeCell ref="A310:Q310"/>
    <mergeCell ref="A311:Q311"/>
    <mergeCell ref="A312:Q312"/>
    <mergeCell ref="A313:Q313"/>
    <mergeCell ref="A305:J306"/>
    <mergeCell ref="K305:L306"/>
    <mergeCell ref="M305:Q305"/>
    <mergeCell ref="M306:Q306"/>
    <mergeCell ref="A307:J307"/>
    <mergeCell ref="K307:Q307"/>
    <mergeCell ref="A301:Q301"/>
    <mergeCell ref="A302:J302"/>
    <mergeCell ref="K302:Q302"/>
    <mergeCell ref="A303:J304"/>
    <mergeCell ref="K303:L304"/>
    <mergeCell ref="M303:Q303"/>
    <mergeCell ref="M304:Q304"/>
    <mergeCell ref="A295:Q295"/>
    <mergeCell ref="A296:Q296"/>
    <mergeCell ref="A297:Q297"/>
    <mergeCell ref="A298:N298"/>
    <mergeCell ref="A299:N299"/>
    <mergeCell ref="A300:Q300"/>
    <mergeCell ref="A291:I291"/>
    <mergeCell ref="J291:Q291"/>
    <mergeCell ref="A292:I292"/>
    <mergeCell ref="J292:Q292"/>
    <mergeCell ref="A293:N293"/>
    <mergeCell ref="A294:Q294"/>
    <mergeCell ref="A287:I287"/>
    <mergeCell ref="J287:Q287"/>
    <mergeCell ref="A288:I288"/>
    <mergeCell ref="A289:I289"/>
    <mergeCell ref="J289:Q289"/>
    <mergeCell ref="A290:Q290"/>
    <mergeCell ref="A283:I283"/>
    <mergeCell ref="J283:Q283"/>
    <mergeCell ref="A284:I284"/>
    <mergeCell ref="J284:Q284"/>
    <mergeCell ref="A285:Q285"/>
    <mergeCell ref="A286:I286"/>
    <mergeCell ref="J286:Q286"/>
    <mergeCell ref="A278:I278"/>
    <mergeCell ref="J278:Q278"/>
    <mergeCell ref="A279:I279"/>
    <mergeCell ref="J279:Q279"/>
    <mergeCell ref="A280:I282"/>
    <mergeCell ref="K280:Q280"/>
    <mergeCell ref="J281:Q281"/>
    <mergeCell ref="J282:K282"/>
    <mergeCell ref="M282:Q282"/>
    <mergeCell ref="A272:Q272"/>
    <mergeCell ref="A273:Q273"/>
    <mergeCell ref="A274:Q274"/>
    <mergeCell ref="A275:I275"/>
    <mergeCell ref="J275:Q275"/>
    <mergeCell ref="A276:I277"/>
    <mergeCell ref="J276:Q276"/>
    <mergeCell ref="J277:K277"/>
    <mergeCell ref="M277:Q277"/>
    <mergeCell ref="A268:I268"/>
    <mergeCell ref="J268:Q268"/>
    <mergeCell ref="A269:I269"/>
    <mergeCell ref="J269:Q269"/>
    <mergeCell ref="A270:Q270"/>
    <mergeCell ref="A271:Q271"/>
    <mergeCell ref="A264:I264"/>
    <mergeCell ref="J264:Q264"/>
    <mergeCell ref="A265:I267"/>
    <mergeCell ref="K265:Q265"/>
    <mergeCell ref="J266:Q266"/>
    <mergeCell ref="J267:K267"/>
    <mergeCell ref="M267:Q267"/>
    <mergeCell ref="A260:Q260"/>
    <mergeCell ref="A261:I261"/>
    <mergeCell ref="J261:Q261"/>
    <mergeCell ref="A262:I263"/>
    <mergeCell ref="J262:Q262"/>
    <mergeCell ref="J263:K263"/>
    <mergeCell ref="M263:Q263"/>
    <mergeCell ref="A255:I255"/>
    <mergeCell ref="J255:Q255"/>
    <mergeCell ref="A256:Q256"/>
    <mergeCell ref="A257:I257"/>
    <mergeCell ref="J257:Q257"/>
    <mergeCell ref="A258:I259"/>
    <mergeCell ref="J258:Q258"/>
    <mergeCell ref="J259:K259"/>
    <mergeCell ref="M259:Q259"/>
    <mergeCell ref="A251:I253"/>
    <mergeCell ref="K251:Q251"/>
    <mergeCell ref="J252:Q252"/>
    <mergeCell ref="J253:K253"/>
    <mergeCell ref="M253:Q253"/>
    <mergeCell ref="A254:I254"/>
    <mergeCell ref="J254:Q254"/>
    <mergeCell ref="A248:I248"/>
    <mergeCell ref="J248:Q248"/>
    <mergeCell ref="A249:I250"/>
    <mergeCell ref="J249:Q249"/>
    <mergeCell ref="J250:K250"/>
    <mergeCell ref="M250:Q250"/>
    <mergeCell ref="U242:U245"/>
    <mergeCell ref="A243:Q243"/>
    <mergeCell ref="A244:Q244"/>
    <mergeCell ref="A245:Q245"/>
    <mergeCell ref="A246:Q246"/>
    <mergeCell ref="A247:Q247"/>
    <mergeCell ref="A240:I241"/>
    <mergeCell ref="J240:Q240"/>
    <mergeCell ref="J241:K241"/>
    <mergeCell ref="M241:Q241"/>
    <mergeCell ref="A242:I242"/>
    <mergeCell ref="J242:Q242"/>
    <mergeCell ref="A234:I236"/>
    <mergeCell ref="K234:Q234"/>
    <mergeCell ref="J235:Q235"/>
    <mergeCell ref="J236:K236"/>
    <mergeCell ref="M236:Q236"/>
    <mergeCell ref="A237:I239"/>
    <mergeCell ref="K237:Q237"/>
    <mergeCell ref="J238:Q238"/>
    <mergeCell ref="J239:K239"/>
    <mergeCell ref="M239:Q239"/>
    <mergeCell ref="A230:I231"/>
    <mergeCell ref="J230:Q230"/>
    <mergeCell ref="J231:K231"/>
    <mergeCell ref="M231:Q231"/>
    <mergeCell ref="A232:I233"/>
    <mergeCell ref="J232:Q232"/>
    <mergeCell ref="J233:K233"/>
    <mergeCell ref="M233:Q233"/>
    <mergeCell ref="A225:Q225"/>
    <mergeCell ref="A226:N226"/>
    <mergeCell ref="A227:Q227"/>
    <mergeCell ref="A228:Q228"/>
    <mergeCell ref="A229:I229"/>
    <mergeCell ref="J229:Q229"/>
    <mergeCell ref="A219:Q219"/>
    <mergeCell ref="A220:Q220"/>
    <mergeCell ref="A221:N221"/>
    <mergeCell ref="A222:Q222"/>
    <mergeCell ref="A223:Q223"/>
    <mergeCell ref="A224:Q224"/>
    <mergeCell ref="A213:Q213"/>
    <mergeCell ref="A214:Q214"/>
    <mergeCell ref="A215:Q215"/>
    <mergeCell ref="A216:N216"/>
    <mergeCell ref="A217:Q217"/>
    <mergeCell ref="A218:Q218"/>
    <mergeCell ref="A208:Q208"/>
    <mergeCell ref="A209:Q209"/>
    <mergeCell ref="A210:K210"/>
    <mergeCell ref="L210:Q210"/>
    <mergeCell ref="A211:N211"/>
    <mergeCell ref="A212:Q212"/>
    <mergeCell ref="A202:Q202"/>
    <mergeCell ref="A203:Q203"/>
    <mergeCell ref="A204:N204"/>
    <mergeCell ref="A205:N205"/>
    <mergeCell ref="A206:Q206"/>
    <mergeCell ref="A207:Q207"/>
    <mergeCell ref="A196:Q196"/>
    <mergeCell ref="A197:Q197"/>
    <mergeCell ref="A198:Q198"/>
    <mergeCell ref="A199:M199"/>
    <mergeCell ref="A200:Q200"/>
    <mergeCell ref="A201:Q201"/>
    <mergeCell ref="A190:Q190"/>
    <mergeCell ref="A191:Q191"/>
    <mergeCell ref="A192:Q192"/>
    <mergeCell ref="A193:N193"/>
    <mergeCell ref="A194:Q194"/>
    <mergeCell ref="A195:Q195"/>
    <mergeCell ref="A184:Q184"/>
    <mergeCell ref="A185:Q185"/>
    <mergeCell ref="A186:Q186"/>
    <mergeCell ref="A187:Q187"/>
    <mergeCell ref="A188:Q188"/>
    <mergeCell ref="A189:Q189"/>
    <mergeCell ref="A178:M178"/>
    <mergeCell ref="A179:Q179"/>
    <mergeCell ref="A180:Q180"/>
    <mergeCell ref="A181:Q181"/>
    <mergeCell ref="A182:Q182"/>
    <mergeCell ref="A183:M183"/>
    <mergeCell ref="A172:M172"/>
    <mergeCell ref="A173:Q173"/>
    <mergeCell ref="A174:Q174"/>
    <mergeCell ref="A175:Q175"/>
    <mergeCell ref="A176:Q176"/>
    <mergeCell ref="A177:Q177"/>
    <mergeCell ref="A166:N166"/>
    <mergeCell ref="A167:N167"/>
    <mergeCell ref="A168:Q168"/>
    <mergeCell ref="A169:Q169"/>
    <mergeCell ref="A170:Q170"/>
    <mergeCell ref="A171:Q171"/>
    <mergeCell ref="A160:Q160"/>
    <mergeCell ref="A161:Q161"/>
    <mergeCell ref="A162:Q162"/>
    <mergeCell ref="A163:Q163"/>
    <mergeCell ref="A164:Q164"/>
    <mergeCell ref="A165:N165"/>
    <mergeCell ref="A154:Q154"/>
    <mergeCell ref="A155:Q155"/>
    <mergeCell ref="A156:N156"/>
    <mergeCell ref="A157:Q157"/>
    <mergeCell ref="A158:Q158"/>
    <mergeCell ref="A159:Q159"/>
    <mergeCell ref="A148:Q148"/>
    <mergeCell ref="A149:Q149"/>
    <mergeCell ref="A150:Q150"/>
    <mergeCell ref="A151:Q151"/>
    <mergeCell ref="A152:Q152"/>
    <mergeCell ref="A153:Q153"/>
    <mergeCell ref="A142:N142"/>
    <mergeCell ref="A143:Q143"/>
    <mergeCell ref="A144:Q144"/>
    <mergeCell ref="A145:Q145"/>
    <mergeCell ref="A146:Q146"/>
    <mergeCell ref="A147:N147"/>
    <mergeCell ref="A136:Q136"/>
    <mergeCell ref="A137:Q137"/>
    <mergeCell ref="A138:Q138"/>
    <mergeCell ref="A139:Q139"/>
    <mergeCell ref="A140:Q140"/>
    <mergeCell ref="A141:Q141"/>
    <mergeCell ref="A130:Q130"/>
    <mergeCell ref="A131:Q131"/>
    <mergeCell ref="A132:Q132"/>
    <mergeCell ref="A133:N133"/>
    <mergeCell ref="A134:Q134"/>
    <mergeCell ref="A135:Q135"/>
    <mergeCell ref="A124:N124"/>
    <mergeCell ref="A125:M125"/>
    <mergeCell ref="A126:M126"/>
    <mergeCell ref="A127:N127"/>
    <mergeCell ref="A128:Q128"/>
    <mergeCell ref="A129:Q129"/>
    <mergeCell ref="A118:Q118"/>
    <mergeCell ref="A119:N119"/>
    <mergeCell ref="A120:Q120"/>
    <mergeCell ref="A121:Q121"/>
    <mergeCell ref="A122:Q122"/>
    <mergeCell ref="A123:Q123"/>
    <mergeCell ref="A112:Q112"/>
    <mergeCell ref="A113:Q113"/>
    <mergeCell ref="A114:N114"/>
    <mergeCell ref="A115:Q115"/>
    <mergeCell ref="A116:Q116"/>
    <mergeCell ref="A117:Q117"/>
    <mergeCell ref="A106:Q106"/>
    <mergeCell ref="A107:Q107"/>
    <mergeCell ref="A108:Q108"/>
    <mergeCell ref="A109:Q109"/>
    <mergeCell ref="A110:Q110"/>
    <mergeCell ref="A111:Q111"/>
    <mergeCell ref="A101:Q101"/>
    <mergeCell ref="A102:Q102"/>
    <mergeCell ref="A103:N105"/>
    <mergeCell ref="O103:O105"/>
    <mergeCell ref="P103:P105"/>
    <mergeCell ref="Q103:Q105"/>
    <mergeCell ref="A95:Q95"/>
    <mergeCell ref="A96:N96"/>
    <mergeCell ref="A97:N97"/>
    <mergeCell ref="A98:N98"/>
    <mergeCell ref="A99:Q99"/>
    <mergeCell ref="A100:Q100"/>
    <mergeCell ref="A89:Q89"/>
    <mergeCell ref="A90:Q90"/>
    <mergeCell ref="A91:M91"/>
    <mergeCell ref="A92:Q92"/>
    <mergeCell ref="A93:Q93"/>
    <mergeCell ref="A94:Q94"/>
    <mergeCell ref="A83:Q83"/>
    <mergeCell ref="A84:Q84"/>
    <mergeCell ref="A85:Q85"/>
    <mergeCell ref="A86:M86"/>
    <mergeCell ref="A87:Q87"/>
    <mergeCell ref="A88:Q88"/>
    <mergeCell ref="A77:Q77"/>
    <mergeCell ref="A78:Q78"/>
    <mergeCell ref="A79:Q79"/>
    <mergeCell ref="A80:Q80"/>
    <mergeCell ref="A81:N81"/>
    <mergeCell ref="A82:Q82"/>
    <mergeCell ref="A72:Q72"/>
    <mergeCell ref="A73:N73"/>
    <mergeCell ref="A74:Q74"/>
    <mergeCell ref="A75:J75"/>
    <mergeCell ref="K75:Q75"/>
    <mergeCell ref="A76:J76"/>
    <mergeCell ref="K76:Q76"/>
    <mergeCell ref="A66:Q66"/>
    <mergeCell ref="A67:Q67"/>
    <mergeCell ref="A68:M68"/>
    <mergeCell ref="A69:Q69"/>
    <mergeCell ref="A70:Q70"/>
    <mergeCell ref="A71:Q71"/>
    <mergeCell ref="A60:M60"/>
    <mergeCell ref="A61:Q61"/>
    <mergeCell ref="A62:M62"/>
    <mergeCell ref="A63:M63"/>
    <mergeCell ref="A64:Q64"/>
    <mergeCell ref="A65:Q65"/>
    <mergeCell ref="A54:N54"/>
    <mergeCell ref="A55:Q55"/>
    <mergeCell ref="A56:Q56"/>
    <mergeCell ref="A57:Q57"/>
    <mergeCell ref="A58:Q58"/>
    <mergeCell ref="A59:M59"/>
    <mergeCell ref="T48:T49"/>
    <mergeCell ref="A49:N49"/>
    <mergeCell ref="A50:M50"/>
    <mergeCell ref="A51:M51"/>
    <mergeCell ref="A52:M52"/>
    <mergeCell ref="A53:N53"/>
    <mergeCell ref="A46:Q46"/>
    <mergeCell ref="A47:Q47"/>
    <mergeCell ref="A48:N48"/>
    <mergeCell ref="O48:O49"/>
    <mergeCell ref="P48:P49"/>
    <mergeCell ref="Q48:Q49"/>
    <mergeCell ref="T39:T40"/>
    <mergeCell ref="A41:N41"/>
    <mergeCell ref="A42:N42"/>
    <mergeCell ref="A43:Q43"/>
    <mergeCell ref="A44:Q44"/>
    <mergeCell ref="A45:Q45"/>
    <mergeCell ref="A37:Q37"/>
    <mergeCell ref="A38:Q38"/>
    <mergeCell ref="A39:N40"/>
    <mergeCell ref="O39:O40"/>
    <mergeCell ref="P39:P40"/>
    <mergeCell ref="Q39:Q40"/>
    <mergeCell ref="A31:Q31"/>
    <mergeCell ref="A32:N32"/>
    <mergeCell ref="A33:N33"/>
    <mergeCell ref="A34:N34"/>
    <mergeCell ref="A35:Q35"/>
    <mergeCell ref="A36:Q36"/>
    <mergeCell ref="A25:N25"/>
    <mergeCell ref="A26:N26"/>
    <mergeCell ref="A27:M27"/>
    <mergeCell ref="A28:Q28"/>
    <mergeCell ref="A29:Q29"/>
    <mergeCell ref="A30:Q30"/>
    <mergeCell ref="A1:T1"/>
    <mergeCell ref="A2:T2"/>
    <mergeCell ref="A10:T10"/>
    <mergeCell ref="N20:Q20"/>
    <mergeCell ref="A23:Q23"/>
    <mergeCell ref="T23:T24"/>
    <mergeCell ref="A24:Q24"/>
  </mergeCells>
  <phoneticPr fontId="4"/>
  <printOptions horizontalCentered="1"/>
  <pageMargins left="0.23622047244094491" right="0.23622047244094491" top="0.35433070866141736" bottom="0" header="0.31496062992125984" footer="0.15748031496062992"/>
  <pageSetup paperSize="9" scale="17" fitToHeight="0" orientation="portrait" r:id="rId1"/>
  <rowBreaks count="10" manualBreakCount="10">
    <brk id="19" max="19" man="1"/>
    <brk id="45" max="19" man="1"/>
    <brk id="71" max="19" man="1"/>
    <brk id="101" max="19" man="1"/>
    <brk id="130" max="19" man="1"/>
    <brk id="170" max="19" man="1"/>
    <brk id="202" max="19" man="1"/>
    <brk id="242" max="19" man="1"/>
    <brk id="296" max="19" man="1"/>
    <brk id="344" max="19"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9FE7A5C-54F0-4213-B524-A9F03470E61E}">
  <sheetPr>
    <pageSetUpPr fitToPage="1"/>
  </sheetPr>
  <dimension ref="A1:IY234"/>
  <sheetViews>
    <sheetView showWhiteSpace="0" view="pageBreakPreview" zoomScale="25" zoomScaleNormal="25" zoomScaleSheetLayoutView="25" zoomScalePageLayoutView="70" workbookViewId="0">
      <selection sqref="A1:T1"/>
    </sheetView>
  </sheetViews>
  <sheetFormatPr defaultRowHeight="38.1" customHeight="1" x14ac:dyDescent="0.2"/>
  <cols>
    <col min="1" max="1" width="3.109375" style="541" customWidth="1"/>
    <col min="2" max="2" width="7.33203125" style="1054" customWidth="1"/>
    <col min="3" max="8" width="7.33203125" style="541" customWidth="1"/>
    <col min="9" max="9" width="45.33203125" style="1055" customWidth="1"/>
    <col min="10" max="10" width="35.33203125" style="1055" customWidth="1"/>
    <col min="11" max="11" width="35.109375" style="541" customWidth="1"/>
    <col min="12" max="12" width="44.33203125" style="1056" customWidth="1"/>
    <col min="13" max="13" width="71.21875" style="541" customWidth="1"/>
    <col min="14" max="14" width="60.6640625" style="1057" customWidth="1"/>
    <col min="15" max="17" width="60.6640625" style="1055" customWidth="1"/>
    <col min="18" max="18" width="4.33203125" style="541" customWidth="1"/>
    <col min="19" max="19" width="3" style="531" customWidth="1"/>
    <col min="20" max="20" width="24.6640625" style="531" customWidth="1"/>
    <col min="21" max="21" width="161.6640625" style="531" customWidth="1"/>
    <col min="22" max="259" width="8.88671875" style="531"/>
    <col min="260" max="260" width="4.21875" style="531" customWidth="1"/>
    <col min="261" max="272" width="7.33203125" style="531" customWidth="1"/>
    <col min="273" max="273" width="5.6640625" style="531" customWidth="1"/>
    <col min="274" max="274" width="1.33203125" style="531" customWidth="1"/>
    <col min="275" max="275" width="17.77734375" style="531" customWidth="1"/>
    <col min="276" max="515" width="8.88671875" style="531"/>
    <col min="516" max="516" width="4.21875" style="531" customWidth="1"/>
    <col min="517" max="528" width="7.33203125" style="531" customWidth="1"/>
    <col min="529" max="529" width="5.6640625" style="531" customWidth="1"/>
    <col min="530" max="530" width="1.33203125" style="531" customWidth="1"/>
    <col min="531" max="531" width="17.77734375" style="531" customWidth="1"/>
    <col min="532" max="771" width="8.88671875" style="531"/>
    <col min="772" max="772" width="4.21875" style="531" customWidth="1"/>
    <col min="773" max="784" width="7.33203125" style="531" customWidth="1"/>
    <col min="785" max="785" width="5.6640625" style="531" customWidth="1"/>
    <col min="786" max="786" width="1.33203125" style="531" customWidth="1"/>
    <col min="787" max="787" width="17.77734375" style="531" customWidth="1"/>
    <col min="788" max="1027" width="8.88671875" style="531"/>
    <col min="1028" max="1028" width="4.21875" style="531" customWidth="1"/>
    <col min="1029" max="1040" width="7.33203125" style="531" customWidth="1"/>
    <col min="1041" max="1041" width="5.6640625" style="531" customWidth="1"/>
    <col min="1042" max="1042" width="1.33203125" style="531" customWidth="1"/>
    <col min="1043" max="1043" width="17.77734375" style="531" customWidth="1"/>
    <col min="1044" max="1283" width="8.88671875" style="531"/>
    <col min="1284" max="1284" width="4.21875" style="531" customWidth="1"/>
    <col min="1285" max="1296" width="7.33203125" style="531" customWidth="1"/>
    <col min="1297" max="1297" width="5.6640625" style="531" customWidth="1"/>
    <col min="1298" max="1298" width="1.33203125" style="531" customWidth="1"/>
    <col min="1299" max="1299" width="17.77734375" style="531" customWidth="1"/>
    <col min="1300" max="1539" width="8.88671875" style="531"/>
    <col min="1540" max="1540" width="4.21875" style="531" customWidth="1"/>
    <col min="1541" max="1552" width="7.33203125" style="531" customWidth="1"/>
    <col min="1553" max="1553" width="5.6640625" style="531" customWidth="1"/>
    <col min="1554" max="1554" width="1.33203125" style="531" customWidth="1"/>
    <col min="1555" max="1555" width="17.77734375" style="531" customWidth="1"/>
    <col min="1556" max="1795" width="8.88671875" style="531"/>
    <col min="1796" max="1796" width="4.21875" style="531" customWidth="1"/>
    <col min="1797" max="1808" width="7.33203125" style="531" customWidth="1"/>
    <col min="1809" max="1809" width="5.6640625" style="531" customWidth="1"/>
    <col min="1810" max="1810" width="1.33203125" style="531" customWidth="1"/>
    <col min="1811" max="1811" width="17.77734375" style="531" customWidth="1"/>
    <col min="1812" max="2051" width="8.88671875" style="531"/>
    <col min="2052" max="2052" width="4.21875" style="531" customWidth="1"/>
    <col min="2053" max="2064" width="7.33203125" style="531" customWidth="1"/>
    <col min="2065" max="2065" width="5.6640625" style="531" customWidth="1"/>
    <col min="2066" max="2066" width="1.33203125" style="531" customWidth="1"/>
    <col min="2067" max="2067" width="17.77734375" style="531" customWidth="1"/>
    <col min="2068" max="2307" width="8.88671875" style="531"/>
    <col min="2308" max="2308" width="4.21875" style="531" customWidth="1"/>
    <col min="2309" max="2320" width="7.33203125" style="531" customWidth="1"/>
    <col min="2321" max="2321" width="5.6640625" style="531" customWidth="1"/>
    <col min="2322" max="2322" width="1.33203125" style="531" customWidth="1"/>
    <col min="2323" max="2323" width="17.77734375" style="531" customWidth="1"/>
    <col min="2324" max="2563" width="8.88671875" style="531"/>
    <col min="2564" max="2564" width="4.21875" style="531" customWidth="1"/>
    <col min="2565" max="2576" width="7.33203125" style="531" customWidth="1"/>
    <col min="2577" max="2577" width="5.6640625" style="531" customWidth="1"/>
    <col min="2578" max="2578" width="1.33203125" style="531" customWidth="1"/>
    <col min="2579" max="2579" width="17.77734375" style="531" customWidth="1"/>
    <col min="2580" max="2819" width="8.88671875" style="531"/>
    <col min="2820" max="2820" width="4.21875" style="531" customWidth="1"/>
    <col min="2821" max="2832" width="7.33203125" style="531" customWidth="1"/>
    <col min="2833" max="2833" width="5.6640625" style="531" customWidth="1"/>
    <col min="2834" max="2834" width="1.33203125" style="531" customWidth="1"/>
    <col min="2835" max="2835" width="17.77734375" style="531" customWidth="1"/>
    <col min="2836" max="3075" width="8.88671875" style="531"/>
    <col min="3076" max="3076" width="4.21875" style="531" customWidth="1"/>
    <col min="3077" max="3088" width="7.33203125" style="531" customWidth="1"/>
    <col min="3089" max="3089" width="5.6640625" style="531" customWidth="1"/>
    <col min="3090" max="3090" width="1.33203125" style="531" customWidth="1"/>
    <col min="3091" max="3091" width="17.77734375" style="531" customWidth="1"/>
    <col min="3092" max="3331" width="8.88671875" style="531"/>
    <col min="3332" max="3332" width="4.21875" style="531" customWidth="1"/>
    <col min="3333" max="3344" width="7.33203125" style="531" customWidth="1"/>
    <col min="3345" max="3345" width="5.6640625" style="531" customWidth="1"/>
    <col min="3346" max="3346" width="1.33203125" style="531" customWidth="1"/>
    <col min="3347" max="3347" width="17.77734375" style="531" customWidth="1"/>
    <col min="3348" max="3587" width="8.88671875" style="531"/>
    <col min="3588" max="3588" width="4.21875" style="531" customWidth="1"/>
    <col min="3589" max="3600" width="7.33203125" style="531" customWidth="1"/>
    <col min="3601" max="3601" width="5.6640625" style="531" customWidth="1"/>
    <col min="3602" max="3602" width="1.33203125" style="531" customWidth="1"/>
    <col min="3603" max="3603" width="17.77734375" style="531" customWidth="1"/>
    <col min="3604" max="3843" width="8.88671875" style="531"/>
    <col min="3844" max="3844" width="4.21875" style="531" customWidth="1"/>
    <col min="3845" max="3856" width="7.33203125" style="531" customWidth="1"/>
    <col min="3857" max="3857" width="5.6640625" style="531" customWidth="1"/>
    <col min="3858" max="3858" width="1.33203125" style="531" customWidth="1"/>
    <col min="3859" max="3859" width="17.77734375" style="531" customWidth="1"/>
    <col min="3860" max="4099" width="8.88671875" style="531"/>
    <col min="4100" max="4100" width="4.21875" style="531" customWidth="1"/>
    <col min="4101" max="4112" width="7.33203125" style="531" customWidth="1"/>
    <col min="4113" max="4113" width="5.6640625" style="531" customWidth="1"/>
    <col min="4114" max="4114" width="1.33203125" style="531" customWidth="1"/>
    <col min="4115" max="4115" width="17.77734375" style="531" customWidth="1"/>
    <col min="4116" max="4355" width="8.88671875" style="531"/>
    <col min="4356" max="4356" width="4.21875" style="531" customWidth="1"/>
    <col min="4357" max="4368" width="7.33203125" style="531" customWidth="1"/>
    <col min="4369" max="4369" width="5.6640625" style="531" customWidth="1"/>
    <col min="4370" max="4370" width="1.33203125" style="531" customWidth="1"/>
    <col min="4371" max="4371" width="17.77734375" style="531" customWidth="1"/>
    <col min="4372" max="4611" width="8.88671875" style="531"/>
    <col min="4612" max="4612" width="4.21875" style="531" customWidth="1"/>
    <col min="4613" max="4624" width="7.33203125" style="531" customWidth="1"/>
    <col min="4625" max="4625" width="5.6640625" style="531" customWidth="1"/>
    <col min="4626" max="4626" width="1.33203125" style="531" customWidth="1"/>
    <col min="4627" max="4627" width="17.77734375" style="531" customWidth="1"/>
    <col min="4628" max="4867" width="8.88671875" style="531"/>
    <col min="4868" max="4868" width="4.21875" style="531" customWidth="1"/>
    <col min="4869" max="4880" width="7.33203125" style="531" customWidth="1"/>
    <col min="4881" max="4881" width="5.6640625" style="531" customWidth="1"/>
    <col min="4882" max="4882" width="1.33203125" style="531" customWidth="1"/>
    <col min="4883" max="4883" width="17.77734375" style="531" customWidth="1"/>
    <col min="4884" max="5123" width="8.88671875" style="531"/>
    <col min="5124" max="5124" width="4.21875" style="531" customWidth="1"/>
    <col min="5125" max="5136" width="7.33203125" style="531" customWidth="1"/>
    <col min="5137" max="5137" width="5.6640625" style="531" customWidth="1"/>
    <col min="5138" max="5138" width="1.33203125" style="531" customWidth="1"/>
    <col min="5139" max="5139" width="17.77734375" style="531" customWidth="1"/>
    <col min="5140" max="5379" width="8.88671875" style="531"/>
    <col min="5380" max="5380" width="4.21875" style="531" customWidth="1"/>
    <col min="5381" max="5392" width="7.33203125" style="531" customWidth="1"/>
    <col min="5393" max="5393" width="5.6640625" style="531" customWidth="1"/>
    <col min="5394" max="5394" width="1.33203125" style="531" customWidth="1"/>
    <col min="5395" max="5395" width="17.77734375" style="531" customWidth="1"/>
    <col min="5396" max="5635" width="8.88671875" style="531"/>
    <col min="5636" max="5636" width="4.21875" style="531" customWidth="1"/>
    <col min="5637" max="5648" width="7.33203125" style="531" customWidth="1"/>
    <col min="5649" max="5649" width="5.6640625" style="531" customWidth="1"/>
    <col min="5650" max="5650" width="1.33203125" style="531" customWidth="1"/>
    <col min="5651" max="5651" width="17.77734375" style="531" customWidth="1"/>
    <col min="5652" max="5891" width="8.88671875" style="531"/>
    <col min="5892" max="5892" width="4.21875" style="531" customWidth="1"/>
    <col min="5893" max="5904" width="7.33203125" style="531" customWidth="1"/>
    <col min="5905" max="5905" width="5.6640625" style="531" customWidth="1"/>
    <col min="5906" max="5906" width="1.33203125" style="531" customWidth="1"/>
    <col min="5907" max="5907" width="17.77734375" style="531" customWidth="1"/>
    <col min="5908" max="6147" width="8.88671875" style="531"/>
    <col min="6148" max="6148" width="4.21875" style="531" customWidth="1"/>
    <col min="6149" max="6160" width="7.33203125" style="531" customWidth="1"/>
    <col min="6161" max="6161" width="5.6640625" style="531" customWidth="1"/>
    <col min="6162" max="6162" width="1.33203125" style="531" customWidth="1"/>
    <col min="6163" max="6163" width="17.77734375" style="531" customWidth="1"/>
    <col min="6164" max="6403" width="8.88671875" style="531"/>
    <col min="6404" max="6404" width="4.21875" style="531" customWidth="1"/>
    <col min="6405" max="6416" width="7.33203125" style="531" customWidth="1"/>
    <col min="6417" max="6417" width="5.6640625" style="531" customWidth="1"/>
    <col min="6418" max="6418" width="1.33203125" style="531" customWidth="1"/>
    <col min="6419" max="6419" width="17.77734375" style="531" customWidth="1"/>
    <col min="6420" max="6659" width="8.88671875" style="531"/>
    <col min="6660" max="6660" width="4.21875" style="531" customWidth="1"/>
    <col min="6661" max="6672" width="7.33203125" style="531" customWidth="1"/>
    <col min="6673" max="6673" width="5.6640625" style="531" customWidth="1"/>
    <col min="6674" max="6674" width="1.33203125" style="531" customWidth="1"/>
    <col min="6675" max="6675" width="17.77734375" style="531" customWidth="1"/>
    <col min="6676" max="6915" width="8.88671875" style="531"/>
    <col min="6916" max="6916" width="4.21875" style="531" customWidth="1"/>
    <col min="6917" max="6928" width="7.33203125" style="531" customWidth="1"/>
    <col min="6929" max="6929" width="5.6640625" style="531" customWidth="1"/>
    <col min="6930" max="6930" width="1.33203125" style="531" customWidth="1"/>
    <col min="6931" max="6931" width="17.77734375" style="531" customWidth="1"/>
    <col min="6932" max="7171" width="8.88671875" style="531"/>
    <col min="7172" max="7172" width="4.21875" style="531" customWidth="1"/>
    <col min="7173" max="7184" width="7.33203125" style="531" customWidth="1"/>
    <col min="7185" max="7185" width="5.6640625" style="531" customWidth="1"/>
    <col min="7186" max="7186" width="1.33203125" style="531" customWidth="1"/>
    <col min="7187" max="7187" width="17.77734375" style="531" customWidth="1"/>
    <col min="7188" max="7427" width="8.88671875" style="531"/>
    <col min="7428" max="7428" width="4.21875" style="531" customWidth="1"/>
    <col min="7429" max="7440" width="7.33203125" style="531" customWidth="1"/>
    <col min="7441" max="7441" width="5.6640625" style="531" customWidth="1"/>
    <col min="7442" max="7442" width="1.33203125" style="531" customWidth="1"/>
    <col min="7443" max="7443" width="17.77734375" style="531" customWidth="1"/>
    <col min="7444" max="7683" width="8.88671875" style="531"/>
    <col min="7684" max="7684" width="4.21875" style="531" customWidth="1"/>
    <col min="7685" max="7696" width="7.33203125" style="531" customWidth="1"/>
    <col min="7697" max="7697" width="5.6640625" style="531" customWidth="1"/>
    <col min="7698" max="7698" width="1.33203125" style="531" customWidth="1"/>
    <col min="7699" max="7699" width="17.77734375" style="531" customWidth="1"/>
    <col min="7700" max="7939" width="8.88671875" style="531"/>
    <col min="7940" max="7940" width="4.21875" style="531" customWidth="1"/>
    <col min="7941" max="7952" width="7.33203125" style="531" customWidth="1"/>
    <col min="7953" max="7953" width="5.6640625" style="531" customWidth="1"/>
    <col min="7954" max="7954" width="1.33203125" style="531" customWidth="1"/>
    <col min="7955" max="7955" width="17.77734375" style="531" customWidth="1"/>
    <col min="7956" max="8195" width="8.88671875" style="531"/>
    <col min="8196" max="8196" width="4.21875" style="531" customWidth="1"/>
    <col min="8197" max="8208" width="7.33203125" style="531" customWidth="1"/>
    <col min="8209" max="8209" width="5.6640625" style="531" customWidth="1"/>
    <col min="8210" max="8210" width="1.33203125" style="531" customWidth="1"/>
    <col min="8211" max="8211" width="17.77734375" style="531" customWidth="1"/>
    <col min="8212" max="8451" width="8.88671875" style="531"/>
    <col min="8452" max="8452" width="4.21875" style="531" customWidth="1"/>
    <col min="8453" max="8464" width="7.33203125" style="531" customWidth="1"/>
    <col min="8465" max="8465" width="5.6640625" style="531" customWidth="1"/>
    <col min="8466" max="8466" width="1.33203125" style="531" customWidth="1"/>
    <col min="8467" max="8467" width="17.77734375" style="531" customWidth="1"/>
    <col min="8468" max="8707" width="8.88671875" style="531"/>
    <col min="8708" max="8708" width="4.21875" style="531" customWidth="1"/>
    <col min="8709" max="8720" width="7.33203125" style="531" customWidth="1"/>
    <col min="8721" max="8721" width="5.6640625" style="531" customWidth="1"/>
    <col min="8722" max="8722" width="1.33203125" style="531" customWidth="1"/>
    <col min="8723" max="8723" width="17.77734375" style="531" customWidth="1"/>
    <col min="8724" max="8963" width="8.88671875" style="531"/>
    <col min="8964" max="8964" width="4.21875" style="531" customWidth="1"/>
    <col min="8965" max="8976" width="7.33203125" style="531" customWidth="1"/>
    <col min="8977" max="8977" width="5.6640625" style="531" customWidth="1"/>
    <col min="8978" max="8978" width="1.33203125" style="531" customWidth="1"/>
    <col min="8979" max="8979" width="17.77734375" style="531" customWidth="1"/>
    <col min="8980" max="9219" width="8.88671875" style="531"/>
    <col min="9220" max="9220" width="4.21875" style="531" customWidth="1"/>
    <col min="9221" max="9232" width="7.33203125" style="531" customWidth="1"/>
    <col min="9233" max="9233" width="5.6640625" style="531" customWidth="1"/>
    <col min="9234" max="9234" width="1.33203125" style="531" customWidth="1"/>
    <col min="9235" max="9235" width="17.77734375" style="531" customWidth="1"/>
    <col min="9236" max="9475" width="8.88671875" style="531"/>
    <col min="9476" max="9476" width="4.21875" style="531" customWidth="1"/>
    <col min="9477" max="9488" width="7.33203125" style="531" customWidth="1"/>
    <col min="9489" max="9489" width="5.6640625" style="531" customWidth="1"/>
    <col min="9490" max="9490" width="1.33203125" style="531" customWidth="1"/>
    <col min="9491" max="9491" width="17.77734375" style="531" customWidth="1"/>
    <col min="9492" max="9731" width="8.88671875" style="531"/>
    <col min="9732" max="9732" width="4.21875" style="531" customWidth="1"/>
    <col min="9733" max="9744" width="7.33203125" style="531" customWidth="1"/>
    <col min="9745" max="9745" width="5.6640625" style="531" customWidth="1"/>
    <col min="9746" max="9746" width="1.33203125" style="531" customWidth="1"/>
    <col min="9747" max="9747" width="17.77734375" style="531" customWidth="1"/>
    <col min="9748" max="9987" width="8.88671875" style="531"/>
    <col min="9988" max="9988" width="4.21875" style="531" customWidth="1"/>
    <col min="9989" max="10000" width="7.33203125" style="531" customWidth="1"/>
    <col min="10001" max="10001" width="5.6640625" style="531" customWidth="1"/>
    <col min="10002" max="10002" width="1.33203125" style="531" customWidth="1"/>
    <col min="10003" max="10003" width="17.77734375" style="531" customWidth="1"/>
    <col min="10004" max="10243" width="8.88671875" style="531"/>
    <col min="10244" max="10244" width="4.21875" style="531" customWidth="1"/>
    <col min="10245" max="10256" width="7.33203125" style="531" customWidth="1"/>
    <col min="10257" max="10257" width="5.6640625" style="531" customWidth="1"/>
    <col min="10258" max="10258" width="1.33203125" style="531" customWidth="1"/>
    <col min="10259" max="10259" width="17.77734375" style="531" customWidth="1"/>
    <col min="10260" max="10499" width="8.88671875" style="531"/>
    <col min="10500" max="10500" width="4.21875" style="531" customWidth="1"/>
    <col min="10501" max="10512" width="7.33203125" style="531" customWidth="1"/>
    <col min="10513" max="10513" width="5.6640625" style="531" customWidth="1"/>
    <col min="10514" max="10514" width="1.33203125" style="531" customWidth="1"/>
    <col min="10515" max="10515" width="17.77734375" style="531" customWidth="1"/>
    <col min="10516" max="10755" width="8.88671875" style="531"/>
    <col min="10756" max="10756" width="4.21875" style="531" customWidth="1"/>
    <col min="10757" max="10768" width="7.33203125" style="531" customWidth="1"/>
    <col min="10769" max="10769" width="5.6640625" style="531" customWidth="1"/>
    <col min="10770" max="10770" width="1.33203125" style="531" customWidth="1"/>
    <col min="10771" max="10771" width="17.77734375" style="531" customWidth="1"/>
    <col min="10772" max="11011" width="8.88671875" style="531"/>
    <col min="11012" max="11012" width="4.21875" style="531" customWidth="1"/>
    <col min="11013" max="11024" width="7.33203125" style="531" customWidth="1"/>
    <col min="11025" max="11025" width="5.6640625" style="531" customWidth="1"/>
    <col min="11026" max="11026" width="1.33203125" style="531" customWidth="1"/>
    <col min="11027" max="11027" width="17.77734375" style="531" customWidth="1"/>
    <col min="11028" max="11267" width="8.88671875" style="531"/>
    <col min="11268" max="11268" width="4.21875" style="531" customWidth="1"/>
    <col min="11269" max="11280" width="7.33203125" style="531" customWidth="1"/>
    <col min="11281" max="11281" width="5.6640625" style="531" customWidth="1"/>
    <col min="11282" max="11282" width="1.33203125" style="531" customWidth="1"/>
    <col min="11283" max="11283" width="17.77734375" style="531" customWidth="1"/>
    <col min="11284" max="11523" width="8.88671875" style="531"/>
    <col min="11524" max="11524" width="4.21875" style="531" customWidth="1"/>
    <col min="11525" max="11536" width="7.33203125" style="531" customWidth="1"/>
    <col min="11537" max="11537" width="5.6640625" style="531" customWidth="1"/>
    <col min="11538" max="11538" width="1.33203125" style="531" customWidth="1"/>
    <col min="11539" max="11539" width="17.77734375" style="531" customWidth="1"/>
    <col min="11540" max="11779" width="8.88671875" style="531"/>
    <col min="11780" max="11780" width="4.21875" style="531" customWidth="1"/>
    <col min="11781" max="11792" width="7.33203125" style="531" customWidth="1"/>
    <col min="11793" max="11793" width="5.6640625" style="531" customWidth="1"/>
    <col min="11794" max="11794" width="1.33203125" style="531" customWidth="1"/>
    <col min="11795" max="11795" width="17.77734375" style="531" customWidth="1"/>
    <col min="11796" max="12035" width="8.88671875" style="531"/>
    <col min="12036" max="12036" width="4.21875" style="531" customWidth="1"/>
    <col min="12037" max="12048" width="7.33203125" style="531" customWidth="1"/>
    <col min="12049" max="12049" width="5.6640625" style="531" customWidth="1"/>
    <col min="12050" max="12050" width="1.33203125" style="531" customWidth="1"/>
    <col min="12051" max="12051" width="17.77734375" style="531" customWidth="1"/>
    <col min="12052" max="12291" width="8.88671875" style="531"/>
    <col min="12292" max="12292" width="4.21875" style="531" customWidth="1"/>
    <col min="12293" max="12304" width="7.33203125" style="531" customWidth="1"/>
    <col min="12305" max="12305" width="5.6640625" style="531" customWidth="1"/>
    <col min="12306" max="12306" width="1.33203125" style="531" customWidth="1"/>
    <col min="12307" max="12307" width="17.77734375" style="531" customWidth="1"/>
    <col min="12308" max="12547" width="8.88671875" style="531"/>
    <col min="12548" max="12548" width="4.21875" style="531" customWidth="1"/>
    <col min="12549" max="12560" width="7.33203125" style="531" customWidth="1"/>
    <col min="12561" max="12561" width="5.6640625" style="531" customWidth="1"/>
    <col min="12562" max="12562" width="1.33203125" style="531" customWidth="1"/>
    <col min="12563" max="12563" width="17.77734375" style="531" customWidth="1"/>
    <col min="12564" max="12803" width="8.88671875" style="531"/>
    <col min="12804" max="12804" width="4.21875" style="531" customWidth="1"/>
    <col min="12805" max="12816" width="7.33203125" style="531" customWidth="1"/>
    <col min="12817" max="12817" width="5.6640625" style="531" customWidth="1"/>
    <col min="12818" max="12818" width="1.33203125" style="531" customWidth="1"/>
    <col min="12819" max="12819" width="17.77734375" style="531" customWidth="1"/>
    <col min="12820" max="13059" width="8.88671875" style="531"/>
    <col min="13060" max="13060" width="4.21875" style="531" customWidth="1"/>
    <col min="13061" max="13072" width="7.33203125" style="531" customWidth="1"/>
    <col min="13073" max="13073" width="5.6640625" style="531" customWidth="1"/>
    <col min="13074" max="13074" width="1.33203125" style="531" customWidth="1"/>
    <col min="13075" max="13075" width="17.77734375" style="531" customWidth="1"/>
    <col min="13076" max="13315" width="8.88671875" style="531"/>
    <col min="13316" max="13316" width="4.21875" style="531" customWidth="1"/>
    <col min="13317" max="13328" width="7.33203125" style="531" customWidth="1"/>
    <col min="13329" max="13329" width="5.6640625" style="531" customWidth="1"/>
    <col min="13330" max="13330" width="1.33203125" style="531" customWidth="1"/>
    <col min="13331" max="13331" width="17.77734375" style="531" customWidth="1"/>
    <col min="13332" max="13571" width="8.88671875" style="531"/>
    <col min="13572" max="13572" width="4.21875" style="531" customWidth="1"/>
    <col min="13573" max="13584" width="7.33203125" style="531" customWidth="1"/>
    <col min="13585" max="13585" width="5.6640625" style="531" customWidth="1"/>
    <col min="13586" max="13586" width="1.33203125" style="531" customWidth="1"/>
    <col min="13587" max="13587" width="17.77734375" style="531" customWidth="1"/>
    <col min="13588" max="13827" width="8.88671875" style="531"/>
    <col min="13828" max="13828" width="4.21875" style="531" customWidth="1"/>
    <col min="13829" max="13840" width="7.33203125" style="531" customWidth="1"/>
    <col min="13841" max="13841" width="5.6640625" style="531" customWidth="1"/>
    <col min="13842" max="13842" width="1.33203125" style="531" customWidth="1"/>
    <col min="13843" max="13843" width="17.77734375" style="531" customWidth="1"/>
    <col min="13844" max="14083" width="8.88671875" style="531"/>
    <col min="14084" max="14084" width="4.21875" style="531" customWidth="1"/>
    <col min="14085" max="14096" width="7.33203125" style="531" customWidth="1"/>
    <col min="14097" max="14097" width="5.6640625" style="531" customWidth="1"/>
    <col min="14098" max="14098" width="1.33203125" style="531" customWidth="1"/>
    <col min="14099" max="14099" width="17.77734375" style="531" customWidth="1"/>
    <col min="14100" max="14339" width="8.88671875" style="531"/>
    <col min="14340" max="14340" width="4.21875" style="531" customWidth="1"/>
    <col min="14341" max="14352" width="7.33203125" style="531" customWidth="1"/>
    <col min="14353" max="14353" width="5.6640625" style="531" customWidth="1"/>
    <col min="14354" max="14354" width="1.33203125" style="531" customWidth="1"/>
    <col min="14355" max="14355" width="17.77734375" style="531" customWidth="1"/>
    <col min="14356" max="14595" width="8.88671875" style="531"/>
    <col min="14596" max="14596" width="4.21875" style="531" customWidth="1"/>
    <col min="14597" max="14608" width="7.33203125" style="531" customWidth="1"/>
    <col min="14609" max="14609" width="5.6640625" style="531" customWidth="1"/>
    <col min="14610" max="14610" width="1.33203125" style="531" customWidth="1"/>
    <col min="14611" max="14611" width="17.77734375" style="531" customWidth="1"/>
    <col min="14612" max="14851" width="8.88671875" style="531"/>
    <col min="14852" max="14852" width="4.21875" style="531" customWidth="1"/>
    <col min="14853" max="14864" width="7.33203125" style="531" customWidth="1"/>
    <col min="14865" max="14865" width="5.6640625" style="531" customWidth="1"/>
    <col min="14866" max="14866" width="1.33203125" style="531" customWidth="1"/>
    <col min="14867" max="14867" width="17.77734375" style="531" customWidth="1"/>
    <col min="14868" max="15107" width="8.88671875" style="531"/>
    <col min="15108" max="15108" width="4.21875" style="531" customWidth="1"/>
    <col min="15109" max="15120" width="7.33203125" style="531" customWidth="1"/>
    <col min="15121" max="15121" width="5.6640625" style="531" customWidth="1"/>
    <col min="15122" max="15122" width="1.33203125" style="531" customWidth="1"/>
    <col min="15123" max="15123" width="17.77734375" style="531" customWidth="1"/>
    <col min="15124" max="15363" width="8.88671875" style="531"/>
    <col min="15364" max="15364" width="4.21875" style="531" customWidth="1"/>
    <col min="15365" max="15376" width="7.33203125" style="531" customWidth="1"/>
    <col min="15377" max="15377" width="5.6640625" style="531" customWidth="1"/>
    <col min="15378" max="15378" width="1.33203125" style="531" customWidth="1"/>
    <col min="15379" max="15379" width="17.77734375" style="531" customWidth="1"/>
    <col min="15380" max="15619" width="8.88671875" style="531"/>
    <col min="15620" max="15620" width="4.21875" style="531" customWidth="1"/>
    <col min="15621" max="15632" width="7.33203125" style="531" customWidth="1"/>
    <col min="15633" max="15633" width="5.6640625" style="531" customWidth="1"/>
    <col min="15634" max="15634" width="1.33203125" style="531" customWidth="1"/>
    <col min="15635" max="15635" width="17.77734375" style="531" customWidth="1"/>
    <col min="15636" max="15875" width="8.88671875" style="531"/>
    <col min="15876" max="15876" width="4.21875" style="531" customWidth="1"/>
    <col min="15877" max="15888" width="7.33203125" style="531" customWidth="1"/>
    <col min="15889" max="15889" width="5.6640625" style="531" customWidth="1"/>
    <col min="15890" max="15890" width="1.33203125" style="531" customWidth="1"/>
    <col min="15891" max="15891" width="17.77734375" style="531" customWidth="1"/>
    <col min="15892" max="16131" width="8.88671875" style="531"/>
    <col min="16132" max="16132" width="4.21875" style="531" customWidth="1"/>
    <col min="16133" max="16144" width="7.33203125" style="531" customWidth="1"/>
    <col min="16145" max="16145" width="5.6640625" style="531" customWidth="1"/>
    <col min="16146" max="16146" width="1.33203125" style="531" customWidth="1"/>
    <col min="16147" max="16147" width="17.77734375" style="531" customWidth="1"/>
    <col min="16148" max="16384" width="8.88671875" style="531"/>
  </cols>
  <sheetData>
    <row r="1" spans="1:259" ht="180" customHeight="1" x14ac:dyDescent="0.2">
      <c r="A1" s="1273" t="s">
        <v>488</v>
      </c>
      <c r="B1" s="1273"/>
      <c r="C1" s="1273"/>
      <c r="D1" s="1273"/>
      <c r="E1" s="1273"/>
      <c r="F1" s="1273"/>
      <c r="G1" s="1273"/>
      <c r="H1" s="1273"/>
      <c r="I1" s="1273"/>
      <c r="J1" s="1273"/>
      <c r="K1" s="1273"/>
      <c r="L1" s="1273"/>
      <c r="M1" s="1273"/>
      <c r="N1" s="1273"/>
      <c r="O1" s="1273"/>
      <c r="P1" s="1273"/>
      <c r="Q1" s="1273"/>
      <c r="R1" s="1273"/>
      <c r="S1" s="1273"/>
      <c r="T1" s="1273"/>
      <c r="U1" s="530"/>
      <c r="V1" s="530"/>
      <c r="W1" s="530"/>
      <c r="X1" s="530"/>
      <c r="Y1" s="530"/>
      <c r="Z1" s="530"/>
      <c r="AA1" s="530"/>
      <c r="AB1" s="530"/>
      <c r="AC1" s="530"/>
      <c r="AD1" s="530"/>
      <c r="AE1" s="530"/>
      <c r="AF1" s="530"/>
      <c r="AG1" s="530"/>
      <c r="AH1" s="530"/>
      <c r="AI1" s="530"/>
      <c r="AJ1" s="530"/>
      <c r="AK1" s="530"/>
      <c r="AL1" s="530"/>
      <c r="AM1" s="530"/>
      <c r="AN1" s="530"/>
      <c r="AO1" s="530"/>
      <c r="AP1" s="530"/>
      <c r="AQ1" s="530"/>
      <c r="AR1" s="530"/>
      <c r="AS1" s="530"/>
      <c r="AT1" s="530"/>
      <c r="AU1" s="530"/>
      <c r="AV1" s="530"/>
      <c r="AW1" s="530"/>
      <c r="AX1" s="530"/>
      <c r="AY1" s="530"/>
      <c r="AZ1" s="530"/>
      <c r="BA1" s="530"/>
      <c r="BB1" s="530"/>
      <c r="BC1" s="530"/>
      <c r="BD1" s="530"/>
      <c r="BE1" s="530"/>
      <c r="BF1" s="530"/>
      <c r="BG1" s="530"/>
      <c r="BH1" s="530"/>
      <c r="BI1" s="530"/>
      <c r="BJ1" s="530"/>
      <c r="BK1" s="530"/>
      <c r="BL1" s="530"/>
      <c r="BM1" s="530"/>
      <c r="BN1" s="530"/>
      <c r="BO1" s="530"/>
      <c r="BP1" s="530"/>
      <c r="BQ1" s="530"/>
      <c r="BR1" s="530"/>
      <c r="BS1" s="530"/>
      <c r="BT1" s="530"/>
      <c r="BU1" s="530"/>
      <c r="BV1" s="530"/>
      <c r="BW1" s="530"/>
      <c r="BX1" s="530"/>
      <c r="BY1" s="530"/>
      <c r="BZ1" s="530"/>
      <c r="CA1" s="530"/>
      <c r="CB1" s="530"/>
      <c r="CC1" s="530"/>
      <c r="CD1" s="530"/>
      <c r="CE1" s="530"/>
      <c r="CF1" s="530"/>
      <c r="CG1" s="530"/>
      <c r="CH1" s="530"/>
      <c r="CI1" s="530"/>
      <c r="CJ1" s="530"/>
      <c r="CK1" s="530"/>
      <c r="CL1" s="530"/>
      <c r="CM1" s="530"/>
      <c r="CN1" s="530"/>
      <c r="CO1" s="530"/>
      <c r="CP1" s="530"/>
      <c r="CQ1" s="530"/>
      <c r="CR1" s="530"/>
      <c r="CS1" s="530"/>
      <c r="CT1" s="530"/>
      <c r="CU1" s="530"/>
      <c r="CV1" s="530"/>
      <c r="CW1" s="530"/>
      <c r="CX1" s="530"/>
      <c r="CY1" s="530"/>
      <c r="CZ1" s="530"/>
      <c r="DA1" s="530"/>
      <c r="DB1" s="530"/>
      <c r="DC1" s="530"/>
      <c r="DD1" s="530"/>
      <c r="DE1" s="530"/>
      <c r="DF1" s="530"/>
      <c r="DG1" s="530"/>
      <c r="DH1" s="530"/>
      <c r="DI1" s="530"/>
      <c r="DJ1" s="530"/>
      <c r="DK1" s="530"/>
      <c r="DL1" s="530"/>
      <c r="DM1" s="530"/>
      <c r="DN1" s="530"/>
      <c r="DO1" s="530"/>
      <c r="DP1" s="530"/>
      <c r="DQ1" s="530"/>
      <c r="DR1" s="530"/>
      <c r="DS1" s="530"/>
      <c r="DT1" s="530"/>
      <c r="DU1" s="530"/>
      <c r="DV1" s="530"/>
      <c r="DW1" s="530"/>
      <c r="DX1" s="530"/>
      <c r="DY1" s="530"/>
      <c r="DZ1" s="530"/>
      <c r="EA1" s="530"/>
      <c r="EB1" s="530"/>
      <c r="EC1" s="530"/>
      <c r="ED1" s="530"/>
      <c r="EE1" s="530"/>
      <c r="EF1" s="530"/>
      <c r="EG1" s="530"/>
      <c r="EH1" s="530"/>
      <c r="EI1" s="530"/>
      <c r="EJ1" s="530"/>
      <c r="EK1" s="530"/>
      <c r="EL1" s="530"/>
      <c r="EM1" s="530"/>
      <c r="EN1" s="530"/>
      <c r="EO1" s="530"/>
      <c r="EP1" s="530"/>
      <c r="EQ1" s="530"/>
      <c r="ER1" s="530"/>
      <c r="ES1" s="530"/>
      <c r="ET1" s="530"/>
      <c r="EU1" s="530"/>
      <c r="EV1" s="530"/>
      <c r="EW1" s="530"/>
      <c r="EX1" s="530"/>
      <c r="EY1" s="530"/>
      <c r="EZ1" s="530"/>
      <c r="FA1" s="530"/>
      <c r="FB1" s="530"/>
      <c r="FC1" s="530"/>
      <c r="FD1" s="530"/>
      <c r="FE1" s="530"/>
      <c r="FF1" s="530"/>
      <c r="FG1" s="530"/>
      <c r="FH1" s="530"/>
      <c r="FI1" s="530"/>
      <c r="FJ1" s="530"/>
      <c r="FK1" s="530"/>
      <c r="FL1" s="530"/>
      <c r="FM1" s="530"/>
      <c r="FN1" s="530"/>
      <c r="FO1" s="530"/>
      <c r="FP1" s="530"/>
      <c r="FQ1" s="530"/>
      <c r="FR1" s="530"/>
      <c r="FS1" s="530"/>
      <c r="FT1" s="530"/>
      <c r="FU1" s="530"/>
      <c r="FV1" s="530"/>
      <c r="FW1" s="530"/>
      <c r="FX1" s="530"/>
      <c r="FY1" s="530"/>
      <c r="FZ1" s="530"/>
      <c r="GA1" s="530"/>
      <c r="GB1" s="530"/>
      <c r="GC1" s="530"/>
      <c r="GD1" s="530"/>
      <c r="GE1" s="530"/>
      <c r="GF1" s="530"/>
      <c r="GG1" s="530"/>
      <c r="GH1" s="530"/>
      <c r="GI1" s="530"/>
      <c r="GJ1" s="530"/>
      <c r="GK1" s="530"/>
      <c r="GL1" s="530"/>
      <c r="GM1" s="530"/>
      <c r="GN1" s="530"/>
      <c r="GO1" s="530"/>
      <c r="GP1" s="530"/>
      <c r="GQ1" s="530"/>
      <c r="GR1" s="530"/>
      <c r="GS1" s="530"/>
      <c r="GT1" s="530"/>
      <c r="GU1" s="530"/>
      <c r="GV1" s="530"/>
      <c r="GW1" s="530"/>
      <c r="GX1" s="530"/>
      <c r="GY1" s="530"/>
      <c r="GZ1" s="530"/>
      <c r="HA1" s="530"/>
      <c r="HB1" s="530"/>
      <c r="HC1" s="530"/>
      <c r="HD1" s="530"/>
      <c r="HE1" s="530"/>
      <c r="HF1" s="530"/>
      <c r="HG1" s="530"/>
      <c r="HH1" s="530"/>
      <c r="HI1" s="530"/>
      <c r="HJ1" s="530"/>
      <c r="HK1" s="530"/>
      <c r="HL1" s="530"/>
      <c r="HM1" s="530"/>
      <c r="HN1" s="530"/>
      <c r="HO1" s="530"/>
      <c r="HP1" s="530"/>
      <c r="HQ1" s="530"/>
      <c r="HR1" s="530"/>
      <c r="HS1" s="530"/>
      <c r="HT1" s="530"/>
      <c r="HU1" s="530"/>
      <c r="HV1" s="530"/>
      <c r="HW1" s="530"/>
      <c r="HX1" s="530"/>
      <c r="HY1" s="530"/>
      <c r="HZ1" s="530"/>
      <c r="IA1" s="530"/>
      <c r="IB1" s="530"/>
      <c r="IC1" s="530"/>
      <c r="ID1" s="530"/>
      <c r="IE1" s="530"/>
      <c r="IF1" s="530"/>
      <c r="IG1" s="530"/>
      <c r="IH1" s="530"/>
      <c r="II1" s="530"/>
      <c r="IJ1" s="530"/>
      <c r="IK1" s="530"/>
      <c r="IL1" s="530"/>
      <c r="IM1" s="530"/>
      <c r="IN1" s="530"/>
      <c r="IO1" s="530"/>
      <c r="IP1" s="530"/>
      <c r="IQ1" s="530"/>
      <c r="IR1" s="530"/>
      <c r="IS1" s="530"/>
      <c r="IT1" s="530"/>
      <c r="IU1" s="530"/>
      <c r="IV1" s="530"/>
      <c r="IW1" s="530"/>
      <c r="IX1" s="530"/>
      <c r="IY1" s="530"/>
    </row>
    <row r="2" spans="1:259" s="541" customFormat="1" ht="409.5" customHeight="1" x14ac:dyDescent="0.2">
      <c r="A2" s="1274" t="s">
        <v>489</v>
      </c>
      <c r="B2" s="1274"/>
      <c r="C2" s="1274"/>
      <c r="D2" s="1274"/>
      <c r="E2" s="1274"/>
      <c r="F2" s="1274"/>
      <c r="G2" s="1274"/>
      <c r="H2" s="1274"/>
      <c r="I2" s="1274"/>
      <c r="J2" s="1274"/>
      <c r="K2" s="1274"/>
      <c r="L2" s="1274"/>
      <c r="M2" s="1274"/>
      <c r="N2" s="1274"/>
      <c r="O2" s="1274"/>
      <c r="P2" s="1274"/>
      <c r="Q2" s="1274"/>
      <c r="R2" s="1274"/>
      <c r="S2" s="1274"/>
      <c r="T2" s="1274"/>
      <c r="U2" s="1275"/>
      <c r="V2" s="1275"/>
      <c r="W2" s="1275"/>
      <c r="X2" s="1275"/>
      <c r="Y2" s="1275" t="s">
        <v>490</v>
      </c>
      <c r="Z2" s="1275"/>
      <c r="AA2" s="1275"/>
      <c r="AB2" s="1275"/>
      <c r="AC2" s="1275"/>
      <c r="AD2" s="1275"/>
      <c r="AE2" s="1275"/>
      <c r="AF2" s="1275"/>
      <c r="AG2" s="1275"/>
      <c r="AH2" s="1275"/>
      <c r="AI2" s="1275"/>
      <c r="AJ2" s="1275"/>
      <c r="AK2" s="1275"/>
      <c r="AL2" s="1275"/>
      <c r="AM2" s="1275"/>
      <c r="AN2" s="1275"/>
      <c r="AO2" s="1275"/>
      <c r="AP2" s="1275"/>
      <c r="AQ2" s="1275"/>
      <c r="AR2" s="1275"/>
      <c r="AS2" s="1275"/>
      <c r="AT2" s="1275"/>
      <c r="AU2" s="1275"/>
      <c r="AV2" s="1275"/>
      <c r="AW2" s="1275"/>
      <c r="AX2" s="1275"/>
      <c r="AY2" s="1275"/>
      <c r="AZ2" s="1275"/>
      <c r="BA2" s="1275"/>
      <c r="BB2" s="1275"/>
      <c r="BC2" s="1275"/>
      <c r="BD2" s="1275"/>
      <c r="BE2" s="1275"/>
      <c r="BF2" s="1275"/>
      <c r="BG2" s="1275"/>
      <c r="BH2" s="1275"/>
      <c r="BI2" s="1275"/>
      <c r="BJ2" s="1275"/>
      <c r="BK2" s="1275"/>
      <c r="BL2" s="1275"/>
      <c r="BM2" s="1275"/>
      <c r="BN2" s="1275"/>
      <c r="BO2" s="1275"/>
      <c r="BP2" s="1275"/>
      <c r="BQ2" s="1275"/>
      <c r="BR2" s="1275"/>
      <c r="BS2" s="1275"/>
      <c r="BT2" s="1275"/>
      <c r="BU2" s="1275"/>
      <c r="BV2" s="1275"/>
      <c r="BW2" s="1275"/>
      <c r="BX2" s="1275"/>
      <c r="BY2" s="1275"/>
      <c r="BZ2" s="1275"/>
      <c r="CA2" s="1275"/>
      <c r="CB2" s="1275"/>
      <c r="CC2" s="1275"/>
      <c r="CD2" s="1275"/>
      <c r="CE2" s="1275"/>
      <c r="CF2" s="1275"/>
      <c r="CG2" s="1275"/>
      <c r="CH2" s="1275"/>
      <c r="CI2" s="1275"/>
      <c r="CJ2" s="1275"/>
      <c r="CK2" s="1275"/>
      <c r="CL2" s="1275"/>
      <c r="CM2" s="1275"/>
      <c r="CN2" s="1275"/>
      <c r="CO2" s="1275"/>
      <c r="CP2" s="1275"/>
      <c r="CQ2" s="1275"/>
      <c r="CR2" s="1275"/>
      <c r="CS2" s="1275"/>
      <c r="CT2" s="1275"/>
      <c r="CU2" s="1275"/>
      <c r="CV2" s="1275"/>
      <c r="CW2" s="1275"/>
      <c r="CX2" s="1275"/>
      <c r="CY2" s="1275"/>
      <c r="CZ2" s="1275"/>
      <c r="DA2" s="1275"/>
      <c r="DB2" s="1275"/>
      <c r="DC2" s="1275"/>
      <c r="DD2" s="1275"/>
      <c r="DE2" s="1275"/>
      <c r="DF2" s="1275"/>
      <c r="DG2" s="1275"/>
      <c r="DH2" s="1275"/>
      <c r="DI2" s="1275"/>
      <c r="DJ2" s="1275"/>
      <c r="DK2" s="1275"/>
      <c r="DL2" s="1275"/>
      <c r="DM2" s="1275"/>
      <c r="DN2" s="1275"/>
      <c r="DO2" s="1275"/>
      <c r="DP2" s="1275"/>
      <c r="DQ2" s="1275"/>
      <c r="DR2" s="1275"/>
      <c r="DS2" s="1275"/>
      <c r="DT2" s="1275"/>
      <c r="DU2" s="1275"/>
      <c r="DV2" s="1275"/>
      <c r="DW2" s="1275"/>
      <c r="DX2" s="1275"/>
      <c r="DY2" s="1275"/>
      <c r="DZ2" s="1275"/>
      <c r="EA2" s="1275"/>
      <c r="EB2" s="1275"/>
      <c r="EC2" s="1275"/>
      <c r="ED2" s="1275"/>
      <c r="EE2" s="1275"/>
      <c r="EF2" s="1275"/>
      <c r="EG2" s="1275"/>
      <c r="EH2" s="1275"/>
      <c r="EI2" s="1275"/>
      <c r="EJ2" s="1275"/>
      <c r="EK2" s="1275"/>
      <c r="EL2" s="1275"/>
      <c r="EM2" s="1275"/>
      <c r="EN2" s="1275"/>
      <c r="EO2" s="1275"/>
      <c r="EP2" s="1275"/>
      <c r="EQ2" s="1275"/>
      <c r="ER2" s="1275"/>
      <c r="ES2" s="1275"/>
      <c r="ET2" s="1275"/>
      <c r="EU2" s="1275"/>
      <c r="EV2" s="1275"/>
      <c r="EW2" s="1275"/>
      <c r="EX2" s="1275"/>
      <c r="EY2" s="1275"/>
      <c r="EZ2" s="1275"/>
      <c r="FA2" s="1275"/>
      <c r="FB2" s="1275"/>
      <c r="FC2" s="1275"/>
      <c r="FD2" s="1275"/>
      <c r="FE2" s="1275"/>
      <c r="FF2" s="1275"/>
      <c r="FG2" s="1275"/>
      <c r="FH2" s="1275"/>
      <c r="FI2" s="1275"/>
      <c r="FJ2" s="1275"/>
      <c r="FK2" s="1275"/>
      <c r="FL2" s="1275"/>
      <c r="FM2" s="1275"/>
      <c r="FN2" s="1275"/>
      <c r="FO2" s="1275"/>
      <c r="FP2" s="1275"/>
      <c r="FQ2" s="1275"/>
      <c r="FR2" s="1275"/>
      <c r="FS2" s="1275"/>
      <c r="FT2" s="1275"/>
      <c r="FU2" s="1275"/>
      <c r="FV2" s="1275"/>
      <c r="FW2" s="1275"/>
      <c r="FX2" s="1275"/>
      <c r="FY2" s="1275"/>
      <c r="FZ2" s="1275"/>
      <c r="GA2" s="1275"/>
      <c r="GB2" s="1275"/>
      <c r="GC2" s="1275"/>
      <c r="GD2" s="1275"/>
      <c r="GE2" s="1275"/>
      <c r="GF2" s="1275"/>
      <c r="GG2" s="1275"/>
      <c r="GH2" s="1275"/>
      <c r="GI2" s="1275"/>
      <c r="GJ2" s="1275"/>
      <c r="GK2" s="1275"/>
      <c r="GL2" s="1275"/>
      <c r="GM2" s="1275"/>
      <c r="GN2" s="1275"/>
      <c r="GO2" s="1275"/>
      <c r="GP2" s="1275"/>
      <c r="GQ2" s="1275"/>
      <c r="GR2" s="1275"/>
      <c r="GS2" s="1275"/>
      <c r="GT2" s="1275"/>
      <c r="GU2" s="1275"/>
      <c r="GV2" s="1275"/>
      <c r="GW2" s="1275"/>
      <c r="GX2" s="1275"/>
      <c r="GY2" s="1275"/>
      <c r="GZ2" s="1275"/>
      <c r="HA2" s="1275"/>
      <c r="HB2" s="1275"/>
      <c r="HC2" s="1275"/>
      <c r="HD2" s="1275"/>
      <c r="HE2" s="1275"/>
      <c r="HF2" s="1275"/>
      <c r="HG2" s="1275"/>
      <c r="HH2" s="1275"/>
      <c r="HI2" s="1275"/>
      <c r="HJ2" s="1275"/>
      <c r="HK2" s="1275"/>
      <c r="HL2" s="1275"/>
      <c r="HM2" s="1275"/>
      <c r="HN2" s="1275"/>
      <c r="HO2" s="1275"/>
      <c r="HP2" s="1275"/>
      <c r="HQ2" s="1275"/>
      <c r="HR2" s="1275"/>
      <c r="HS2" s="1275"/>
      <c r="HT2" s="1275"/>
      <c r="HU2" s="1275"/>
      <c r="HV2" s="1275"/>
      <c r="HW2" s="1275"/>
      <c r="HX2" s="1275"/>
      <c r="HY2" s="1275"/>
      <c r="HZ2" s="1275"/>
      <c r="IA2" s="1275"/>
      <c r="IB2" s="1275"/>
      <c r="IC2" s="1275"/>
      <c r="ID2" s="1275"/>
      <c r="IE2" s="1275"/>
      <c r="IF2" s="1275"/>
      <c r="IG2" s="1275"/>
      <c r="IH2" s="1275"/>
      <c r="II2" s="1275"/>
      <c r="IJ2" s="1275"/>
      <c r="IK2" s="1275"/>
      <c r="IL2" s="1275"/>
      <c r="IM2" s="1275"/>
      <c r="IN2" s="1275"/>
      <c r="IO2" s="1275"/>
      <c r="IP2" s="1275"/>
      <c r="IQ2" s="1275"/>
      <c r="IR2" s="1275"/>
      <c r="IS2" s="1275"/>
      <c r="IT2" s="1275"/>
      <c r="IU2" s="1275"/>
      <c r="IV2" s="1275"/>
      <c r="IW2" s="1275"/>
      <c r="IX2" s="1275"/>
      <c r="IY2" s="1275"/>
    </row>
    <row r="3" spans="1:259" s="4" customFormat="1" ht="130.5" customHeight="1" x14ac:dyDescent="0.2">
      <c r="A3" s="6"/>
      <c r="B3" s="6"/>
      <c r="C3" s="6"/>
      <c r="D3" s="6"/>
      <c r="E3" s="6"/>
      <c r="F3" s="6"/>
      <c r="G3" s="6"/>
      <c r="H3" s="6"/>
      <c r="I3" s="6"/>
      <c r="J3" s="6"/>
      <c r="K3" s="6"/>
      <c r="L3" s="6"/>
      <c r="M3" s="6"/>
      <c r="N3" s="7"/>
      <c r="O3" s="6"/>
      <c r="P3" s="6"/>
      <c r="Q3" s="6"/>
      <c r="R3" s="6"/>
      <c r="S3" s="6"/>
      <c r="T3" s="6"/>
      <c r="U3" s="1061"/>
      <c r="V3" s="3"/>
      <c r="W3" s="3"/>
      <c r="X3" s="3"/>
      <c r="Y3" s="3"/>
      <c r="Z3" s="3"/>
      <c r="AA3" s="3"/>
      <c r="AB3" s="3"/>
      <c r="AC3" s="3"/>
      <c r="AD3" s="3"/>
      <c r="AE3" s="3"/>
      <c r="AF3" s="3"/>
      <c r="AG3" s="3"/>
      <c r="AH3" s="3"/>
      <c r="AI3" s="3"/>
      <c r="AJ3" s="3"/>
      <c r="AK3" s="3"/>
      <c r="AL3" s="3"/>
      <c r="AM3" s="3"/>
      <c r="AN3" s="3"/>
      <c r="AO3" s="3"/>
      <c r="AP3" s="3"/>
      <c r="AQ3" s="3"/>
      <c r="AR3" s="3"/>
      <c r="AS3" s="3"/>
      <c r="AT3" s="3"/>
      <c r="AU3" s="3"/>
      <c r="AV3" s="3"/>
      <c r="AW3" s="3"/>
      <c r="AX3" s="3"/>
      <c r="AY3" s="3"/>
      <c r="AZ3" s="3"/>
      <c r="BA3" s="3"/>
      <c r="BB3" s="3"/>
      <c r="BC3" s="3"/>
      <c r="BD3" s="3"/>
      <c r="BE3" s="3"/>
      <c r="BF3" s="3"/>
      <c r="BG3" s="3"/>
      <c r="BH3" s="3"/>
      <c r="BI3" s="3"/>
      <c r="BJ3" s="3"/>
      <c r="BK3" s="3"/>
      <c r="BL3" s="3"/>
      <c r="BM3" s="3"/>
      <c r="BN3" s="3"/>
      <c r="BO3" s="3"/>
      <c r="BP3" s="3"/>
      <c r="BQ3" s="3"/>
      <c r="BR3" s="3"/>
      <c r="BS3" s="3"/>
      <c r="BT3" s="3"/>
      <c r="BU3" s="3"/>
      <c r="BV3" s="3"/>
      <c r="BW3" s="3"/>
      <c r="BX3" s="3"/>
      <c r="BY3" s="3"/>
      <c r="BZ3" s="3"/>
      <c r="CA3" s="3"/>
      <c r="CB3" s="3"/>
      <c r="CC3" s="3"/>
      <c r="CD3" s="3"/>
      <c r="CE3" s="3"/>
      <c r="CF3" s="3"/>
      <c r="CG3" s="3"/>
      <c r="CH3" s="3"/>
      <c r="CI3" s="3"/>
      <c r="CJ3" s="3"/>
      <c r="CK3" s="3"/>
      <c r="CL3" s="3"/>
      <c r="CM3" s="3"/>
      <c r="CN3" s="3"/>
      <c r="CO3" s="3"/>
      <c r="CP3" s="3"/>
      <c r="CQ3" s="3"/>
      <c r="CR3" s="3"/>
      <c r="CS3" s="3"/>
      <c r="CT3" s="3"/>
      <c r="CU3" s="3"/>
      <c r="CV3" s="3"/>
      <c r="CW3" s="3"/>
      <c r="CX3" s="3"/>
      <c r="CY3" s="3"/>
      <c r="CZ3" s="3"/>
      <c r="DA3" s="3"/>
      <c r="DB3" s="3"/>
      <c r="DC3" s="3"/>
      <c r="DD3" s="3"/>
      <c r="DE3" s="3"/>
      <c r="DF3" s="3"/>
      <c r="DG3" s="3"/>
      <c r="DH3" s="3"/>
      <c r="DI3" s="3"/>
      <c r="DJ3" s="3"/>
      <c r="DK3" s="3"/>
      <c r="DL3" s="3"/>
      <c r="DM3" s="3"/>
      <c r="DN3" s="3"/>
      <c r="DO3" s="3"/>
      <c r="DP3" s="3"/>
      <c r="DQ3" s="3"/>
      <c r="DR3" s="3"/>
      <c r="DS3" s="3"/>
      <c r="DT3" s="3"/>
      <c r="DU3" s="3"/>
      <c r="DV3" s="3"/>
      <c r="DW3" s="3"/>
      <c r="DX3" s="3"/>
      <c r="DY3" s="3"/>
      <c r="DZ3" s="3"/>
      <c r="EA3" s="3"/>
      <c r="EB3" s="3"/>
      <c r="EC3" s="3"/>
      <c r="ED3" s="3"/>
      <c r="EE3" s="3"/>
      <c r="EF3" s="3"/>
      <c r="EG3" s="3"/>
      <c r="EH3" s="3"/>
      <c r="EI3" s="3"/>
      <c r="EJ3" s="3"/>
      <c r="EK3" s="3"/>
      <c r="EL3" s="3"/>
      <c r="EM3" s="3"/>
      <c r="EN3" s="3"/>
      <c r="EO3" s="3"/>
      <c r="EP3" s="3"/>
      <c r="EQ3" s="3"/>
      <c r="ER3" s="3"/>
      <c r="ES3" s="3"/>
      <c r="ET3" s="3"/>
      <c r="EU3" s="3"/>
      <c r="EV3" s="3"/>
      <c r="EW3" s="3"/>
      <c r="EX3" s="3"/>
      <c r="EY3" s="3"/>
      <c r="EZ3" s="3"/>
      <c r="FA3" s="3"/>
      <c r="FB3" s="3"/>
      <c r="FC3" s="3"/>
      <c r="FD3" s="3"/>
      <c r="FE3" s="3"/>
      <c r="FF3" s="3"/>
      <c r="FG3" s="3"/>
      <c r="FH3" s="3"/>
      <c r="FI3" s="3"/>
      <c r="FJ3" s="3"/>
      <c r="FK3" s="3"/>
      <c r="FL3" s="3"/>
      <c r="FM3" s="3"/>
      <c r="FN3" s="3"/>
      <c r="FO3" s="3"/>
      <c r="FP3" s="3"/>
      <c r="FQ3" s="3"/>
      <c r="FR3" s="3"/>
      <c r="FS3" s="3"/>
      <c r="FT3" s="3"/>
      <c r="FU3" s="3"/>
      <c r="FV3" s="3"/>
      <c r="FW3" s="3"/>
      <c r="FX3" s="3"/>
      <c r="FY3" s="3"/>
      <c r="FZ3" s="3"/>
      <c r="GA3" s="3"/>
      <c r="GB3" s="3"/>
      <c r="GC3" s="3"/>
      <c r="GD3" s="3"/>
      <c r="GE3" s="3"/>
      <c r="GF3" s="3"/>
      <c r="GG3" s="3"/>
      <c r="GH3" s="3"/>
      <c r="GI3" s="3"/>
      <c r="GJ3" s="3"/>
      <c r="GK3" s="3"/>
      <c r="GL3" s="3"/>
      <c r="GM3" s="3"/>
      <c r="GN3" s="3"/>
      <c r="GO3" s="3"/>
      <c r="GP3" s="3"/>
      <c r="GQ3" s="3"/>
      <c r="GR3" s="3"/>
      <c r="GS3" s="3"/>
      <c r="GT3" s="3"/>
      <c r="GU3" s="3"/>
      <c r="GV3" s="3"/>
      <c r="GW3" s="3"/>
      <c r="GX3" s="3"/>
      <c r="GY3" s="3"/>
      <c r="GZ3" s="3"/>
      <c r="HA3" s="3"/>
      <c r="HB3" s="3"/>
      <c r="HC3" s="3"/>
      <c r="HD3" s="3"/>
      <c r="HE3" s="3"/>
      <c r="HF3" s="3"/>
      <c r="HG3" s="3"/>
      <c r="HH3" s="3"/>
      <c r="HI3" s="3"/>
      <c r="HJ3" s="3"/>
      <c r="HK3" s="3"/>
      <c r="HL3" s="3"/>
      <c r="HM3" s="3"/>
      <c r="HN3" s="3"/>
      <c r="HO3" s="3"/>
      <c r="HP3" s="3"/>
      <c r="HQ3" s="3"/>
      <c r="HR3" s="3"/>
      <c r="HS3" s="3"/>
      <c r="HT3" s="3"/>
      <c r="HU3" s="3"/>
      <c r="HV3" s="3"/>
      <c r="HW3" s="3"/>
      <c r="HX3" s="3"/>
      <c r="HY3" s="3"/>
      <c r="HZ3" s="3"/>
      <c r="IA3" s="3"/>
      <c r="IB3" s="3"/>
      <c r="IC3" s="3"/>
      <c r="ID3" s="3"/>
      <c r="IE3" s="3"/>
      <c r="IF3" s="3"/>
      <c r="IG3" s="3"/>
      <c r="IH3" s="3"/>
      <c r="II3" s="3"/>
      <c r="IJ3" s="3"/>
      <c r="IK3" s="3"/>
      <c r="IL3" s="3"/>
      <c r="IM3" s="3"/>
      <c r="IN3" s="3"/>
      <c r="IO3" s="3"/>
      <c r="IP3" s="3"/>
      <c r="IQ3" s="3"/>
      <c r="IR3" s="3"/>
      <c r="IS3" s="3"/>
      <c r="IT3" s="3"/>
      <c r="IU3" s="3"/>
      <c r="IV3" s="3"/>
      <c r="IW3" s="3"/>
      <c r="IX3" s="3"/>
      <c r="IY3" s="3"/>
    </row>
    <row r="4" spans="1:259" s="4" customFormat="1" ht="37.5" customHeight="1" x14ac:dyDescent="0.2">
      <c r="A4" s="6"/>
      <c r="B4" s="6"/>
      <c r="C4" s="6"/>
      <c r="D4" s="6"/>
      <c r="E4" s="6"/>
      <c r="F4" s="6"/>
      <c r="G4" s="6"/>
      <c r="H4" s="6"/>
      <c r="I4" s="6"/>
      <c r="J4" s="6"/>
      <c r="K4" s="6"/>
      <c r="L4" s="6"/>
      <c r="M4" s="6"/>
      <c r="N4" s="7"/>
      <c r="O4" s="6"/>
      <c r="P4" s="6"/>
      <c r="Q4" s="6"/>
      <c r="R4" s="6"/>
      <c r="S4" s="6"/>
      <c r="T4" s="6"/>
      <c r="U4" s="1061"/>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3"/>
      <c r="BE4" s="3"/>
      <c r="BF4" s="3"/>
      <c r="BG4" s="3"/>
      <c r="BH4" s="3"/>
      <c r="BI4" s="3"/>
      <c r="BJ4" s="3"/>
      <c r="BK4" s="3"/>
      <c r="BL4" s="3"/>
      <c r="BM4" s="3"/>
      <c r="BN4" s="3"/>
      <c r="BO4" s="3"/>
      <c r="BP4" s="3"/>
      <c r="BQ4" s="3"/>
      <c r="BR4" s="3"/>
      <c r="BS4" s="3"/>
      <c r="BT4" s="3"/>
      <c r="BU4" s="3"/>
      <c r="BV4" s="3"/>
      <c r="BW4" s="3"/>
      <c r="BX4" s="3"/>
      <c r="BY4" s="3"/>
      <c r="BZ4" s="3"/>
      <c r="CA4" s="3"/>
      <c r="CB4" s="3"/>
      <c r="CC4" s="3"/>
      <c r="CD4" s="3"/>
      <c r="CE4" s="3"/>
      <c r="CF4" s="3"/>
      <c r="CG4" s="3"/>
      <c r="CH4" s="3"/>
      <c r="CI4" s="3"/>
      <c r="CJ4" s="3"/>
      <c r="CK4" s="3"/>
      <c r="CL4" s="3"/>
      <c r="CM4" s="3"/>
      <c r="CN4" s="3"/>
      <c r="CO4" s="3"/>
      <c r="CP4" s="3"/>
      <c r="CQ4" s="3"/>
      <c r="CR4" s="3"/>
      <c r="CS4" s="3"/>
      <c r="CT4" s="3"/>
      <c r="CU4" s="3"/>
      <c r="CV4" s="3"/>
      <c r="CW4" s="3"/>
      <c r="CX4" s="3"/>
      <c r="CY4" s="3"/>
      <c r="CZ4" s="3"/>
      <c r="DA4" s="3"/>
      <c r="DB4" s="3"/>
      <c r="DC4" s="3"/>
      <c r="DD4" s="3"/>
      <c r="DE4" s="3"/>
      <c r="DF4" s="3"/>
      <c r="DG4" s="3"/>
      <c r="DH4" s="3"/>
      <c r="DI4" s="3"/>
      <c r="DJ4" s="3"/>
      <c r="DK4" s="3"/>
      <c r="DL4" s="3"/>
      <c r="DM4" s="3"/>
      <c r="DN4" s="3"/>
      <c r="DO4" s="3"/>
      <c r="DP4" s="3"/>
      <c r="DQ4" s="3"/>
      <c r="DR4" s="3"/>
      <c r="DS4" s="3"/>
      <c r="DT4" s="3"/>
      <c r="DU4" s="3"/>
      <c r="DV4" s="3"/>
      <c r="DW4" s="3"/>
      <c r="DX4" s="3"/>
      <c r="DY4" s="3"/>
      <c r="DZ4" s="3"/>
      <c r="EA4" s="3"/>
      <c r="EB4" s="3"/>
      <c r="EC4" s="3"/>
      <c r="ED4" s="3"/>
      <c r="EE4" s="3"/>
      <c r="EF4" s="3"/>
      <c r="EG4" s="3"/>
      <c r="EH4" s="3"/>
      <c r="EI4" s="3"/>
      <c r="EJ4" s="3"/>
      <c r="EK4" s="3"/>
      <c r="EL4" s="3"/>
      <c r="EM4" s="3"/>
      <c r="EN4" s="3"/>
      <c r="EO4" s="3"/>
      <c r="EP4" s="3"/>
      <c r="EQ4" s="3"/>
      <c r="ER4" s="3"/>
      <c r="ES4" s="3"/>
      <c r="ET4" s="3"/>
      <c r="EU4" s="3"/>
      <c r="EV4" s="3"/>
      <c r="EW4" s="3"/>
      <c r="EX4" s="3"/>
      <c r="EY4" s="3"/>
      <c r="EZ4" s="3"/>
      <c r="FA4" s="3"/>
      <c r="FB4" s="3"/>
      <c r="FC4" s="3"/>
      <c r="FD4" s="3"/>
      <c r="FE4" s="3"/>
      <c r="FF4" s="3"/>
      <c r="FG4" s="3"/>
      <c r="FH4" s="3"/>
      <c r="FI4" s="3"/>
      <c r="FJ4" s="3"/>
      <c r="FK4" s="3"/>
      <c r="FL4" s="3"/>
      <c r="FM4" s="3"/>
      <c r="FN4" s="3"/>
      <c r="FO4" s="3"/>
      <c r="FP4" s="3"/>
      <c r="FQ4" s="3"/>
      <c r="FR4" s="3"/>
      <c r="FS4" s="3"/>
      <c r="FT4" s="3"/>
      <c r="FU4" s="3"/>
      <c r="FV4" s="3"/>
      <c r="FW4" s="3"/>
      <c r="FX4" s="3"/>
      <c r="FY4" s="3"/>
      <c r="FZ4" s="3"/>
      <c r="GA4" s="3"/>
      <c r="GB4" s="3"/>
      <c r="GC4" s="3"/>
      <c r="GD4" s="3"/>
      <c r="GE4" s="3"/>
      <c r="GF4" s="3"/>
      <c r="GG4" s="3"/>
      <c r="GH4" s="3"/>
      <c r="GI4" s="3"/>
      <c r="GJ4" s="3"/>
      <c r="GK4" s="3"/>
      <c r="GL4" s="3"/>
      <c r="GM4" s="3"/>
      <c r="GN4" s="3"/>
      <c r="GO4" s="3"/>
      <c r="GP4" s="3"/>
      <c r="GQ4" s="3"/>
      <c r="GR4" s="3"/>
      <c r="GS4" s="3"/>
      <c r="GT4" s="3"/>
      <c r="GU4" s="3"/>
      <c r="GV4" s="3"/>
      <c r="GW4" s="3"/>
      <c r="GX4" s="3"/>
      <c r="GY4" s="3"/>
      <c r="GZ4" s="3"/>
      <c r="HA4" s="3"/>
      <c r="HB4" s="3"/>
      <c r="HC4" s="3"/>
      <c r="HD4" s="3"/>
      <c r="HE4" s="3"/>
      <c r="HF4" s="3"/>
      <c r="HG4" s="3"/>
      <c r="HH4" s="3"/>
      <c r="HI4" s="3"/>
      <c r="HJ4" s="3"/>
      <c r="HK4" s="3"/>
      <c r="HL4" s="3"/>
      <c r="HM4" s="3"/>
      <c r="HN4" s="3"/>
      <c r="HO4" s="3"/>
      <c r="HP4" s="3"/>
      <c r="HQ4" s="3"/>
      <c r="HR4" s="3"/>
      <c r="HS4" s="3"/>
      <c r="HT4" s="3"/>
      <c r="HU4" s="3"/>
      <c r="HV4" s="3"/>
      <c r="HW4" s="3"/>
      <c r="HX4" s="3"/>
      <c r="HY4" s="3"/>
      <c r="HZ4" s="3"/>
      <c r="IA4" s="3"/>
      <c r="IB4" s="3"/>
      <c r="IC4" s="3"/>
      <c r="ID4" s="3"/>
      <c r="IE4" s="3"/>
      <c r="IF4" s="3"/>
      <c r="IG4" s="3"/>
      <c r="IH4" s="3"/>
      <c r="II4" s="3"/>
      <c r="IJ4" s="3"/>
      <c r="IK4" s="3"/>
      <c r="IL4" s="3"/>
      <c r="IM4" s="3"/>
      <c r="IN4" s="3"/>
      <c r="IO4" s="3"/>
      <c r="IP4" s="3"/>
      <c r="IQ4" s="3"/>
      <c r="IR4" s="3"/>
      <c r="IS4" s="3"/>
      <c r="IT4" s="3"/>
      <c r="IU4" s="3"/>
      <c r="IV4" s="3"/>
      <c r="IW4" s="3"/>
      <c r="IX4" s="3"/>
      <c r="IY4" s="3"/>
    </row>
    <row r="5" spans="1:259" s="4" customFormat="1" ht="118.5" customHeight="1" x14ac:dyDescent="0.2">
      <c r="A5" s="6"/>
      <c r="B5" s="6"/>
      <c r="C5" s="6"/>
      <c r="D5" s="6"/>
      <c r="E5" s="6"/>
      <c r="F5" s="6"/>
      <c r="G5" s="6"/>
      <c r="H5" s="6"/>
      <c r="I5" s="6"/>
      <c r="J5" s="6"/>
      <c r="K5" s="6"/>
      <c r="L5" s="6"/>
      <c r="M5" s="6"/>
      <c r="N5" s="7"/>
      <c r="O5" s="6"/>
      <c r="P5" s="6"/>
      <c r="Q5" s="6"/>
      <c r="R5" s="6"/>
      <c r="S5" s="6"/>
      <c r="T5" s="6"/>
      <c r="U5" s="1061"/>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c r="CA5" s="3"/>
      <c r="CB5" s="3"/>
      <c r="CC5" s="3"/>
      <c r="CD5" s="3"/>
      <c r="CE5" s="3"/>
      <c r="CF5" s="3"/>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3"/>
      <c r="IR5" s="3"/>
      <c r="IS5" s="3"/>
      <c r="IT5" s="3"/>
      <c r="IU5" s="3"/>
      <c r="IV5" s="3"/>
      <c r="IW5" s="3"/>
      <c r="IX5" s="3"/>
      <c r="IY5" s="3"/>
    </row>
    <row r="6" spans="1:259" s="4" customFormat="1" ht="88.5" customHeight="1" x14ac:dyDescent="0.2">
      <c r="A6" s="6"/>
      <c r="B6" s="6"/>
      <c r="C6" s="6"/>
      <c r="D6" s="6"/>
      <c r="E6" s="6"/>
      <c r="F6" s="6"/>
      <c r="G6" s="6"/>
      <c r="H6" s="6"/>
      <c r="I6" s="6"/>
      <c r="J6" s="6"/>
      <c r="K6" s="6"/>
      <c r="L6" s="6"/>
      <c r="M6" s="6"/>
      <c r="N6" s="7"/>
      <c r="O6" s="6"/>
      <c r="P6" s="6"/>
      <c r="Q6" s="6"/>
      <c r="R6" s="6"/>
      <c r="S6" s="6"/>
      <c r="T6" s="6"/>
      <c r="U6" s="1061"/>
      <c r="V6" s="3"/>
      <c r="W6" s="3"/>
      <c r="X6" s="3"/>
      <c r="Y6" s="3"/>
      <c r="Z6" s="3"/>
      <c r="AA6" s="3"/>
      <c r="AB6" s="3"/>
      <c r="AC6" s="3"/>
      <c r="AD6" s="3"/>
      <c r="AE6" s="3"/>
      <c r="AF6" s="3"/>
      <c r="AG6" s="3"/>
      <c r="AH6" s="3"/>
      <c r="AI6" s="3"/>
      <c r="AJ6" s="3"/>
      <c r="AK6" s="3"/>
      <c r="AL6" s="3"/>
      <c r="AM6" s="3"/>
      <c r="AN6" s="3"/>
      <c r="AO6" s="3"/>
      <c r="AP6" s="3"/>
      <c r="AQ6" s="3"/>
      <c r="AR6" s="3"/>
      <c r="AS6" s="3"/>
      <c r="AT6" s="3"/>
      <c r="AU6" s="3"/>
      <c r="AV6" s="3"/>
      <c r="AW6" s="3"/>
      <c r="AX6" s="3"/>
      <c r="AY6" s="3"/>
      <c r="AZ6" s="3"/>
      <c r="BA6" s="3"/>
      <c r="BB6" s="3"/>
      <c r="BC6" s="3"/>
      <c r="BD6" s="3"/>
      <c r="BE6" s="3"/>
      <c r="BF6" s="3"/>
      <c r="BG6" s="3"/>
      <c r="BH6" s="3"/>
      <c r="BI6" s="3"/>
      <c r="BJ6" s="3"/>
      <c r="BK6" s="3"/>
      <c r="BL6" s="3"/>
      <c r="BM6" s="3"/>
      <c r="BN6" s="3"/>
      <c r="BO6" s="3"/>
      <c r="BP6" s="3"/>
      <c r="BQ6" s="3"/>
      <c r="BR6" s="3"/>
      <c r="BS6" s="3"/>
      <c r="BT6" s="3"/>
      <c r="BU6" s="3"/>
      <c r="BV6" s="3"/>
      <c r="BW6" s="3"/>
      <c r="BX6" s="3"/>
      <c r="BY6" s="3"/>
      <c r="BZ6" s="3"/>
      <c r="CA6" s="3"/>
      <c r="CB6" s="3"/>
      <c r="CC6" s="3"/>
      <c r="CD6" s="3"/>
      <c r="CE6" s="3"/>
      <c r="CF6" s="3"/>
      <c r="CG6" s="3"/>
      <c r="CH6" s="3"/>
      <c r="CI6" s="3"/>
      <c r="CJ6" s="3"/>
      <c r="CK6" s="3"/>
      <c r="CL6" s="3"/>
      <c r="CM6" s="3"/>
      <c r="CN6" s="3"/>
      <c r="CO6" s="3"/>
      <c r="CP6" s="3"/>
      <c r="CQ6" s="3"/>
      <c r="CR6" s="3"/>
      <c r="CS6" s="3"/>
      <c r="CT6" s="3"/>
      <c r="CU6" s="3"/>
      <c r="CV6" s="3"/>
      <c r="CW6" s="3"/>
      <c r="CX6" s="3"/>
      <c r="CY6" s="3"/>
      <c r="CZ6" s="3"/>
      <c r="DA6" s="3"/>
      <c r="DB6" s="3"/>
      <c r="DC6" s="3"/>
      <c r="DD6" s="3"/>
      <c r="DE6" s="3"/>
      <c r="DF6" s="3"/>
      <c r="DG6" s="3"/>
      <c r="DH6" s="3"/>
      <c r="DI6" s="3"/>
      <c r="DJ6" s="3"/>
      <c r="DK6" s="3"/>
      <c r="DL6" s="3"/>
      <c r="DM6" s="3"/>
      <c r="DN6" s="3"/>
      <c r="DO6" s="3"/>
      <c r="DP6" s="3"/>
      <c r="DQ6" s="3"/>
      <c r="DR6" s="3"/>
      <c r="DS6" s="3"/>
      <c r="DT6" s="3"/>
      <c r="DU6" s="3"/>
      <c r="DV6" s="3"/>
      <c r="DW6" s="3"/>
      <c r="DX6" s="3"/>
      <c r="DY6" s="3"/>
      <c r="DZ6" s="3"/>
      <c r="EA6" s="3"/>
      <c r="EB6" s="3"/>
      <c r="EC6" s="3"/>
      <c r="ED6" s="3"/>
      <c r="EE6" s="3"/>
      <c r="EF6" s="3"/>
      <c r="EG6" s="3"/>
      <c r="EH6" s="3"/>
      <c r="EI6" s="3"/>
      <c r="EJ6" s="3"/>
      <c r="EK6" s="3"/>
      <c r="EL6" s="3"/>
      <c r="EM6" s="3"/>
      <c r="EN6" s="3"/>
      <c r="EO6" s="3"/>
      <c r="EP6" s="3"/>
      <c r="EQ6" s="3"/>
      <c r="ER6" s="3"/>
      <c r="ES6" s="3"/>
      <c r="ET6" s="3"/>
      <c r="EU6" s="3"/>
      <c r="EV6" s="3"/>
      <c r="EW6" s="3"/>
      <c r="EX6" s="3"/>
      <c r="EY6" s="3"/>
      <c r="EZ6" s="3"/>
      <c r="FA6" s="3"/>
      <c r="FB6" s="3"/>
      <c r="FC6" s="3"/>
      <c r="FD6" s="3"/>
      <c r="FE6" s="3"/>
      <c r="FF6" s="3"/>
      <c r="FG6" s="3"/>
      <c r="FH6" s="3"/>
      <c r="FI6" s="3"/>
      <c r="FJ6" s="3"/>
      <c r="FK6" s="3"/>
      <c r="FL6" s="3"/>
      <c r="FM6" s="3"/>
      <c r="FN6" s="3"/>
      <c r="FO6" s="3"/>
      <c r="FP6" s="3"/>
      <c r="FQ6" s="3"/>
      <c r="FR6" s="3"/>
      <c r="FS6" s="3"/>
      <c r="FT6" s="3"/>
      <c r="FU6" s="3"/>
      <c r="FV6" s="3"/>
      <c r="FW6" s="3"/>
      <c r="FX6" s="3"/>
      <c r="FY6" s="3"/>
      <c r="FZ6" s="3"/>
      <c r="GA6" s="3"/>
      <c r="GB6" s="3"/>
      <c r="GC6" s="3"/>
      <c r="GD6" s="3"/>
      <c r="GE6" s="3"/>
      <c r="GF6" s="3"/>
      <c r="GG6" s="3"/>
      <c r="GH6" s="3"/>
      <c r="GI6" s="3"/>
      <c r="GJ6" s="3"/>
      <c r="GK6" s="3"/>
      <c r="GL6" s="3"/>
      <c r="GM6" s="3"/>
      <c r="GN6" s="3"/>
      <c r="GO6" s="3"/>
      <c r="GP6" s="3"/>
      <c r="GQ6" s="3"/>
      <c r="GR6" s="3"/>
      <c r="GS6" s="3"/>
      <c r="GT6" s="3"/>
      <c r="GU6" s="3"/>
      <c r="GV6" s="3"/>
      <c r="GW6" s="3"/>
      <c r="GX6" s="3"/>
      <c r="GY6" s="3"/>
      <c r="GZ6" s="3"/>
      <c r="HA6" s="3"/>
      <c r="HB6" s="3"/>
      <c r="HC6" s="3"/>
      <c r="HD6" s="3"/>
      <c r="HE6" s="3"/>
      <c r="HF6" s="3"/>
      <c r="HG6" s="3"/>
      <c r="HH6" s="3"/>
      <c r="HI6" s="3"/>
      <c r="HJ6" s="3"/>
      <c r="HK6" s="3"/>
      <c r="HL6" s="3"/>
      <c r="HM6" s="3"/>
      <c r="HN6" s="3"/>
      <c r="HO6" s="3"/>
      <c r="HP6" s="3"/>
      <c r="HQ6" s="3"/>
      <c r="HR6" s="3"/>
      <c r="HS6" s="3"/>
      <c r="HT6" s="3"/>
      <c r="HU6" s="3"/>
      <c r="HV6" s="3"/>
      <c r="HW6" s="3"/>
      <c r="HX6" s="3"/>
      <c r="HY6" s="3"/>
      <c r="HZ6" s="3"/>
      <c r="IA6" s="3"/>
      <c r="IB6" s="3"/>
      <c r="IC6" s="3"/>
      <c r="ID6" s="3"/>
      <c r="IE6" s="3"/>
      <c r="IF6" s="3"/>
      <c r="IG6" s="3"/>
      <c r="IH6" s="3"/>
      <c r="II6" s="3"/>
      <c r="IJ6" s="3"/>
      <c r="IK6" s="3"/>
      <c r="IL6" s="3"/>
      <c r="IM6" s="3"/>
      <c r="IN6" s="3"/>
      <c r="IO6" s="3"/>
      <c r="IP6" s="3"/>
      <c r="IQ6" s="3"/>
      <c r="IR6" s="3"/>
      <c r="IS6" s="3"/>
      <c r="IT6" s="3"/>
      <c r="IU6" s="3"/>
      <c r="IV6" s="3"/>
      <c r="IW6" s="3"/>
      <c r="IX6" s="3"/>
      <c r="IY6" s="3"/>
    </row>
    <row r="7" spans="1:259" ht="301.5" customHeight="1" x14ac:dyDescent="0.2">
      <c r="A7" s="534"/>
      <c r="B7" s="534"/>
      <c r="C7" s="534"/>
      <c r="D7" s="534"/>
      <c r="E7" s="534"/>
      <c r="F7" s="534"/>
      <c r="G7" s="534"/>
      <c r="H7" s="534"/>
      <c r="I7" s="534"/>
      <c r="J7" s="534"/>
      <c r="K7" s="534"/>
      <c r="L7" s="535"/>
      <c r="M7" s="534"/>
      <c r="N7" s="536"/>
      <c r="O7" s="534"/>
      <c r="P7" s="534"/>
      <c r="Q7" s="534"/>
      <c r="R7" s="534"/>
      <c r="S7" s="534"/>
      <c r="T7" s="534"/>
      <c r="U7" s="530"/>
      <c r="V7" s="530"/>
      <c r="W7" s="530"/>
      <c r="X7" s="530"/>
      <c r="Y7" s="530"/>
      <c r="Z7" s="530"/>
      <c r="AA7" s="530"/>
      <c r="AB7" s="530"/>
      <c r="AC7" s="530"/>
      <c r="AD7" s="530"/>
      <c r="AE7" s="530"/>
      <c r="AF7" s="530"/>
      <c r="AG7" s="530"/>
      <c r="AH7" s="530"/>
      <c r="AI7" s="530"/>
      <c r="AJ7" s="530"/>
      <c r="AK7" s="530"/>
      <c r="AL7" s="530"/>
      <c r="AM7" s="530"/>
      <c r="AN7" s="530"/>
      <c r="AO7" s="530"/>
      <c r="AP7" s="530"/>
      <c r="AQ7" s="530"/>
      <c r="AR7" s="530"/>
      <c r="AS7" s="530"/>
      <c r="AT7" s="530"/>
      <c r="AU7" s="530"/>
      <c r="AV7" s="530"/>
      <c r="AW7" s="530"/>
      <c r="AX7" s="530"/>
      <c r="AY7" s="530"/>
      <c r="AZ7" s="530"/>
      <c r="BA7" s="530"/>
      <c r="BB7" s="530"/>
      <c r="BC7" s="530"/>
      <c r="BD7" s="530"/>
      <c r="BE7" s="530"/>
      <c r="BF7" s="530"/>
      <c r="BG7" s="530"/>
      <c r="BH7" s="530"/>
      <c r="BI7" s="530"/>
      <c r="BJ7" s="530"/>
      <c r="BK7" s="530"/>
      <c r="BL7" s="530"/>
      <c r="BM7" s="530"/>
      <c r="BN7" s="530"/>
      <c r="BO7" s="530"/>
      <c r="BP7" s="530"/>
      <c r="BQ7" s="530"/>
      <c r="BR7" s="530"/>
      <c r="BS7" s="530"/>
      <c r="BT7" s="530"/>
      <c r="BU7" s="530"/>
      <c r="BV7" s="530"/>
      <c r="BW7" s="530"/>
      <c r="BX7" s="530"/>
      <c r="BY7" s="530"/>
      <c r="BZ7" s="530"/>
      <c r="CA7" s="530"/>
      <c r="CB7" s="530"/>
      <c r="CC7" s="530"/>
      <c r="CD7" s="530"/>
      <c r="CE7" s="530"/>
      <c r="CF7" s="530"/>
      <c r="CG7" s="530"/>
      <c r="CH7" s="530"/>
      <c r="CI7" s="530"/>
      <c r="CJ7" s="530"/>
      <c r="CK7" s="530"/>
      <c r="CL7" s="530"/>
      <c r="CM7" s="530"/>
      <c r="CN7" s="530"/>
      <c r="CO7" s="530"/>
      <c r="CP7" s="530"/>
      <c r="CQ7" s="530"/>
      <c r="CR7" s="530"/>
      <c r="CS7" s="530"/>
      <c r="CT7" s="530"/>
      <c r="CU7" s="530"/>
      <c r="CV7" s="530"/>
      <c r="CW7" s="530"/>
      <c r="CX7" s="530"/>
      <c r="CY7" s="530"/>
      <c r="CZ7" s="530"/>
      <c r="DA7" s="530"/>
      <c r="DB7" s="530"/>
      <c r="DC7" s="530"/>
      <c r="DD7" s="530"/>
      <c r="DE7" s="530"/>
      <c r="DF7" s="530"/>
      <c r="DG7" s="530"/>
      <c r="DH7" s="530"/>
      <c r="DI7" s="530"/>
      <c r="DJ7" s="530"/>
      <c r="DK7" s="530"/>
      <c r="DL7" s="530"/>
      <c r="DM7" s="530"/>
      <c r="DN7" s="530"/>
      <c r="DO7" s="530"/>
      <c r="DP7" s="530"/>
      <c r="DQ7" s="530"/>
      <c r="DR7" s="530"/>
      <c r="DS7" s="530"/>
      <c r="DT7" s="530"/>
      <c r="DU7" s="530"/>
      <c r="DV7" s="530"/>
      <c r="DW7" s="530"/>
      <c r="DX7" s="530"/>
      <c r="DY7" s="530"/>
      <c r="DZ7" s="530"/>
      <c r="EA7" s="530"/>
      <c r="EB7" s="530"/>
      <c r="EC7" s="530"/>
      <c r="ED7" s="530"/>
      <c r="EE7" s="530"/>
      <c r="EF7" s="530"/>
      <c r="EG7" s="530"/>
      <c r="EH7" s="530"/>
      <c r="EI7" s="530"/>
      <c r="EJ7" s="530"/>
      <c r="EK7" s="530"/>
      <c r="EL7" s="530"/>
      <c r="EM7" s="530"/>
      <c r="EN7" s="530"/>
      <c r="EO7" s="530"/>
      <c r="EP7" s="530"/>
      <c r="EQ7" s="530"/>
      <c r="ER7" s="530"/>
      <c r="ES7" s="530"/>
      <c r="ET7" s="530"/>
      <c r="EU7" s="530"/>
      <c r="EV7" s="530"/>
      <c r="EW7" s="530"/>
      <c r="EX7" s="530"/>
      <c r="EY7" s="530"/>
      <c r="EZ7" s="530"/>
      <c r="FA7" s="530"/>
      <c r="FB7" s="530"/>
      <c r="FC7" s="530"/>
      <c r="FD7" s="530"/>
      <c r="FE7" s="530"/>
      <c r="FF7" s="530"/>
      <c r="FG7" s="530"/>
      <c r="FH7" s="530"/>
      <c r="FI7" s="530"/>
      <c r="FJ7" s="530"/>
      <c r="FK7" s="530"/>
      <c r="FL7" s="530"/>
      <c r="FM7" s="530"/>
      <c r="FN7" s="530"/>
      <c r="FO7" s="530"/>
      <c r="FP7" s="530"/>
      <c r="FQ7" s="530"/>
      <c r="FR7" s="530"/>
      <c r="FS7" s="530"/>
      <c r="FT7" s="530"/>
      <c r="FU7" s="530"/>
      <c r="FV7" s="530"/>
      <c r="FW7" s="530"/>
      <c r="FX7" s="530"/>
      <c r="FY7" s="530"/>
      <c r="FZ7" s="530"/>
      <c r="GA7" s="530"/>
      <c r="GB7" s="530"/>
      <c r="GC7" s="530"/>
      <c r="GD7" s="530"/>
      <c r="GE7" s="530"/>
      <c r="GF7" s="530"/>
      <c r="GG7" s="530"/>
      <c r="GH7" s="530"/>
      <c r="GI7" s="530"/>
      <c r="GJ7" s="530"/>
      <c r="GK7" s="530"/>
      <c r="GL7" s="530"/>
      <c r="GM7" s="530"/>
      <c r="GN7" s="530"/>
      <c r="GO7" s="530"/>
      <c r="GP7" s="530"/>
      <c r="GQ7" s="530"/>
      <c r="GR7" s="530"/>
      <c r="GS7" s="530"/>
      <c r="GT7" s="530"/>
      <c r="GU7" s="530"/>
      <c r="GV7" s="530"/>
      <c r="GW7" s="530"/>
      <c r="GX7" s="530"/>
      <c r="GY7" s="530"/>
      <c r="GZ7" s="530"/>
      <c r="HA7" s="530"/>
      <c r="HB7" s="530"/>
      <c r="HC7" s="530"/>
      <c r="HD7" s="530"/>
      <c r="HE7" s="530"/>
      <c r="HF7" s="530"/>
      <c r="HG7" s="530"/>
      <c r="HH7" s="530"/>
      <c r="HI7" s="530"/>
      <c r="HJ7" s="530"/>
      <c r="HK7" s="530"/>
      <c r="HL7" s="530"/>
      <c r="HM7" s="530"/>
      <c r="HN7" s="530"/>
      <c r="HO7" s="530"/>
      <c r="HP7" s="530"/>
      <c r="HQ7" s="530"/>
      <c r="HR7" s="530"/>
      <c r="HS7" s="530"/>
      <c r="HT7" s="530"/>
      <c r="HU7" s="530"/>
      <c r="HV7" s="530"/>
      <c r="HW7" s="530"/>
      <c r="HX7" s="530"/>
      <c r="HY7" s="530"/>
      <c r="HZ7" s="530"/>
      <c r="IA7" s="530"/>
      <c r="IB7" s="530"/>
      <c r="IC7" s="530"/>
      <c r="ID7" s="530"/>
      <c r="IE7" s="530"/>
      <c r="IF7" s="530"/>
      <c r="IG7" s="530"/>
      <c r="IH7" s="530"/>
      <c r="II7" s="530"/>
      <c r="IJ7" s="530"/>
      <c r="IK7" s="530"/>
      <c r="IL7" s="530"/>
      <c r="IM7" s="530"/>
      <c r="IN7" s="530"/>
      <c r="IO7" s="530"/>
      <c r="IP7" s="530"/>
      <c r="IQ7" s="530"/>
      <c r="IR7" s="530"/>
      <c r="IS7" s="530"/>
      <c r="IT7" s="530"/>
      <c r="IU7" s="530"/>
      <c r="IV7" s="530"/>
      <c r="IW7" s="530"/>
      <c r="IX7" s="530"/>
      <c r="IY7" s="530"/>
    </row>
    <row r="8" spans="1:259" ht="301.5" customHeight="1" x14ac:dyDescent="0.2">
      <c r="A8" s="534"/>
      <c r="B8" s="534"/>
      <c r="C8" s="534"/>
      <c r="D8" s="534"/>
      <c r="E8" s="534"/>
      <c r="F8" s="534"/>
      <c r="G8" s="534"/>
      <c r="H8" s="534"/>
      <c r="I8" s="534"/>
      <c r="J8" s="534"/>
      <c r="K8" s="534"/>
      <c r="L8" s="535"/>
      <c r="M8" s="534"/>
      <c r="N8" s="536"/>
      <c r="O8" s="534"/>
      <c r="P8" s="534"/>
      <c r="Q8" s="534"/>
      <c r="R8" s="534"/>
      <c r="S8" s="534"/>
      <c r="T8" s="534"/>
      <c r="U8" s="530"/>
      <c r="V8" s="530"/>
      <c r="W8" s="530"/>
      <c r="X8" s="530"/>
      <c r="Y8" s="530"/>
      <c r="Z8" s="530"/>
      <c r="AA8" s="530"/>
      <c r="AB8" s="530"/>
      <c r="AC8" s="530"/>
      <c r="AD8" s="530"/>
      <c r="AE8" s="530"/>
      <c r="AF8" s="530"/>
      <c r="AG8" s="530"/>
      <c r="AH8" s="530"/>
      <c r="AI8" s="530"/>
      <c r="AJ8" s="530"/>
      <c r="AK8" s="530"/>
      <c r="AL8" s="530"/>
      <c r="AM8" s="530"/>
      <c r="AN8" s="530"/>
      <c r="AO8" s="530"/>
      <c r="AP8" s="530"/>
      <c r="AQ8" s="530"/>
      <c r="AR8" s="530"/>
      <c r="AS8" s="530"/>
      <c r="AT8" s="530"/>
      <c r="AU8" s="530"/>
      <c r="AV8" s="530"/>
      <c r="AW8" s="530"/>
      <c r="AX8" s="530"/>
      <c r="AY8" s="530"/>
      <c r="AZ8" s="530"/>
      <c r="BA8" s="530"/>
      <c r="BB8" s="530"/>
      <c r="BC8" s="530"/>
      <c r="BD8" s="530"/>
      <c r="BE8" s="530"/>
      <c r="BF8" s="530"/>
      <c r="BG8" s="530"/>
      <c r="BH8" s="530"/>
      <c r="BI8" s="530"/>
      <c r="BJ8" s="530"/>
      <c r="BK8" s="530"/>
      <c r="BL8" s="530"/>
      <c r="BM8" s="530"/>
      <c r="BN8" s="530"/>
      <c r="BO8" s="530"/>
      <c r="BP8" s="530"/>
      <c r="BQ8" s="530"/>
      <c r="BR8" s="530"/>
      <c r="BS8" s="530"/>
      <c r="BT8" s="530"/>
      <c r="BU8" s="530"/>
      <c r="BV8" s="530"/>
      <c r="BW8" s="530"/>
      <c r="BX8" s="530"/>
      <c r="BY8" s="530"/>
      <c r="BZ8" s="530"/>
      <c r="CA8" s="530"/>
      <c r="CB8" s="530"/>
      <c r="CC8" s="530"/>
      <c r="CD8" s="530"/>
      <c r="CE8" s="530"/>
      <c r="CF8" s="530"/>
      <c r="CG8" s="530"/>
      <c r="CH8" s="530"/>
      <c r="CI8" s="530"/>
      <c r="CJ8" s="530"/>
      <c r="CK8" s="530"/>
      <c r="CL8" s="530"/>
      <c r="CM8" s="530"/>
      <c r="CN8" s="530"/>
      <c r="CO8" s="530"/>
      <c r="CP8" s="530"/>
      <c r="CQ8" s="530"/>
      <c r="CR8" s="530"/>
      <c r="CS8" s="530"/>
      <c r="CT8" s="530"/>
      <c r="CU8" s="530"/>
      <c r="CV8" s="530"/>
      <c r="CW8" s="530"/>
      <c r="CX8" s="530"/>
      <c r="CY8" s="530"/>
      <c r="CZ8" s="530"/>
      <c r="DA8" s="530"/>
      <c r="DB8" s="530"/>
      <c r="DC8" s="530"/>
      <c r="DD8" s="530"/>
      <c r="DE8" s="530"/>
      <c r="DF8" s="530"/>
      <c r="DG8" s="530"/>
      <c r="DH8" s="530"/>
      <c r="DI8" s="530"/>
      <c r="DJ8" s="530"/>
      <c r="DK8" s="530"/>
      <c r="DL8" s="530"/>
      <c r="DM8" s="530"/>
      <c r="DN8" s="530"/>
      <c r="DO8" s="530"/>
      <c r="DP8" s="530"/>
      <c r="DQ8" s="530"/>
      <c r="DR8" s="530"/>
      <c r="DS8" s="530"/>
      <c r="DT8" s="530"/>
      <c r="DU8" s="530"/>
      <c r="DV8" s="530"/>
      <c r="DW8" s="530"/>
      <c r="DX8" s="530"/>
      <c r="DY8" s="530"/>
      <c r="DZ8" s="530"/>
      <c r="EA8" s="530"/>
      <c r="EB8" s="530"/>
      <c r="EC8" s="530"/>
      <c r="ED8" s="530"/>
      <c r="EE8" s="530"/>
      <c r="EF8" s="530"/>
      <c r="EG8" s="530"/>
      <c r="EH8" s="530"/>
      <c r="EI8" s="530"/>
      <c r="EJ8" s="530"/>
      <c r="EK8" s="530"/>
      <c r="EL8" s="530"/>
      <c r="EM8" s="530"/>
      <c r="EN8" s="530"/>
      <c r="EO8" s="530"/>
      <c r="EP8" s="530"/>
      <c r="EQ8" s="530"/>
      <c r="ER8" s="530"/>
      <c r="ES8" s="530"/>
      <c r="ET8" s="530"/>
      <c r="EU8" s="530"/>
      <c r="EV8" s="530"/>
      <c r="EW8" s="530"/>
      <c r="EX8" s="530"/>
      <c r="EY8" s="530"/>
      <c r="EZ8" s="530"/>
      <c r="FA8" s="530"/>
      <c r="FB8" s="530"/>
      <c r="FC8" s="530"/>
      <c r="FD8" s="530"/>
      <c r="FE8" s="530"/>
      <c r="FF8" s="530"/>
      <c r="FG8" s="530"/>
      <c r="FH8" s="530"/>
      <c r="FI8" s="530"/>
      <c r="FJ8" s="530"/>
      <c r="FK8" s="530"/>
      <c r="FL8" s="530"/>
      <c r="FM8" s="530"/>
      <c r="FN8" s="530"/>
      <c r="FO8" s="530"/>
      <c r="FP8" s="530"/>
      <c r="FQ8" s="530"/>
      <c r="FR8" s="530"/>
      <c r="FS8" s="530"/>
      <c r="FT8" s="530"/>
      <c r="FU8" s="530"/>
      <c r="FV8" s="530"/>
      <c r="FW8" s="530"/>
      <c r="FX8" s="530"/>
      <c r="FY8" s="530"/>
      <c r="FZ8" s="530"/>
      <c r="GA8" s="530"/>
      <c r="GB8" s="530"/>
      <c r="GC8" s="530"/>
      <c r="GD8" s="530"/>
      <c r="GE8" s="530"/>
      <c r="GF8" s="530"/>
      <c r="GG8" s="530"/>
      <c r="GH8" s="530"/>
      <c r="GI8" s="530"/>
      <c r="GJ8" s="530"/>
      <c r="GK8" s="530"/>
      <c r="GL8" s="530"/>
      <c r="GM8" s="530"/>
      <c r="GN8" s="530"/>
      <c r="GO8" s="530"/>
      <c r="GP8" s="530"/>
      <c r="GQ8" s="530"/>
      <c r="GR8" s="530"/>
      <c r="GS8" s="530"/>
      <c r="GT8" s="530"/>
      <c r="GU8" s="530"/>
      <c r="GV8" s="530"/>
      <c r="GW8" s="530"/>
      <c r="GX8" s="530"/>
      <c r="GY8" s="530"/>
      <c r="GZ8" s="530"/>
      <c r="HA8" s="530"/>
      <c r="HB8" s="530"/>
      <c r="HC8" s="530"/>
      <c r="HD8" s="530"/>
      <c r="HE8" s="530"/>
      <c r="HF8" s="530"/>
      <c r="HG8" s="530"/>
      <c r="HH8" s="530"/>
      <c r="HI8" s="530"/>
      <c r="HJ8" s="530"/>
      <c r="HK8" s="530"/>
      <c r="HL8" s="530"/>
      <c r="HM8" s="530"/>
      <c r="HN8" s="530"/>
      <c r="HO8" s="530"/>
      <c r="HP8" s="530"/>
      <c r="HQ8" s="530"/>
      <c r="HR8" s="530"/>
      <c r="HS8" s="530"/>
      <c r="HT8" s="530"/>
      <c r="HU8" s="530"/>
      <c r="HV8" s="530"/>
      <c r="HW8" s="530"/>
      <c r="HX8" s="530"/>
      <c r="HY8" s="530"/>
      <c r="HZ8" s="530"/>
      <c r="IA8" s="530"/>
      <c r="IB8" s="530"/>
      <c r="IC8" s="530"/>
      <c r="ID8" s="530"/>
      <c r="IE8" s="530"/>
      <c r="IF8" s="530"/>
      <c r="IG8" s="530"/>
      <c r="IH8" s="530"/>
      <c r="II8" s="530"/>
      <c r="IJ8" s="530"/>
      <c r="IK8" s="530"/>
      <c r="IL8" s="530"/>
      <c r="IM8" s="530"/>
      <c r="IN8" s="530"/>
      <c r="IO8" s="530"/>
      <c r="IP8" s="530"/>
      <c r="IQ8" s="530"/>
      <c r="IR8" s="530"/>
      <c r="IS8" s="530"/>
      <c r="IT8" s="530"/>
      <c r="IU8" s="530"/>
      <c r="IV8" s="530"/>
      <c r="IW8" s="530"/>
      <c r="IX8" s="530"/>
      <c r="IY8" s="530"/>
    </row>
    <row r="9" spans="1:259" ht="361.5" customHeight="1" x14ac:dyDescent="0.2">
      <c r="A9" s="534"/>
      <c r="B9" s="534"/>
      <c r="C9" s="534"/>
      <c r="D9" s="534"/>
      <c r="E9" s="534"/>
      <c r="F9" s="534"/>
      <c r="G9" s="534"/>
      <c r="H9" s="534"/>
      <c r="I9" s="534"/>
      <c r="J9" s="534"/>
      <c r="K9" s="534"/>
      <c r="L9" s="535"/>
      <c r="M9" s="534"/>
      <c r="N9" s="536"/>
      <c r="O9" s="534"/>
      <c r="P9" s="534"/>
      <c r="Q9" s="534"/>
      <c r="R9" s="534"/>
      <c r="S9" s="534"/>
      <c r="T9" s="534"/>
      <c r="U9" s="530"/>
      <c r="V9" s="530"/>
      <c r="W9" s="530"/>
      <c r="X9" s="530"/>
      <c r="Y9" s="530"/>
      <c r="Z9" s="530"/>
      <c r="AA9" s="530"/>
      <c r="AB9" s="530"/>
      <c r="AC9" s="530"/>
      <c r="AD9" s="530"/>
      <c r="AE9" s="530"/>
      <c r="AF9" s="530"/>
      <c r="AG9" s="530"/>
      <c r="AH9" s="530"/>
      <c r="AI9" s="530"/>
      <c r="AJ9" s="530"/>
      <c r="AK9" s="530"/>
      <c r="AL9" s="530"/>
      <c r="AM9" s="530"/>
      <c r="AN9" s="530"/>
      <c r="AO9" s="530"/>
      <c r="AP9" s="530"/>
      <c r="AQ9" s="530"/>
      <c r="AR9" s="530"/>
      <c r="AS9" s="530"/>
      <c r="AT9" s="530"/>
      <c r="AU9" s="530"/>
      <c r="AV9" s="530"/>
      <c r="AW9" s="530"/>
      <c r="AX9" s="530"/>
      <c r="AY9" s="530"/>
      <c r="AZ9" s="530"/>
      <c r="BA9" s="530"/>
      <c r="BB9" s="530"/>
      <c r="BC9" s="530"/>
      <c r="BD9" s="530"/>
      <c r="BE9" s="530"/>
      <c r="BF9" s="530"/>
      <c r="BG9" s="530"/>
      <c r="BH9" s="530"/>
      <c r="BI9" s="530"/>
      <c r="BJ9" s="530"/>
      <c r="BK9" s="530"/>
      <c r="BL9" s="530"/>
      <c r="BM9" s="530"/>
      <c r="BN9" s="530"/>
      <c r="BO9" s="530"/>
      <c r="BP9" s="530"/>
      <c r="BQ9" s="530"/>
      <c r="BR9" s="530"/>
      <c r="BS9" s="530"/>
      <c r="BT9" s="530"/>
      <c r="BU9" s="530"/>
      <c r="BV9" s="530"/>
      <c r="BW9" s="530"/>
      <c r="BX9" s="530"/>
      <c r="BY9" s="530"/>
      <c r="BZ9" s="530"/>
      <c r="CA9" s="530"/>
      <c r="CB9" s="530"/>
      <c r="CC9" s="530"/>
      <c r="CD9" s="530"/>
      <c r="CE9" s="530"/>
      <c r="CF9" s="530"/>
      <c r="CG9" s="530"/>
      <c r="CH9" s="530"/>
      <c r="CI9" s="530"/>
      <c r="CJ9" s="530"/>
      <c r="CK9" s="530"/>
      <c r="CL9" s="530"/>
      <c r="CM9" s="530"/>
      <c r="CN9" s="530"/>
      <c r="CO9" s="530"/>
      <c r="CP9" s="530"/>
      <c r="CQ9" s="530"/>
      <c r="CR9" s="530"/>
      <c r="CS9" s="530"/>
      <c r="CT9" s="530"/>
      <c r="CU9" s="530"/>
      <c r="CV9" s="530"/>
      <c r="CW9" s="530"/>
      <c r="CX9" s="530"/>
      <c r="CY9" s="530"/>
      <c r="CZ9" s="530"/>
      <c r="DA9" s="530"/>
      <c r="DB9" s="530"/>
      <c r="DC9" s="530"/>
      <c r="DD9" s="530"/>
      <c r="DE9" s="530"/>
      <c r="DF9" s="530"/>
      <c r="DG9" s="530"/>
      <c r="DH9" s="530"/>
      <c r="DI9" s="530"/>
      <c r="DJ9" s="530"/>
      <c r="DK9" s="530"/>
      <c r="DL9" s="530"/>
      <c r="DM9" s="530"/>
      <c r="DN9" s="530"/>
      <c r="DO9" s="530"/>
      <c r="DP9" s="530"/>
      <c r="DQ9" s="530"/>
      <c r="DR9" s="530"/>
      <c r="DS9" s="530"/>
      <c r="DT9" s="530"/>
      <c r="DU9" s="530"/>
      <c r="DV9" s="530"/>
      <c r="DW9" s="530"/>
      <c r="DX9" s="530"/>
      <c r="DY9" s="530"/>
      <c r="DZ9" s="530"/>
      <c r="EA9" s="530"/>
      <c r="EB9" s="530"/>
      <c r="EC9" s="530"/>
      <c r="ED9" s="530"/>
      <c r="EE9" s="530"/>
      <c r="EF9" s="530"/>
      <c r="EG9" s="530"/>
      <c r="EH9" s="530"/>
      <c r="EI9" s="530"/>
      <c r="EJ9" s="530"/>
      <c r="EK9" s="530"/>
      <c r="EL9" s="530"/>
      <c r="EM9" s="530"/>
      <c r="EN9" s="530"/>
      <c r="EO9" s="530"/>
      <c r="EP9" s="530"/>
      <c r="EQ9" s="530"/>
      <c r="ER9" s="530"/>
      <c r="ES9" s="530"/>
      <c r="ET9" s="530"/>
      <c r="EU9" s="530"/>
      <c r="EV9" s="530"/>
      <c r="EW9" s="530"/>
      <c r="EX9" s="530"/>
      <c r="EY9" s="530"/>
      <c r="EZ9" s="530"/>
      <c r="FA9" s="530"/>
      <c r="FB9" s="530"/>
      <c r="FC9" s="530"/>
      <c r="FD9" s="530"/>
      <c r="FE9" s="530"/>
      <c r="FF9" s="530"/>
      <c r="FG9" s="530"/>
      <c r="FH9" s="530"/>
      <c r="FI9" s="530"/>
      <c r="FJ9" s="530"/>
      <c r="FK9" s="530"/>
      <c r="FL9" s="530"/>
      <c r="FM9" s="530"/>
      <c r="FN9" s="530"/>
      <c r="FO9" s="530"/>
      <c r="FP9" s="530"/>
      <c r="FQ9" s="530"/>
      <c r="FR9" s="530"/>
      <c r="FS9" s="530"/>
      <c r="FT9" s="530"/>
      <c r="FU9" s="530"/>
      <c r="FV9" s="530"/>
      <c r="FW9" s="530"/>
      <c r="FX9" s="530"/>
      <c r="FY9" s="530"/>
      <c r="FZ9" s="530"/>
      <c r="GA9" s="530"/>
      <c r="GB9" s="530"/>
      <c r="GC9" s="530"/>
      <c r="GD9" s="530"/>
      <c r="GE9" s="530"/>
      <c r="GF9" s="530"/>
      <c r="GG9" s="530"/>
      <c r="GH9" s="530"/>
      <c r="GI9" s="530"/>
      <c r="GJ9" s="530"/>
      <c r="GK9" s="530"/>
      <c r="GL9" s="530"/>
      <c r="GM9" s="530"/>
      <c r="GN9" s="530"/>
      <c r="GO9" s="530"/>
      <c r="GP9" s="530"/>
      <c r="GQ9" s="530"/>
      <c r="GR9" s="530"/>
      <c r="GS9" s="530"/>
      <c r="GT9" s="530"/>
      <c r="GU9" s="530"/>
      <c r="GV9" s="530"/>
      <c r="GW9" s="530"/>
      <c r="GX9" s="530"/>
      <c r="GY9" s="530"/>
      <c r="GZ9" s="530"/>
      <c r="HA9" s="530"/>
      <c r="HB9" s="530"/>
      <c r="HC9" s="530"/>
      <c r="HD9" s="530"/>
      <c r="HE9" s="530"/>
      <c r="HF9" s="530"/>
      <c r="HG9" s="530"/>
      <c r="HH9" s="530"/>
      <c r="HI9" s="530"/>
      <c r="HJ9" s="530"/>
      <c r="HK9" s="530"/>
      <c r="HL9" s="530"/>
      <c r="HM9" s="530"/>
      <c r="HN9" s="530"/>
      <c r="HO9" s="530"/>
      <c r="HP9" s="530"/>
      <c r="HQ9" s="530"/>
      <c r="HR9" s="530"/>
      <c r="HS9" s="530"/>
      <c r="HT9" s="530"/>
      <c r="HU9" s="530"/>
      <c r="HV9" s="530"/>
      <c r="HW9" s="530"/>
      <c r="HX9" s="530"/>
      <c r="HY9" s="530"/>
      <c r="HZ9" s="530"/>
      <c r="IA9" s="530"/>
      <c r="IB9" s="530"/>
      <c r="IC9" s="530"/>
      <c r="ID9" s="530"/>
      <c r="IE9" s="530"/>
      <c r="IF9" s="530"/>
      <c r="IG9" s="530"/>
      <c r="IH9" s="530"/>
      <c r="II9" s="530"/>
      <c r="IJ9" s="530"/>
      <c r="IK9" s="530"/>
      <c r="IL9" s="530"/>
      <c r="IM9" s="530"/>
      <c r="IN9" s="530"/>
      <c r="IO9" s="530"/>
      <c r="IP9" s="530"/>
      <c r="IQ9" s="530"/>
      <c r="IR9" s="530"/>
      <c r="IS9" s="530"/>
      <c r="IT9" s="530"/>
      <c r="IU9" s="530"/>
      <c r="IV9" s="530"/>
      <c r="IW9" s="530"/>
      <c r="IX9" s="530"/>
      <c r="IY9" s="530"/>
    </row>
    <row r="10" spans="1:259" ht="187.5" customHeight="1" x14ac:dyDescent="0.2">
      <c r="A10" s="1276" t="s">
        <v>491</v>
      </c>
      <c r="B10" s="1276"/>
      <c r="C10" s="1276"/>
      <c r="D10" s="1276"/>
      <c r="E10" s="1276"/>
      <c r="F10" s="1276"/>
      <c r="G10" s="1276"/>
      <c r="H10" s="1276"/>
      <c r="I10" s="1276"/>
      <c r="J10" s="1276"/>
      <c r="K10" s="1276"/>
      <c r="L10" s="1276"/>
      <c r="M10" s="1276"/>
      <c r="N10" s="1276"/>
      <c r="O10" s="1276"/>
      <c r="P10" s="1276"/>
      <c r="Q10" s="1276"/>
      <c r="R10" s="1276"/>
      <c r="S10" s="1276"/>
      <c r="T10" s="1276"/>
      <c r="U10" s="530"/>
      <c r="V10" s="530"/>
      <c r="W10" s="530"/>
      <c r="X10" s="530"/>
      <c r="Y10" s="530"/>
      <c r="Z10" s="530"/>
      <c r="AA10" s="530"/>
      <c r="AB10" s="530"/>
      <c r="AC10" s="530"/>
      <c r="AD10" s="530"/>
      <c r="AE10" s="530"/>
      <c r="AF10" s="530"/>
      <c r="AG10" s="530"/>
      <c r="AH10" s="530"/>
      <c r="AI10" s="530"/>
      <c r="AJ10" s="530"/>
      <c r="AK10" s="530"/>
      <c r="AL10" s="530"/>
      <c r="AM10" s="530"/>
      <c r="AN10" s="530"/>
      <c r="AO10" s="530"/>
      <c r="AP10" s="530"/>
      <c r="AQ10" s="530"/>
      <c r="AR10" s="530"/>
      <c r="AS10" s="530"/>
      <c r="AT10" s="530"/>
      <c r="AU10" s="530"/>
      <c r="AV10" s="530"/>
      <c r="AW10" s="530"/>
      <c r="AX10" s="530"/>
      <c r="AY10" s="530"/>
      <c r="AZ10" s="530"/>
      <c r="BA10" s="530"/>
      <c r="BB10" s="530"/>
      <c r="BC10" s="530"/>
      <c r="BD10" s="530"/>
      <c r="BE10" s="530"/>
      <c r="BF10" s="530"/>
      <c r="BG10" s="530"/>
      <c r="BH10" s="530"/>
      <c r="BI10" s="530"/>
      <c r="BJ10" s="530"/>
      <c r="BK10" s="530"/>
      <c r="BL10" s="530"/>
      <c r="BM10" s="530"/>
      <c r="BN10" s="530"/>
      <c r="BO10" s="530"/>
      <c r="BP10" s="530"/>
      <c r="BQ10" s="530"/>
      <c r="BR10" s="530"/>
      <c r="BS10" s="530"/>
      <c r="BT10" s="530"/>
      <c r="BU10" s="530"/>
      <c r="BV10" s="530"/>
      <c r="BW10" s="530"/>
      <c r="BX10" s="530"/>
      <c r="BY10" s="530"/>
      <c r="BZ10" s="530"/>
      <c r="CA10" s="530"/>
      <c r="CB10" s="530"/>
      <c r="CC10" s="530"/>
      <c r="CD10" s="530"/>
      <c r="CE10" s="530"/>
      <c r="CF10" s="530"/>
      <c r="CG10" s="530"/>
      <c r="CH10" s="530"/>
      <c r="CI10" s="530"/>
      <c r="CJ10" s="530"/>
      <c r="CK10" s="530"/>
      <c r="CL10" s="530"/>
      <c r="CM10" s="530"/>
      <c r="CN10" s="530"/>
      <c r="CO10" s="530"/>
      <c r="CP10" s="530"/>
      <c r="CQ10" s="530"/>
      <c r="CR10" s="530"/>
      <c r="CS10" s="530"/>
      <c r="CT10" s="530"/>
      <c r="CU10" s="530"/>
      <c r="CV10" s="530"/>
      <c r="CW10" s="530"/>
      <c r="CX10" s="530"/>
      <c r="CY10" s="530"/>
      <c r="CZ10" s="530"/>
      <c r="DA10" s="530"/>
      <c r="DB10" s="530"/>
      <c r="DC10" s="530"/>
      <c r="DD10" s="530"/>
      <c r="DE10" s="530"/>
      <c r="DF10" s="530"/>
      <c r="DG10" s="530"/>
      <c r="DH10" s="530"/>
      <c r="DI10" s="530"/>
      <c r="DJ10" s="530"/>
      <c r="DK10" s="530"/>
      <c r="DL10" s="530"/>
      <c r="DM10" s="530"/>
      <c r="DN10" s="530"/>
      <c r="DO10" s="530"/>
      <c r="DP10" s="530"/>
      <c r="DQ10" s="530"/>
      <c r="DR10" s="530"/>
      <c r="DS10" s="530"/>
      <c r="DT10" s="530"/>
      <c r="DU10" s="530"/>
      <c r="DV10" s="530"/>
      <c r="DW10" s="530"/>
      <c r="DX10" s="530"/>
      <c r="DY10" s="530"/>
      <c r="DZ10" s="530"/>
      <c r="EA10" s="530"/>
      <c r="EB10" s="530"/>
      <c r="EC10" s="530"/>
      <c r="ED10" s="530"/>
      <c r="EE10" s="530"/>
      <c r="EF10" s="530"/>
      <c r="EG10" s="530"/>
      <c r="EH10" s="530"/>
      <c r="EI10" s="530"/>
      <c r="EJ10" s="530"/>
      <c r="EK10" s="530"/>
      <c r="EL10" s="530"/>
      <c r="EM10" s="530"/>
      <c r="EN10" s="530"/>
      <c r="EO10" s="530"/>
      <c r="EP10" s="530"/>
      <c r="EQ10" s="530"/>
      <c r="ER10" s="530"/>
      <c r="ES10" s="530"/>
      <c r="ET10" s="530"/>
      <c r="EU10" s="530"/>
      <c r="EV10" s="530"/>
      <c r="EW10" s="530"/>
      <c r="EX10" s="530"/>
      <c r="EY10" s="530"/>
      <c r="EZ10" s="530"/>
      <c r="FA10" s="530"/>
      <c r="FB10" s="530"/>
      <c r="FC10" s="530"/>
      <c r="FD10" s="530"/>
      <c r="FE10" s="530"/>
      <c r="FF10" s="530"/>
      <c r="FG10" s="530"/>
      <c r="FH10" s="530"/>
      <c r="FI10" s="530"/>
      <c r="FJ10" s="530"/>
      <c r="FK10" s="530"/>
      <c r="FL10" s="530"/>
      <c r="FM10" s="530"/>
      <c r="FN10" s="530"/>
      <c r="FO10" s="530"/>
      <c r="FP10" s="530"/>
      <c r="FQ10" s="530"/>
      <c r="FR10" s="530"/>
      <c r="FS10" s="530"/>
      <c r="FT10" s="530"/>
      <c r="FU10" s="530"/>
      <c r="FV10" s="530"/>
      <c r="FW10" s="530"/>
      <c r="FX10" s="530"/>
      <c r="FY10" s="530"/>
      <c r="FZ10" s="530"/>
      <c r="GA10" s="530"/>
      <c r="GB10" s="530"/>
      <c r="GC10" s="530"/>
      <c r="GD10" s="530"/>
      <c r="GE10" s="530"/>
      <c r="GF10" s="530"/>
      <c r="GG10" s="530"/>
      <c r="GH10" s="530"/>
      <c r="GI10" s="530"/>
      <c r="GJ10" s="530"/>
      <c r="GK10" s="530"/>
      <c r="GL10" s="530"/>
      <c r="GM10" s="530"/>
      <c r="GN10" s="530"/>
      <c r="GO10" s="530"/>
      <c r="GP10" s="530"/>
      <c r="GQ10" s="530"/>
      <c r="GR10" s="530"/>
      <c r="GS10" s="530"/>
      <c r="GT10" s="530"/>
      <c r="GU10" s="530"/>
      <c r="GV10" s="530"/>
      <c r="GW10" s="530"/>
      <c r="GX10" s="530"/>
      <c r="GY10" s="530"/>
      <c r="GZ10" s="530"/>
      <c r="HA10" s="530"/>
      <c r="HB10" s="530"/>
      <c r="HC10" s="530"/>
      <c r="HD10" s="530"/>
      <c r="HE10" s="530"/>
      <c r="HF10" s="530"/>
      <c r="HG10" s="530"/>
      <c r="HH10" s="530"/>
      <c r="HI10" s="530"/>
      <c r="HJ10" s="530"/>
      <c r="HK10" s="530"/>
      <c r="HL10" s="530"/>
      <c r="HM10" s="530"/>
      <c r="HN10" s="530"/>
      <c r="HO10" s="530"/>
      <c r="HP10" s="530"/>
      <c r="HQ10" s="530"/>
      <c r="HR10" s="530"/>
      <c r="HS10" s="530"/>
      <c r="HT10" s="530"/>
      <c r="HU10" s="530"/>
      <c r="HV10" s="530"/>
      <c r="HW10" s="530"/>
      <c r="HX10" s="530"/>
      <c r="HY10" s="530"/>
      <c r="HZ10" s="530"/>
      <c r="IA10" s="530"/>
      <c r="IB10" s="530"/>
      <c r="IC10" s="530"/>
      <c r="ID10" s="530"/>
      <c r="IE10" s="530"/>
      <c r="IF10" s="530"/>
      <c r="IG10" s="530"/>
      <c r="IH10" s="530"/>
      <c r="II10" s="530"/>
      <c r="IJ10" s="530"/>
      <c r="IK10" s="530"/>
      <c r="IL10" s="530"/>
      <c r="IM10" s="530"/>
      <c r="IN10" s="530"/>
      <c r="IO10" s="530"/>
      <c r="IP10" s="530"/>
      <c r="IQ10" s="530"/>
      <c r="IR10" s="530"/>
      <c r="IS10" s="530"/>
      <c r="IT10" s="530"/>
      <c r="IU10" s="530"/>
      <c r="IV10" s="530"/>
      <c r="IW10" s="530"/>
      <c r="IX10" s="530"/>
      <c r="IY10" s="530"/>
    </row>
    <row r="11" spans="1:259" ht="55.2" x14ac:dyDescent="0.2">
      <c r="A11" s="534"/>
      <c r="B11" s="1236" t="s">
        <v>3</v>
      </c>
      <c r="C11" s="1277"/>
      <c r="D11" s="1277" t="s">
        <v>492</v>
      </c>
      <c r="E11" s="1236"/>
      <c r="F11" s="1236"/>
      <c r="G11" s="1236"/>
      <c r="H11" s="1236"/>
      <c r="I11" s="1236"/>
      <c r="J11" s="1236"/>
      <c r="K11" s="1236"/>
      <c r="L11" s="804"/>
      <c r="M11" s="1236"/>
      <c r="N11" s="536"/>
      <c r="O11" s="534"/>
      <c r="P11" s="534"/>
      <c r="Q11" s="534"/>
      <c r="R11" s="534"/>
      <c r="S11" s="534"/>
      <c r="T11" s="534"/>
      <c r="U11" s="530"/>
      <c r="V11" s="530"/>
      <c r="W11" s="530"/>
      <c r="X11" s="530"/>
      <c r="Y11" s="530"/>
      <c r="Z11" s="530"/>
      <c r="AA11" s="530"/>
      <c r="AB11" s="530"/>
      <c r="AC11" s="530"/>
      <c r="AD11" s="530"/>
      <c r="AE11" s="530"/>
      <c r="AF11" s="530"/>
      <c r="AG11" s="530"/>
      <c r="AH11" s="530"/>
      <c r="AI11" s="530"/>
      <c r="AJ11" s="530"/>
      <c r="AK11" s="530"/>
      <c r="AL11" s="530"/>
      <c r="AM11" s="530"/>
      <c r="AN11" s="530"/>
      <c r="AO11" s="530"/>
      <c r="AP11" s="530"/>
      <c r="AQ11" s="530"/>
      <c r="AR11" s="530"/>
      <c r="AS11" s="530"/>
      <c r="AT11" s="530"/>
      <c r="AU11" s="530"/>
      <c r="AV11" s="530"/>
      <c r="AW11" s="530"/>
      <c r="AX11" s="530"/>
      <c r="AY11" s="530"/>
      <c r="AZ11" s="530"/>
      <c r="BA11" s="530"/>
      <c r="BB11" s="530"/>
      <c r="BC11" s="530"/>
      <c r="BD11" s="530"/>
      <c r="BE11" s="530"/>
      <c r="BF11" s="530"/>
      <c r="BG11" s="530"/>
      <c r="BH11" s="530"/>
      <c r="BI11" s="530"/>
      <c r="BJ11" s="530"/>
      <c r="BK11" s="530"/>
      <c r="BL11" s="530"/>
      <c r="BM11" s="530"/>
      <c r="BN11" s="530"/>
      <c r="BO11" s="530"/>
      <c r="BP11" s="530"/>
      <c r="BQ11" s="530"/>
      <c r="BR11" s="530"/>
      <c r="BS11" s="530"/>
      <c r="BT11" s="530"/>
      <c r="BU11" s="530"/>
      <c r="BV11" s="530"/>
      <c r="BW11" s="530"/>
      <c r="BX11" s="530"/>
      <c r="BY11" s="530"/>
      <c r="BZ11" s="530"/>
      <c r="CA11" s="530"/>
      <c r="CB11" s="530"/>
      <c r="CC11" s="530"/>
      <c r="CD11" s="530"/>
      <c r="CE11" s="530"/>
      <c r="CF11" s="530"/>
      <c r="CG11" s="530"/>
      <c r="CH11" s="530"/>
      <c r="CI11" s="530"/>
      <c r="CJ11" s="530"/>
      <c r="CK11" s="530"/>
      <c r="CL11" s="530"/>
      <c r="CM11" s="530"/>
      <c r="CN11" s="530"/>
      <c r="CO11" s="530"/>
      <c r="CP11" s="530"/>
      <c r="CQ11" s="530"/>
      <c r="CR11" s="530"/>
      <c r="CS11" s="530"/>
      <c r="CT11" s="530"/>
      <c r="CU11" s="530"/>
      <c r="CV11" s="530"/>
      <c r="CW11" s="530"/>
      <c r="CX11" s="530"/>
      <c r="CY11" s="530"/>
      <c r="CZ11" s="530"/>
      <c r="DA11" s="530"/>
      <c r="DB11" s="530"/>
      <c r="DC11" s="530"/>
      <c r="DD11" s="530"/>
      <c r="DE11" s="530"/>
      <c r="DF11" s="530"/>
      <c r="DG11" s="530"/>
      <c r="DH11" s="530"/>
      <c r="DI11" s="530"/>
      <c r="DJ11" s="530"/>
      <c r="DK11" s="530"/>
      <c r="DL11" s="530"/>
      <c r="DM11" s="530"/>
      <c r="DN11" s="530"/>
      <c r="DO11" s="530"/>
      <c r="DP11" s="530"/>
      <c r="DQ11" s="530"/>
      <c r="DR11" s="530"/>
      <c r="DS11" s="530"/>
      <c r="DT11" s="530"/>
      <c r="DU11" s="530"/>
      <c r="DV11" s="530"/>
      <c r="DW11" s="530"/>
      <c r="DX11" s="530"/>
      <c r="DY11" s="530"/>
      <c r="DZ11" s="530"/>
      <c r="EA11" s="530"/>
      <c r="EB11" s="530"/>
      <c r="EC11" s="530"/>
      <c r="ED11" s="530"/>
      <c r="EE11" s="530"/>
      <c r="EF11" s="530"/>
      <c r="EG11" s="530"/>
      <c r="EH11" s="530"/>
      <c r="EI11" s="530"/>
      <c r="EJ11" s="530"/>
      <c r="EK11" s="530"/>
      <c r="EL11" s="530"/>
      <c r="EM11" s="530"/>
      <c r="EN11" s="530"/>
      <c r="EO11" s="530"/>
      <c r="EP11" s="530"/>
      <c r="EQ11" s="530"/>
      <c r="ER11" s="530"/>
      <c r="ES11" s="530"/>
      <c r="ET11" s="530"/>
      <c r="EU11" s="530"/>
      <c r="EV11" s="530"/>
      <c r="EW11" s="530"/>
      <c r="EX11" s="530"/>
      <c r="EY11" s="530"/>
      <c r="EZ11" s="530"/>
      <c r="FA11" s="530"/>
      <c r="FB11" s="530"/>
      <c r="FC11" s="530"/>
      <c r="FD11" s="530"/>
      <c r="FE11" s="530"/>
      <c r="FF11" s="530"/>
      <c r="FG11" s="530"/>
      <c r="FH11" s="530"/>
      <c r="FI11" s="530"/>
      <c r="FJ11" s="530"/>
      <c r="FK11" s="530"/>
      <c r="FL11" s="530"/>
      <c r="FM11" s="530"/>
      <c r="FN11" s="530"/>
      <c r="FO11" s="530"/>
      <c r="FP11" s="530"/>
      <c r="FQ11" s="530"/>
      <c r="FR11" s="530"/>
      <c r="FS11" s="530"/>
      <c r="FT11" s="530"/>
      <c r="FU11" s="530"/>
      <c r="FV11" s="530"/>
      <c r="FW11" s="530"/>
      <c r="FX11" s="530"/>
      <c r="FY11" s="530"/>
      <c r="FZ11" s="530"/>
      <c r="GA11" s="530"/>
      <c r="GB11" s="530"/>
      <c r="GC11" s="530"/>
      <c r="GD11" s="530"/>
      <c r="GE11" s="530"/>
      <c r="GF11" s="530"/>
      <c r="GG11" s="530"/>
      <c r="GH11" s="530"/>
      <c r="GI11" s="530"/>
      <c r="GJ11" s="530"/>
      <c r="GK11" s="530"/>
      <c r="GL11" s="530"/>
      <c r="GM11" s="530"/>
      <c r="GN11" s="530"/>
      <c r="GO11" s="530"/>
      <c r="GP11" s="530"/>
      <c r="GQ11" s="530"/>
      <c r="GR11" s="530"/>
      <c r="GS11" s="530"/>
      <c r="GT11" s="530"/>
      <c r="GU11" s="530"/>
      <c r="GV11" s="530"/>
      <c r="GW11" s="530"/>
      <c r="GX11" s="530"/>
      <c r="GY11" s="530"/>
      <c r="GZ11" s="530"/>
      <c r="HA11" s="530"/>
      <c r="HB11" s="530"/>
      <c r="HC11" s="530"/>
      <c r="HD11" s="530"/>
      <c r="HE11" s="530"/>
      <c r="HF11" s="530"/>
      <c r="HG11" s="530"/>
      <c r="HH11" s="530"/>
      <c r="HI11" s="530"/>
      <c r="HJ11" s="530"/>
      <c r="HK11" s="530"/>
      <c r="HL11" s="530"/>
      <c r="HM11" s="530"/>
      <c r="HN11" s="530"/>
      <c r="HO11" s="530"/>
      <c r="HP11" s="530"/>
      <c r="HQ11" s="530"/>
      <c r="HR11" s="530"/>
      <c r="HS11" s="530"/>
      <c r="HT11" s="530"/>
      <c r="HU11" s="530"/>
      <c r="HV11" s="530"/>
      <c r="HW11" s="530"/>
      <c r="HX11" s="530"/>
      <c r="HY11" s="530"/>
      <c r="HZ11" s="530"/>
      <c r="IA11" s="530"/>
      <c r="IB11" s="530"/>
      <c r="IC11" s="530"/>
      <c r="ID11" s="530"/>
      <c r="IE11" s="530"/>
      <c r="IF11" s="530"/>
      <c r="IG11" s="530"/>
      <c r="IH11" s="530"/>
      <c r="II11" s="530"/>
      <c r="IJ11" s="530"/>
      <c r="IK11" s="530"/>
      <c r="IL11" s="530"/>
      <c r="IM11" s="530"/>
      <c r="IN11" s="530"/>
      <c r="IO11" s="530"/>
      <c r="IP11" s="530"/>
      <c r="IQ11" s="530"/>
      <c r="IR11" s="530"/>
      <c r="IS11" s="530"/>
      <c r="IT11" s="530"/>
      <c r="IU11" s="530"/>
      <c r="IV11" s="530"/>
      <c r="IW11" s="530"/>
      <c r="IX11" s="530"/>
      <c r="IY11" s="530"/>
    </row>
    <row r="12" spans="1:259" ht="55.2" x14ac:dyDescent="0.2">
      <c r="A12" s="534"/>
      <c r="B12" s="1236" t="s">
        <v>5</v>
      </c>
      <c r="C12" s="1277"/>
      <c r="D12" s="1277" t="s">
        <v>493</v>
      </c>
      <c r="E12" s="1236"/>
      <c r="F12" s="1236"/>
      <c r="G12" s="1236"/>
      <c r="H12" s="1236"/>
      <c r="I12" s="1236"/>
      <c r="J12" s="1236"/>
      <c r="K12" s="1236"/>
      <c r="L12" s="804"/>
      <c r="M12" s="1236"/>
      <c r="N12" s="536"/>
      <c r="O12" s="534"/>
      <c r="P12" s="534"/>
      <c r="Q12" s="534"/>
      <c r="R12" s="534"/>
      <c r="S12" s="534"/>
      <c r="T12" s="534"/>
      <c r="U12" s="530"/>
      <c r="V12" s="530"/>
      <c r="W12" s="530"/>
      <c r="X12" s="530"/>
      <c r="Y12" s="530"/>
      <c r="Z12" s="530"/>
      <c r="AA12" s="530"/>
      <c r="AB12" s="530"/>
      <c r="AC12" s="530"/>
      <c r="AD12" s="530"/>
      <c r="AE12" s="530"/>
      <c r="AF12" s="530"/>
      <c r="AG12" s="530"/>
      <c r="AH12" s="530"/>
      <c r="AI12" s="530"/>
      <c r="AJ12" s="530"/>
      <c r="AK12" s="530"/>
      <c r="AL12" s="530"/>
      <c r="AM12" s="530"/>
      <c r="AN12" s="530"/>
      <c r="AO12" s="530"/>
      <c r="AP12" s="530"/>
      <c r="AQ12" s="530"/>
      <c r="AR12" s="530"/>
      <c r="AS12" s="530"/>
      <c r="AT12" s="530"/>
      <c r="AU12" s="530"/>
      <c r="AV12" s="530"/>
      <c r="AW12" s="530"/>
      <c r="AX12" s="530"/>
      <c r="AY12" s="530"/>
      <c r="AZ12" s="530"/>
      <c r="BA12" s="530"/>
      <c r="BB12" s="530"/>
      <c r="BC12" s="530"/>
      <c r="BD12" s="530"/>
      <c r="BE12" s="530"/>
      <c r="BF12" s="530"/>
      <c r="BG12" s="530"/>
      <c r="BH12" s="530"/>
      <c r="BI12" s="530"/>
      <c r="BJ12" s="530"/>
      <c r="BK12" s="530"/>
      <c r="BL12" s="530"/>
      <c r="BM12" s="530"/>
      <c r="BN12" s="530"/>
      <c r="BO12" s="530"/>
      <c r="BP12" s="530"/>
      <c r="BQ12" s="530"/>
      <c r="BR12" s="530"/>
      <c r="BS12" s="530"/>
      <c r="BT12" s="530"/>
      <c r="BU12" s="530"/>
      <c r="BV12" s="530"/>
      <c r="BW12" s="530"/>
      <c r="BX12" s="530"/>
      <c r="BY12" s="530"/>
      <c r="BZ12" s="530"/>
      <c r="CA12" s="530"/>
      <c r="CB12" s="530"/>
      <c r="CC12" s="530"/>
      <c r="CD12" s="530"/>
      <c r="CE12" s="530"/>
      <c r="CF12" s="530"/>
      <c r="CG12" s="530"/>
      <c r="CH12" s="530"/>
      <c r="CI12" s="530"/>
      <c r="CJ12" s="530"/>
      <c r="CK12" s="530"/>
      <c r="CL12" s="530"/>
      <c r="CM12" s="530"/>
      <c r="CN12" s="530"/>
      <c r="CO12" s="530"/>
      <c r="CP12" s="530"/>
      <c r="CQ12" s="530"/>
      <c r="CR12" s="530"/>
      <c r="CS12" s="530"/>
      <c r="CT12" s="530"/>
      <c r="CU12" s="530"/>
      <c r="CV12" s="530"/>
      <c r="CW12" s="530"/>
      <c r="CX12" s="530"/>
      <c r="CY12" s="530"/>
      <c r="CZ12" s="530"/>
      <c r="DA12" s="530"/>
      <c r="DB12" s="530"/>
      <c r="DC12" s="530"/>
      <c r="DD12" s="530"/>
      <c r="DE12" s="530"/>
      <c r="DF12" s="530"/>
      <c r="DG12" s="530"/>
      <c r="DH12" s="530"/>
      <c r="DI12" s="530"/>
      <c r="DJ12" s="530"/>
      <c r="DK12" s="530"/>
      <c r="DL12" s="530"/>
      <c r="DM12" s="530"/>
      <c r="DN12" s="530"/>
      <c r="DO12" s="530"/>
      <c r="DP12" s="530"/>
      <c r="DQ12" s="530"/>
      <c r="DR12" s="530"/>
      <c r="DS12" s="530"/>
      <c r="DT12" s="530"/>
      <c r="DU12" s="530"/>
      <c r="DV12" s="530"/>
      <c r="DW12" s="530"/>
      <c r="DX12" s="530"/>
      <c r="DY12" s="530"/>
      <c r="DZ12" s="530"/>
      <c r="EA12" s="530"/>
      <c r="EB12" s="530"/>
      <c r="EC12" s="530"/>
      <c r="ED12" s="530"/>
      <c r="EE12" s="530"/>
      <c r="EF12" s="530"/>
      <c r="EG12" s="530"/>
      <c r="EH12" s="530"/>
      <c r="EI12" s="530"/>
      <c r="EJ12" s="530"/>
      <c r="EK12" s="530"/>
      <c r="EL12" s="530"/>
      <c r="EM12" s="530"/>
      <c r="EN12" s="530"/>
      <c r="EO12" s="530"/>
      <c r="EP12" s="530"/>
      <c r="EQ12" s="530"/>
      <c r="ER12" s="530"/>
      <c r="ES12" s="530"/>
      <c r="ET12" s="530"/>
      <c r="EU12" s="530"/>
      <c r="EV12" s="530"/>
      <c r="EW12" s="530"/>
      <c r="EX12" s="530"/>
      <c r="EY12" s="530"/>
      <c r="EZ12" s="530"/>
      <c r="FA12" s="530"/>
      <c r="FB12" s="530"/>
      <c r="FC12" s="530"/>
      <c r="FD12" s="530"/>
      <c r="FE12" s="530"/>
      <c r="FF12" s="530"/>
      <c r="FG12" s="530"/>
      <c r="FH12" s="530"/>
      <c r="FI12" s="530"/>
      <c r="FJ12" s="530"/>
      <c r="FK12" s="530"/>
      <c r="FL12" s="530"/>
      <c r="FM12" s="530"/>
      <c r="FN12" s="530"/>
      <c r="FO12" s="530"/>
      <c r="FP12" s="530"/>
      <c r="FQ12" s="530"/>
      <c r="FR12" s="530"/>
      <c r="FS12" s="530"/>
      <c r="FT12" s="530"/>
      <c r="FU12" s="530"/>
      <c r="FV12" s="530"/>
      <c r="FW12" s="530"/>
      <c r="FX12" s="530"/>
      <c r="FY12" s="530"/>
      <c r="FZ12" s="530"/>
      <c r="GA12" s="530"/>
      <c r="GB12" s="530"/>
      <c r="GC12" s="530"/>
      <c r="GD12" s="530"/>
      <c r="GE12" s="530"/>
      <c r="GF12" s="530"/>
      <c r="GG12" s="530"/>
      <c r="GH12" s="530"/>
      <c r="GI12" s="530"/>
      <c r="GJ12" s="530"/>
      <c r="GK12" s="530"/>
      <c r="GL12" s="530"/>
      <c r="GM12" s="530"/>
      <c r="GN12" s="530"/>
      <c r="GO12" s="530"/>
      <c r="GP12" s="530"/>
      <c r="GQ12" s="530"/>
      <c r="GR12" s="530"/>
      <c r="GS12" s="530"/>
      <c r="GT12" s="530"/>
      <c r="GU12" s="530"/>
      <c r="GV12" s="530"/>
      <c r="GW12" s="530"/>
      <c r="GX12" s="530"/>
      <c r="GY12" s="530"/>
      <c r="GZ12" s="530"/>
      <c r="HA12" s="530"/>
      <c r="HB12" s="530"/>
      <c r="HC12" s="530"/>
      <c r="HD12" s="530"/>
      <c r="HE12" s="530"/>
      <c r="HF12" s="530"/>
      <c r="HG12" s="530"/>
      <c r="HH12" s="530"/>
      <c r="HI12" s="530"/>
      <c r="HJ12" s="530"/>
      <c r="HK12" s="530"/>
      <c r="HL12" s="530"/>
      <c r="HM12" s="530"/>
      <c r="HN12" s="530"/>
      <c r="HO12" s="530"/>
      <c r="HP12" s="530"/>
      <c r="HQ12" s="530"/>
      <c r="HR12" s="530"/>
      <c r="HS12" s="530"/>
      <c r="HT12" s="530"/>
      <c r="HU12" s="530"/>
      <c r="HV12" s="530"/>
      <c r="HW12" s="530"/>
      <c r="HX12" s="530"/>
      <c r="HY12" s="530"/>
      <c r="HZ12" s="530"/>
      <c r="IA12" s="530"/>
      <c r="IB12" s="530"/>
      <c r="IC12" s="530"/>
      <c r="ID12" s="530"/>
      <c r="IE12" s="530"/>
      <c r="IF12" s="530"/>
      <c r="IG12" s="530"/>
      <c r="IH12" s="530"/>
      <c r="II12" s="530"/>
      <c r="IJ12" s="530"/>
      <c r="IK12" s="530"/>
      <c r="IL12" s="530"/>
      <c r="IM12" s="530"/>
      <c r="IN12" s="530"/>
      <c r="IO12" s="530"/>
      <c r="IP12" s="530"/>
      <c r="IQ12" s="530"/>
      <c r="IR12" s="530"/>
      <c r="IS12" s="530"/>
      <c r="IT12" s="530"/>
      <c r="IU12" s="530"/>
      <c r="IV12" s="530"/>
      <c r="IW12" s="530"/>
      <c r="IX12" s="530"/>
      <c r="IY12" s="530"/>
    </row>
    <row r="13" spans="1:259" ht="55.2" x14ac:dyDescent="0.2">
      <c r="A13" s="534"/>
      <c r="B13" s="1236" t="s">
        <v>7</v>
      </c>
      <c r="C13" s="1277"/>
      <c r="D13" s="1277" t="s">
        <v>494</v>
      </c>
      <c r="E13" s="1236"/>
      <c r="F13" s="1236"/>
      <c r="G13" s="1236"/>
      <c r="H13" s="1236"/>
      <c r="I13" s="1236"/>
      <c r="J13" s="1236"/>
      <c r="K13" s="1236"/>
      <c r="L13" s="804"/>
      <c r="M13" s="1236"/>
      <c r="N13" s="536"/>
      <c r="O13" s="534"/>
      <c r="P13" s="534"/>
      <c r="Q13" s="534"/>
      <c r="R13" s="534"/>
      <c r="S13" s="534"/>
      <c r="T13" s="534"/>
      <c r="U13" s="530"/>
      <c r="V13" s="530"/>
      <c r="W13" s="530"/>
      <c r="X13" s="530"/>
      <c r="Y13" s="530"/>
      <c r="Z13" s="530"/>
      <c r="AA13" s="530"/>
      <c r="AB13" s="530"/>
      <c r="AC13" s="530"/>
      <c r="AD13" s="530"/>
      <c r="AE13" s="530"/>
      <c r="AF13" s="530"/>
      <c r="AG13" s="530"/>
      <c r="AH13" s="530"/>
      <c r="AI13" s="530"/>
      <c r="AJ13" s="530"/>
      <c r="AK13" s="530"/>
      <c r="AL13" s="530"/>
      <c r="AM13" s="530"/>
      <c r="AN13" s="530"/>
      <c r="AO13" s="530"/>
      <c r="AP13" s="530"/>
      <c r="AQ13" s="530"/>
      <c r="AR13" s="530"/>
      <c r="AS13" s="530"/>
      <c r="AT13" s="530"/>
      <c r="AU13" s="530"/>
      <c r="AV13" s="530"/>
      <c r="AW13" s="530"/>
      <c r="AX13" s="530"/>
      <c r="AY13" s="530"/>
      <c r="AZ13" s="530"/>
      <c r="BA13" s="530"/>
      <c r="BB13" s="530"/>
      <c r="BC13" s="530"/>
      <c r="BD13" s="530"/>
      <c r="BE13" s="530"/>
      <c r="BF13" s="530"/>
      <c r="BG13" s="530"/>
      <c r="BH13" s="530"/>
      <c r="BI13" s="530"/>
      <c r="BJ13" s="530"/>
      <c r="BK13" s="530"/>
      <c r="BL13" s="530"/>
      <c r="BM13" s="530"/>
      <c r="BN13" s="530"/>
      <c r="BO13" s="530"/>
      <c r="BP13" s="530"/>
      <c r="BQ13" s="530"/>
      <c r="BR13" s="530"/>
      <c r="BS13" s="530"/>
      <c r="BT13" s="530"/>
      <c r="BU13" s="530"/>
      <c r="BV13" s="530"/>
      <c r="BW13" s="530"/>
      <c r="BX13" s="530"/>
      <c r="BY13" s="530"/>
      <c r="BZ13" s="530"/>
      <c r="CA13" s="530"/>
      <c r="CB13" s="530"/>
      <c r="CC13" s="530"/>
      <c r="CD13" s="530"/>
      <c r="CE13" s="530"/>
      <c r="CF13" s="530"/>
      <c r="CG13" s="530"/>
      <c r="CH13" s="530"/>
      <c r="CI13" s="530"/>
      <c r="CJ13" s="530"/>
      <c r="CK13" s="530"/>
      <c r="CL13" s="530"/>
      <c r="CM13" s="530"/>
      <c r="CN13" s="530"/>
      <c r="CO13" s="530"/>
      <c r="CP13" s="530"/>
      <c r="CQ13" s="530"/>
      <c r="CR13" s="530"/>
      <c r="CS13" s="530"/>
      <c r="CT13" s="530"/>
      <c r="CU13" s="530"/>
      <c r="CV13" s="530"/>
      <c r="CW13" s="530"/>
      <c r="CX13" s="530"/>
      <c r="CY13" s="530"/>
      <c r="CZ13" s="530"/>
      <c r="DA13" s="530"/>
      <c r="DB13" s="530"/>
      <c r="DC13" s="530"/>
      <c r="DD13" s="530"/>
      <c r="DE13" s="530"/>
      <c r="DF13" s="530"/>
      <c r="DG13" s="530"/>
      <c r="DH13" s="530"/>
      <c r="DI13" s="530"/>
      <c r="DJ13" s="530"/>
      <c r="DK13" s="530"/>
      <c r="DL13" s="530"/>
      <c r="DM13" s="530"/>
      <c r="DN13" s="530"/>
      <c r="DO13" s="530"/>
      <c r="DP13" s="530"/>
      <c r="DQ13" s="530"/>
      <c r="DR13" s="530"/>
      <c r="DS13" s="530"/>
      <c r="DT13" s="530"/>
      <c r="DU13" s="530"/>
      <c r="DV13" s="530"/>
      <c r="DW13" s="530"/>
      <c r="DX13" s="530"/>
      <c r="DY13" s="530"/>
      <c r="DZ13" s="530"/>
      <c r="EA13" s="530"/>
      <c r="EB13" s="530"/>
      <c r="EC13" s="530"/>
      <c r="ED13" s="530"/>
      <c r="EE13" s="530"/>
      <c r="EF13" s="530"/>
      <c r="EG13" s="530"/>
      <c r="EH13" s="530"/>
      <c r="EI13" s="530"/>
      <c r="EJ13" s="530"/>
      <c r="EK13" s="530"/>
      <c r="EL13" s="530"/>
      <c r="EM13" s="530"/>
      <c r="EN13" s="530"/>
      <c r="EO13" s="530"/>
      <c r="EP13" s="530"/>
      <c r="EQ13" s="530"/>
      <c r="ER13" s="530"/>
      <c r="ES13" s="530"/>
      <c r="ET13" s="530"/>
      <c r="EU13" s="530"/>
      <c r="EV13" s="530"/>
      <c r="EW13" s="530"/>
      <c r="EX13" s="530"/>
      <c r="EY13" s="530"/>
      <c r="EZ13" s="530"/>
      <c r="FA13" s="530"/>
      <c r="FB13" s="530"/>
      <c r="FC13" s="530"/>
      <c r="FD13" s="530"/>
      <c r="FE13" s="530"/>
      <c r="FF13" s="530"/>
      <c r="FG13" s="530"/>
      <c r="FH13" s="530"/>
      <c r="FI13" s="530"/>
      <c r="FJ13" s="530"/>
      <c r="FK13" s="530"/>
      <c r="FL13" s="530"/>
      <c r="FM13" s="530"/>
      <c r="FN13" s="530"/>
      <c r="FO13" s="530"/>
      <c r="FP13" s="530"/>
      <c r="FQ13" s="530"/>
      <c r="FR13" s="530"/>
      <c r="FS13" s="530"/>
      <c r="FT13" s="530"/>
      <c r="FU13" s="530"/>
      <c r="FV13" s="530"/>
      <c r="FW13" s="530"/>
      <c r="FX13" s="530"/>
      <c r="FY13" s="530"/>
      <c r="FZ13" s="530"/>
      <c r="GA13" s="530"/>
      <c r="GB13" s="530"/>
      <c r="GC13" s="530"/>
      <c r="GD13" s="530"/>
      <c r="GE13" s="530"/>
      <c r="GF13" s="530"/>
      <c r="GG13" s="530"/>
      <c r="GH13" s="530"/>
      <c r="GI13" s="530"/>
      <c r="GJ13" s="530"/>
      <c r="GK13" s="530"/>
      <c r="GL13" s="530"/>
      <c r="GM13" s="530"/>
      <c r="GN13" s="530"/>
      <c r="GO13" s="530"/>
      <c r="GP13" s="530"/>
      <c r="GQ13" s="530"/>
      <c r="GR13" s="530"/>
      <c r="GS13" s="530"/>
      <c r="GT13" s="530"/>
      <c r="GU13" s="530"/>
      <c r="GV13" s="530"/>
      <c r="GW13" s="530"/>
      <c r="GX13" s="530"/>
      <c r="GY13" s="530"/>
      <c r="GZ13" s="530"/>
      <c r="HA13" s="530"/>
      <c r="HB13" s="530"/>
      <c r="HC13" s="530"/>
      <c r="HD13" s="530"/>
      <c r="HE13" s="530"/>
      <c r="HF13" s="530"/>
      <c r="HG13" s="530"/>
      <c r="HH13" s="530"/>
      <c r="HI13" s="530"/>
      <c r="HJ13" s="530"/>
      <c r="HK13" s="530"/>
      <c r="HL13" s="530"/>
      <c r="HM13" s="530"/>
      <c r="HN13" s="530"/>
      <c r="HO13" s="530"/>
      <c r="HP13" s="530"/>
      <c r="HQ13" s="530"/>
      <c r="HR13" s="530"/>
      <c r="HS13" s="530"/>
      <c r="HT13" s="530"/>
      <c r="HU13" s="530"/>
      <c r="HV13" s="530"/>
      <c r="HW13" s="530"/>
      <c r="HX13" s="530"/>
      <c r="HY13" s="530"/>
      <c r="HZ13" s="530"/>
      <c r="IA13" s="530"/>
      <c r="IB13" s="530"/>
      <c r="IC13" s="530"/>
      <c r="ID13" s="530"/>
      <c r="IE13" s="530"/>
      <c r="IF13" s="530"/>
      <c r="IG13" s="530"/>
      <c r="IH13" s="530"/>
      <c r="II13" s="530"/>
      <c r="IJ13" s="530"/>
      <c r="IK13" s="530"/>
      <c r="IL13" s="530"/>
      <c r="IM13" s="530"/>
      <c r="IN13" s="530"/>
      <c r="IO13" s="530"/>
      <c r="IP13" s="530"/>
      <c r="IQ13" s="530"/>
      <c r="IR13" s="530"/>
      <c r="IS13" s="530"/>
      <c r="IT13" s="530"/>
      <c r="IU13" s="530"/>
      <c r="IV13" s="530"/>
      <c r="IW13" s="530"/>
      <c r="IX13" s="530"/>
      <c r="IY13" s="530"/>
    </row>
    <row r="14" spans="1:259" ht="55.2" x14ac:dyDescent="0.2">
      <c r="A14" s="534"/>
      <c r="B14" s="1236" t="s">
        <v>9</v>
      </c>
      <c r="C14" s="1277"/>
      <c r="D14" s="1277" t="s">
        <v>495</v>
      </c>
      <c r="E14" s="1236"/>
      <c r="F14" s="1236"/>
      <c r="G14" s="1236"/>
      <c r="H14" s="1236"/>
      <c r="I14" s="1236"/>
      <c r="J14" s="1236"/>
      <c r="K14" s="1236"/>
      <c r="L14" s="804"/>
      <c r="M14" s="1236"/>
      <c r="N14" s="536"/>
      <c r="O14" s="534"/>
      <c r="P14" s="534"/>
      <c r="Q14" s="534"/>
      <c r="R14" s="534"/>
      <c r="S14" s="534"/>
      <c r="T14" s="534"/>
      <c r="U14" s="530"/>
      <c r="V14" s="530"/>
      <c r="W14" s="530"/>
      <c r="X14" s="530"/>
      <c r="Y14" s="530"/>
      <c r="Z14" s="530"/>
      <c r="AA14" s="530"/>
      <c r="AB14" s="530"/>
      <c r="AC14" s="530"/>
      <c r="AD14" s="530"/>
      <c r="AE14" s="530"/>
      <c r="AF14" s="530"/>
      <c r="AG14" s="530"/>
      <c r="AH14" s="530"/>
      <c r="AI14" s="530"/>
      <c r="AJ14" s="530"/>
      <c r="AK14" s="530"/>
      <c r="AL14" s="530"/>
      <c r="AM14" s="530"/>
      <c r="AN14" s="530"/>
      <c r="AO14" s="530"/>
      <c r="AP14" s="530"/>
      <c r="AQ14" s="530"/>
      <c r="AR14" s="530"/>
      <c r="AS14" s="530"/>
      <c r="AT14" s="530"/>
      <c r="AU14" s="530"/>
      <c r="AV14" s="530"/>
      <c r="AW14" s="530"/>
      <c r="AX14" s="530"/>
      <c r="AY14" s="530"/>
      <c r="AZ14" s="530"/>
      <c r="BA14" s="530"/>
      <c r="BB14" s="530"/>
      <c r="BC14" s="530"/>
      <c r="BD14" s="530"/>
      <c r="BE14" s="530"/>
      <c r="BF14" s="530"/>
      <c r="BG14" s="530"/>
      <c r="BH14" s="530"/>
      <c r="BI14" s="530"/>
      <c r="BJ14" s="530"/>
      <c r="BK14" s="530"/>
      <c r="BL14" s="530"/>
      <c r="BM14" s="530"/>
      <c r="BN14" s="530"/>
      <c r="BO14" s="530"/>
      <c r="BP14" s="530"/>
      <c r="BQ14" s="530"/>
      <c r="BR14" s="530"/>
      <c r="BS14" s="530"/>
      <c r="BT14" s="530"/>
      <c r="BU14" s="530"/>
      <c r="BV14" s="530"/>
      <c r="BW14" s="530"/>
      <c r="BX14" s="530"/>
      <c r="BY14" s="530"/>
      <c r="BZ14" s="530"/>
      <c r="CA14" s="530"/>
      <c r="CB14" s="530"/>
      <c r="CC14" s="530"/>
      <c r="CD14" s="530"/>
      <c r="CE14" s="530"/>
      <c r="CF14" s="530"/>
      <c r="CG14" s="530"/>
      <c r="CH14" s="530"/>
      <c r="CI14" s="530"/>
      <c r="CJ14" s="530"/>
      <c r="CK14" s="530"/>
      <c r="CL14" s="530"/>
      <c r="CM14" s="530"/>
      <c r="CN14" s="530"/>
      <c r="CO14" s="530"/>
      <c r="CP14" s="530"/>
      <c r="CQ14" s="530"/>
      <c r="CR14" s="530"/>
      <c r="CS14" s="530"/>
      <c r="CT14" s="530"/>
      <c r="CU14" s="530"/>
      <c r="CV14" s="530"/>
      <c r="CW14" s="530"/>
      <c r="CX14" s="530"/>
      <c r="CY14" s="530"/>
      <c r="CZ14" s="530"/>
      <c r="DA14" s="530"/>
      <c r="DB14" s="530"/>
      <c r="DC14" s="530"/>
      <c r="DD14" s="530"/>
      <c r="DE14" s="530"/>
      <c r="DF14" s="530"/>
      <c r="DG14" s="530"/>
      <c r="DH14" s="530"/>
      <c r="DI14" s="530"/>
      <c r="DJ14" s="530"/>
      <c r="DK14" s="530"/>
      <c r="DL14" s="530"/>
      <c r="DM14" s="530"/>
      <c r="DN14" s="530"/>
      <c r="DO14" s="530"/>
      <c r="DP14" s="530"/>
      <c r="DQ14" s="530"/>
      <c r="DR14" s="530"/>
      <c r="DS14" s="530"/>
      <c r="DT14" s="530"/>
      <c r="DU14" s="530"/>
      <c r="DV14" s="530"/>
      <c r="DW14" s="530"/>
      <c r="DX14" s="530"/>
      <c r="DY14" s="530"/>
      <c r="DZ14" s="530"/>
      <c r="EA14" s="530"/>
      <c r="EB14" s="530"/>
      <c r="EC14" s="530"/>
      <c r="ED14" s="530"/>
      <c r="EE14" s="530"/>
      <c r="EF14" s="530"/>
      <c r="EG14" s="530"/>
      <c r="EH14" s="530"/>
      <c r="EI14" s="530"/>
      <c r="EJ14" s="530"/>
      <c r="EK14" s="530"/>
      <c r="EL14" s="530"/>
      <c r="EM14" s="530"/>
      <c r="EN14" s="530"/>
      <c r="EO14" s="530"/>
      <c r="EP14" s="530"/>
      <c r="EQ14" s="530"/>
      <c r="ER14" s="530"/>
      <c r="ES14" s="530"/>
      <c r="ET14" s="530"/>
      <c r="EU14" s="530"/>
      <c r="EV14" s="530"/>
      <c r="EW14" s="530"/>
      <c r="EX14" s="530"/>
      <c r="EY14" s="530"/>
      <c r="EZ14" s="530"/>
      <c r="FA14" s="530"/>
      <c r="FB14" s="530"/>
      <c r="FC14" s="530"/>
      <c r="FD14" s="530"/>
      <c r="FE14" s="530"/>
      <c r="FF14" s="530"/>
      <c r="FG14" s="530"/>
      <c r="FH14" s="530"/>
      <c r="FI14" s="530"/>
      <c r="FJ14" s="530"/>
      <c r="FK14" s="530"/>
      <c r="FL14" s="530"/>
      <c r="FM14" s="530"/>
      <c r="FN14" s="530"/>
      <c r="FO14" s="530"/>
      <c r="FP14" s="530"/>
      <c r="FQ14" s="530"/>
      <c r="FR14" s="530"/>
      <c r="FS14" s="530"/>
      <c r="FT14" s="530"/>
      <c r="FU14" s="530"/>
      <c r="FV14" s="530"/>
      <c r="FW14" s="530"/>
      <c r="FX14" s="530"/>
      <c r="FY14" s="530"/>
      <c r="FZ14" s="530"/>
      <c r="GA14" s="530"/>
      <c r="GB14" s="530"/>
      <c r="GC14" s="530"/>
      <c r="GD14" s="530"/>
      <c r="GE14" s="530"/>
      <c r="GF14" s="530"/>
      <c r="GG14" s="530"/>
      <c r="GH14" s="530"/>
      <c r="GI14" s="530"/>
      <c r="GJ14" s="530"/>
      <c r="GK14" s="530"/>
      <c r="GL14" s="530"/>
      <c r="GM14" s="530"/>
      <c r="GN14" s="530"/>
      <c r="GO14" s="530"/>
      <c r="GP14" s="530"/>
      <c r="GQ14" s="530"/>
      <c r="GR14" s="530"/>
      <c r="GS14" s="530"/>
      <c r="GT14" s="530"/>
      <c r="GU14" s="530"/>
      <c r="GV14" s="530"/>
      <c r="GW14" s="530"/>
      <c r="GX14" s="530"/>
      <c r="GY14" s="530"/>
      <c r="GZ14" s="530"/>
      <c r="HA14" s="530"/>
      <c r="HB14" s="530"/>
      <c r="HC14" s="530"/>
      <c r="HD14" s="530"/>
      <c r="HE14" s="530"/>
      <c r="HF14" s="530"/>
      <c r="HG14" s="530"/>
      <c r="HH14" s="530"/>
      <c r="HI14" s="530"/>
      <c r="HJ14" s="530"/>
      <c r="HK14" s="530"/>
      <c r="HL14" s="530"/>
      <c r="HM14" s="530"/>
      <c r="HN14" s="530"/>
      <c r="HO14" s="530"/>
      <c r="HP14" s="530"/>
      <c r="HQ14" s="530"/>
      <c r="HR14" s="530"/>
      <c r="HS14" s="530"/>
      <c r="HT14" s="530"/>
      <c r="HU14" s="530"/>
      <c r="HV14" s="530"/>
      <c r="HW14" s="530"/>
      <c r="HX14" s="530"/>
      <c r="HY14" s="530"/>
      <c r="HZ14" s="530"/>
      <c r="IA14" s="530"/>
      <c r="IB14" s="530"/>
      <c r="IC14" s="530"/>
      <c r="ID14" s="530"/>
      <c r="IE14" s="530"/>
      <c r="IF14" s="530"/>
      <c r="IG14" s="530"/>
      <c r="IH14" s="530"/>
      <c r="II14" s="530"/>
      <c r="IJ14" s="530"/>
      <c r="IK14" s="530"/>
      <c r="IL14" s="530"/>
      <c r="IM14" s="530"/>
      <c r="IN14" s="530"/>
      <c r="IO14" s="530"/>
      <c r="IP14" s="530"/>
      <c r="IQ14" s="530"/>
      <c r="IR14" s="530"/>
      <c r="IS14" s="530"/>
      <c r="IT14" s="530"/>
      <c r="IU14" s="530"/>
      <c r="IV14" s="530"/>
      <c r="IW14" s="530"/>
      <c r="IX14" s="530"/>
      <c r="IY14" s="530"/>
    </row>
    <row r="15" spans="1:259" s="546" customFormat="1" ht="64.5" customHeight="1" x14ac:dyDescent="0.55000000000000004">
      <c r="A15" s="542"/>
      <c r="B15" s="543" t="s">
        <v>11</v>
      </c>
      <c r="C15" s="542"/>
      <c r="D15" s="542"/>
      <c r="E15" s="542"/>
      <c r="F15" s="542"/>
      <c r="G15" s="542"/>
      <c r="H15" s="542"/>
      <c r="I15" s="542"/>
      <c r="J15" s="542"/>
      <c r="K15" s="542"/>
      <c r="L15" s="544"/>
      <c r="M15" s="542"/>
      <c r="N15" s="536"/>
      <c r="O15" s="542"/>
      <c r="P15" s="542"/>
      <c r="Q15" s="542"/>
      <c r="R15" s="542"/>
      <c r="S15" s="542"/>
      <c r="T15" s="542"/>
      <c r="U15" s="545"/>
      <c r="V15" s="545"/>
      <c r="W15" s="545"/>
      <c r="X15" s="545"/>
      <c r="Y15" s="545"/>
      <c r="Z15" s="545"/>
      <c r="AA15" s="545"/>
      <c r="AB15" s="545"/>
      <c r="AC15" s="545"/>
      <c r="AD15" s="545"/>
      <c r="AE15" s="545"/>
      <c r="AF15" s="545"/>
      <c r="AG15" s="545"/>
      <c r="AH15" s="545"/>
      <c r="AI15" s="545"/>
      <c r="AJ15" s="545"/>
      <c r="AK15" s="545"/>
      <c r="AL15" s="545"/>
      <c r="AM15" s="545"/>
      <c r="AN15" s="545"/>
      <c r="AO15" s="545"/>
      <c r="AP15" s="545"/>
      <c r="AQ15" s="545"/>
      <c r="AR15" s="545"/>
      <c r="AS15" s="545"/>
      <c r="AT15" s="545"/>
      <c r="AU15" s="545"/>
      <c r="AV15" s="545"/>
      <c r="AW15" s="545"/>
      <c r="AX15" s="545"/>
      <c r="AY15" s="545"/>
      <c r="AZ15" s="545"/>
      <c r="BA15" s="545"/>
      <c r="BB15" s="545"/>
      <c r="BC15" s="545"/>
      <c r="BD15" s="545"/>
      <c r="BE15" s="545"/>
      <c r="BF15" s="545"/>
      <c r="BG15" s="545"/>
      <c r="BH15" s="545"/>
      <c r="BI15" s="545"/>
      <c r="BJ15" s="545"/>
      <c r="BK15" s="545"/>
      <c r="BL15" s="545"/>
      <c r="BM15" s="545"/>
      <c r="BN15" s="545"/>
      <c r="BO15" s="545"/>
      <c r="BP15" s="545"/>
      <c r="BQ15" s="545"/>
      <c r="BR15" s="545"/>
      <c r="BS15" s="545"/>
      <c r="BT15" s="545"/>
      <c r="BU15" s="545"/>
      <c r="BV15" s="545"/>
      <c r="BW15" s="545"/>
      <c r="BX15" s="545"/>
      <c r="BY15" s="545"/>
      <c r="BZ15" s="545"/>
      <c r="CA15" s="545"/>
      <c r="CB15" s="545"/>
      <c r="CC15" s="545"/>
      <c r="CD15" s="545"/>
      <c r="CE15" s="545"/>
      <c r="CF15" s="545"/>
      <c r="CG15" s="545"/>
      <c r="CH15" s="545"/>
      <c r="CI15" s="545"/>
      <c r="CJ15" s="545"/>
      <c r="CK15" s="545"/>
      <c r="CL15" s="545"/>
      <c r="CM15" s="545"/>
      <c r="CN15" s="545"/>
      <c r="CO15" s="545"/>
      <c r="CP15" s="545"/>
      <c r="CQ15" s="545"/>
      <c r="CR15" s="545"/>
      <c r="CS15" s="545"/>
      <c r="CT15" s="545"/>
      <c r="CU15" s="545"/>
      <c r="CV15" s="545"/>
      <c r="CW15" s="545"/>
      <c r="CX15" s="545"/>
      <c r="CY15" s="545"/>
      <c r="CZ15" s="545"/>
      <c r="DA15" s="545"/>
      <c r="DB15" s="545"/>
      <c r="DC15" s="545"/>
      <c r="DD15" s="545"/>
      <c r="DE15" s="545"/>
      <c r="DF15" s="545"/>
      <c r="DG15" s="545"/>
      <c r="DH15" s="545"/>
      <c r="DI15" s="545"/>
      <c r="DJ15" s="545"/>
      <c r="DK15" s="545"/>
      <c r="DL15" s="545"/>
      <c r="DM15" s="545"/>
      <c r="DN15" s="545"/>
      <c r="DO15" s="545"/>
      <c r="DP15" s="545"/>
      <c r="DQ15" s="545"/>
      <c r="DR15" s="545"/>
      <c r="DS15" s="545"/>
      <c r="DT15" s="545"/>
      <c r="DU15" s="545"/>
      <c r="DV15" s="545"/>
      <c r="DW15" s="545"/>
      <c r="DX15" s="545"/>
      <c r="DY15" s="545"/>
      <c r="DZ15" s="545"/>
      <c r="EA15" s="545"/>
      <c r="EB15" s="545"/>
      <c r="EC15" s="545"/>
      <c r="ED15" s="545"/>
      <c r="EE15" s="545"/>
      <c r="EF15" s="545"/>
      <c r="EG15" s="545"/>
      <c r="EH15" s="545"/>
      <c r="EI15" s="545"/>
      <c r="EJ15" s="545"/>
      <c r="EK15" s="545"/>
      <c r="EL15" s="545"/>
      <c r="EM15" s="545"/>
      <c r="EN15" s="545"/>
      <c r="EO15" s="545"/>
      <c r="EP15" s="545"/>
      <c r="EQ15" s="545"/>
      <c r="ER15" s="545"/>
      <c r="ES15" s="545"/>
      <c r="ET15" s="545"/>
      <c r="EU15" s="545"/>
      <c r="EV15" s="545"/>
      <c r="EW15" s="545"/>
      <c r="EX15" s="545"/>
      <c r="EY15" s="545"/>
      <c r="EZ15" s="545"/>
      <c r="FA15" s="545"/>
      <c r="FB15" s="545"/>
      <c r="FC15" s="545"/>
      <c r="FD15" s="545"/>
      <c r="FE15" s="545"/>
      <c r="FF15" s="545"/>
      <c r="FG15" s="545"/>
      <c r="FH15" s="545"/>
      <c r="FI15" s="545"/>
      <c r="FJ15" s="545"/>
      <c r="FK15" s="545"/>
      <c r="FL15" s="545"/>
      <c r="FM15" s="545"/>
      <c r="FN15" s="545"/>
      <c r="FO15" s="545"/>
      <c r="FP15" s="545"/>
      <c r="FQ15" s="545"/>
      <c r="FR15" s="545"/>
      <c r="FS15" s="545"/>
      <c r="FT15" s="545"/>
      <c r="FU15" s="545"/>
      <c r="FV15" s="545"/>
      <c r="FW15" s="545"/>
      <c r="FX15" s="545"/>
      <c r="FY15" s="545"/>
      <c r="FZ15" s="545"/>
      <c r="GA15" s="545"/>
      <c r="GB15" s="545"/>
      <c r="GC15" s="545"/>
      <c r="GD15" s="545"/>
      <c r="GE15" s="545"/>
      <c r="GF15" s="545"/>
      <c r="GG15" s="545"/>
      <c r="GH15" s="545"/>
      <c r="GI15" s="545"/>
      <c r="GJ15" s="545"/>
      <c r="GK15" s="545"/>
      <c r="GL15" s="545"/>
      <c r="GM15" s="545"/>
      <c r="GN15" s="545"/>
      <c r="GO15" s="545"/>
      <c r="GP15" s="545"/>
      <c r="GQ15" s="545"/>
      <c r="GR15" s="545"/>
      <c r="GS15" s="545"/>
      <c r="GT15" s="545"/>
      <c r="GU15" s="545"/>
      <c r="GV15" s="545"/>
      <c r="GW15" s="545"/>
      <c r="GX15" s="545"/>
      <c r="GY15" s="545"/>
      <c r="GZ15" s="545"/>
      <c r="HA15" s="545"/>
      <c r="HB15" s="545"/>
      <c r="HC15" s="545"/>
      <c r="HD15" s="545"/>
      <c r="HE15" s="545"/>
      <c r="HF15" s="545"/>
      <c r="HG15" s="545"/>
      <c r="HH15" s="545"/>
      <c r="HI15" s="545"/>
      <c r="HJ15" s="545"/>
      <c r="HK15" s="545"/>
      <c r="HL15" s="545"/>
      <c r="HM15" s="545"/>
      <c r="HN15" s="545"/>
      <c r="HO15" s="545"/>
      <c r="HP15" s="545"/>
      <c r="HQ15" s="545"/>
      <c r="HR15" s="545"/>
      <c r="HS15" s="545"/>
      <c r="HT15" s="545"/>
      <c r="HU15" s="545"/>
      <c r="HV15" s="545"/>
      <c r="HW15" s="545"/>
      <c r="HX15" s="545"/>
      <c r="HY15" s="545"/>
      <c r="HZ15" s="545"/>
      <c r="IA15" s="545"/>
      <c r="IB15" s="545"/>
      <c r="IC15" s="545"/>
      <c r="ID15" s="545"/>
      <c r="IE15" s="545"/>
      <c r="IF15" s="545"/>
      <c r="IG15" s="545"/>
      <c r="IH15" s="545"/>
      <c r="II15" s="545"/>
      <c r="IJ15" s="545"/>
      <c r="IK15" s="545"/>
      <c r="IL15" s="545"/>
      <c r="IM15" s="545"/>
      <c r="IN15" s="545"/>
      <c r="IO15" s="545"/>
      <c r="IP15" s="545"/>
      <c r="IQ15" s="545"/>
      <c r="IR15" s="545"/>
      <c r="IS15" s="545"/>
      <c r="IT15" s="545"/>
      <c r="IU15" s="545"/>
      <c r="IV15" s="545"/>
      <c r="IW15" s="545"/>
      <c r="IX15" s="545"/>
      <c r="IY15" s="545"/>
    </row>
    <row r="16" spans="1:259" ht="64.5" customHeight="1" x14ac:dyDescent="0.2">
      <c r="A16" s="534"/>
      <c r="B16" s="534"/>
      <c r="C16" s="534"/>
      <c r="D16" s="534"/>
      <c r="E16" s="534"/>
      <c r="F16" s="534"/>
      <c r="G16" s="534"/>
      <c r="H16" s="534"/>
      <c r="I16" s="534"/>
      <c r="J16" s="534"/>
      <c r="K16" s="534"/>
      <c r="L16" s="535"/>
      <c r="M16" s="534"/>
      <c r="N16" s="536"/>
      <c r="O16" s="534"/>
      <c r="P16" s="534"/>
      <c r="Q16" s="534"/>
      <c r="R16" s="534"/>
      <c r="S16" s="534"/>
      <c r="T16" s="534"/>
      <c r="U16" s="530"/>
      <c r="V16" s="530"/>
      <c r="W16" s="530"/>
      <c r="X16" s="530"/>
      <c r="Y16" s="530"/>
      <c r="Z16" s="530"/>
      <c r="AA16" s="530"/>
      <c r="AB16" s="530"/>
      <c r="AC16" s="530"/>
      <c r="AD16" s="530"/>
      <c r="AE16" s="530"/>
      <c r="AF16" s="530"/>
      <c r="AG16" s="530"/>
      <c r="AH16" s="530"/>
      <c r="AI16" s="530"/>
      <c r="AJ16" s="530"/>
      <c r="AK16" s="530"/>
      <c r="AL16" s="530"/>
      <c r="AM16" s="530"/>
      <c r="AN16" s="530"/>
      <c r="AO16" s="530"/>
      <c r="AP16" s="530"/>
      <c r="AQ16" s="530"/>
      <c r="AR16" s="530"/>
      <c r="AS16" s="530"/>
      <c r="AT16" s="530"/>
      <c r="AU16" s="530"/>
      <c r="AV16" s="530"/>
      <c r="AW16" s="530"/>
      <c r="AX16" s="530"/>
      <c r="AY16" s="530"/>
      <c r="AZ16" s="530"/>
      <c r="BA16" s="530"/>
      <c r="BB16" s="530"/>
      <c r="BC16" s="530"/>
      <c r="BD16" s="530"/>
      <c r="BE16" s="530"/>
      <c r="BF16" s="530"/>
      <c r="BG16" s="530"/>
      <c r="BH16" s="530"/>
      <c r="BI16" s="530"/>
      <c r="BJ16" s="530"/>
      <c r="BK16" s="530"/>
      <c r="BL16" s="530"/>
      <c r="BM16" s="530"/>
      <c r="BN16" s="530"/>
      <c r="BO16" s="530"/>
      <c r="BP16" s="530"/>
      <c r="BQ16" s="530"/>
      <c r="BR16" s="530"/>
      <c r="BS16" s="530"/>
      <c r="BT16" s="530"/>
      <c r="BU16" s="530"/>
      <c r="BV16" s="530"/>
      <c r="BW16" s="530"/>
      <c r="BX16" s="530"/>
      <c r="BY16" s="530"/>
      <c r="BZ16" s="530"/>
      <c r="CA16" s="530"/>
      <c r="CB16" s="530"/>
      <c r="CC16" s="530"/>
      <c r="CD16" s="530"/>
      <c r="CE16" s="530"/>
      <c r="CF16" s="530"/>
      <c r="CG16" s="530"/>
      <c r="CH16" s="530"/>
      <c r="CI16" s="530"/>
      <c r="CJ16" s="530"/>
      <c r="CK16" s="530"/>
      <c r="CL16" s="530"/>
      <c r="CM16" s="530"/>
      <c r="CN16" s="530"/>
      <c r="CO16" s="530"/>
      <c r="CP16" s="530"/>
      <c r="CQ16" s="530"/>
      <c r="CR16" s="530"/>
      <c r="CS16" s="530"/>
      <c r="CT16" s="530"/>
      <c r="CU16" s="530"/>
      <c r="CV16" s="530"/>
      <c r="CW16" s="530"/>
      <c r="CX16" s="530"/>
      <c r="CY16" s="530"/>
      <c r="CZ16" s="530"/>
      <c r="DA16" s="530"/>
      <c r="DB16" s="530"/>
      <c r="DC16" s="530"/>
      <c r="DD16" s="530"/>
      <c r="DE16" s="530"/>
      <c r="DF16" s="530"/>
      <c r="DG16" s="530"/>
      <c r="DH16" s="530"/>
      <c r="DI16" s="530"/>
      <c r="DJ16" s="530"/>
      <c r="DK16" s="530"/>
      <c r="DL16" s="530"/>
      <c r="DM16" s="530"/>
      <c r="DN16" s="530"/>
      <c r="DO16" s="530"/>
      <c r="DP16" s="530"/>
      <c r="DQ16" s="530"/>
      <c r="DR16" s="530"/>
      <c r="DS16" s="530"/>
      <c r="DT16" s="530"/>
      <c r="DU16" s="530"/>
      <c r="DV16" s="530"/>
      <c r="DW16" s="530"/>
      <c r="DX16" s="530"/>
      <c r="DY16" s="530"/>
      <c r="DZ16" s="530"/>
      <c r="EA16" s="530"/>
      <c r="EB16" s="530"/>
      <c r="EC16" s="530"/>
      <c r="ED16" s="530"/>
      <c r="EE16" s="530"/>
      <c r="EF16" s="530"/>
      <c r="EG16" s="530"/>
      <c r="EH16" s="530"/>
      <c r="EI16" s="530"/>
      <c r="EJ16" s="530"/>
      <c r="EK16" s="530"/>
      <c r="EL16" s="530"/>
      <c r="EM16" s="530"/>
      <c r="EN16" s="530"/>
      <c r="EO16" s="530"/>
      <c r="EP16" s="530"/>
      <c r="EQ16" s="530"/>
      <c r="ER16" s="530"/>
      <c r="ES16" s="530"/>
      <c r="ET16" s="530"/>
      <c r="EU16" s="530"/>
      <c r="EV16" s="530"/>
      <c r="EW16" s="530"/>
      <c r="EX16" s="530"/>
      <c r="EY16" s="530"/>
      <c r="EZ16" s="530"/>
      <c r="FA16" s="530"/>
      <c r="FB16" s="530"/>
      <c r="FC16" s="530"/>
      <c r="FD16" s="530"/>
      <c r="FE16" s="530"/>
      <c r="FF16" s="530"/>
      <c r="FG16" s="530"/>
      <c r="FH16" s="530"/>
      <c r="FI16" s="530"/>
      <c r="FJ16" s="530"/>
      <c r="FK16" s="530"/>
      <c r="FL16" s="530"/>
      <c r="FM16" s="530"/>
      <c r="FN16" s="530"/>
      <c r="FO16" s="530"/>
      <c r="FP16" s="530"/>
      <c r="FQ16" s="530"/>
      <c r="FR16" s="530"/>
      <c r="FS16" s="530"/>
      <c r="FT16" s="530"/>
      <c r="FU16" s="530"/>
      <c r="FV16" s="530"/>
      <c r="FW16" s="530"/>
      <c r="FX16" s="530"/>
      <c r="FY16" s="530"/>
      <c r="FZ16" s="530"/>
      <c r="GA16" s="530"/>
      <c r="GB16" s="530"/>
      <c r="GC16" s="530"/>
      <c r="GD16" s="530"/>
      <c r="GE16" s="530"/>
      <c r="GF16" s="530"/>
      <c r="GG16" s="530"/>
      <c r="GH16" s="530"/>
      <c r="GI16" s="530"/>
      <c r="GJ16" s="530"/>
      <c r="GK16" s="530"/>
      <c r="GL16" s="530"/>
      <c r="GM16" s="530"/>
      <c r="GN16" s="530"/>
      <c r="GO16" s="530"/>
      <c r="GP16" s="530"/>
      <c r="GQ16" s="530"/>
      <c r="GR16" s="530"/>
      <c r="GS16" s="530"/>
      <c r="GT16" s="530"/>
      <c r="GU16" s="530"/>
      <c r="GV16" s="530"/>
      <c r="GW16" s="530"/>
      <c r="GX16" s="530"/>
      <c r="GY16" s="530"/>
      <c r="GZ16" s="530"/>
      <c r="HA16" s="530"/>
      <c r="HB16" s="530"/>
      <c r="HC16" s="530"/>
      <c r="HD16" s="530"/>
      <c r="HE16" s="530"/>
      <c r="HF16" s="530"/>
      <c r="HG16" s="530"/>
      <c r="HH16" s="530"/>
      <c r="HI16" s="530"/>
      <c r="HJ16" s="530"/>
      <c r="HK16" s="530"/>
      <c r="HL16" s="530"/>
      <c r="HM16" s="530"/>
      <c r="HN16" s="530"/>
      <c r="HO16" s="530"/>
      <c r="HP16" s="530"/>
      <c r="HQ16" s="530"/>
      <c r="HR16" s="530"/>
      <c r="HS16" s="530"/>
      <c r="HT16" s="530"/>
      <c r="HU16" s="530"/>
      <c r="HV16" s="530"/>
      <c r="HW16" s="530"/>
      <c r="HX16" s="530"/>
      <c r="HY16" s="530"/>
      <c r="HZ16" s="530"/>
      <c r="IA16" s="530"/>
      <c r="IB16" s="530"/>
      <c r="IC16" s="530"/>
      <c r="ID16" s="530"/>
      <c r="IE16" s="530"/>
      <c r="IF16" s="530"/>
      <c r="IG16" s="530"/>
      <c r="IH16" s="530"/>
      <c r="II16" s="530"/>
      <c r="IJ16" s="530"/>
      <c r="IK16" s="530"/>
      <c r="IL16" s="530"/>
      <c r="IM16" s="530"/>
      <c r="IN16" s="530"/>
      <c r="IO16" s="530"/>
      <c r="IP16" s="530"/>
      <c r="IQ16" s="530"/>
      <c r="IR16" s="530"/>
      <c r="IS16" s="530"/>
      <c r="IT16" s="530"/>
      <c r="IU16" s="530"/>
      <c r="IV16" s="530"/>
      <c r="IW16" s="530"/>
      <c r="IX16" s="530"/>
      <c r="IY16" s="530"/>
    </row>
    <row r="17" spans="1:259" ht="301.5" customHeight="1" x14ac:dyDescent="0.2">
      <c r="A17" s="534"/>
      <c r="B17" s="534"/>
      <c r="C17" s="534"/>
      <c r="D17" s="534"/>
      <c r="E17" s="534"/>
      <c r="F17" s="534"/>
      <c r="G17" s="534"/>
      <c r="H17" s="534"/>
      <c r="I17" s="534"/>
      <c r="J17" s="534"/>
      <c r="K17" s="534"/>
      <c r="L17" s="535"/>
      <c r="M17" s="534"/>
      <c r="N17" s="536"/>
      <c r="O17" s="534"/>
      <c r="P17" s="534"/>
      <c r="Q17" s="534"/>
      <c r="R17" s="534"/>
      <c r="S17" s="534"/>
      <c r="T17" s="534"/>
      <c r="U17" s="530"/>
      <c r="V17" s="530"/>
      <c r="W17" s="530"/>
      <c r="X17" s="530"/>
      <c r="Y17" s="530"/>
      <c r="Z17" s="530"/>
      <c r="AA17" s="530"/>
      <c r="AB17" s="530"/>
      <c r="AC17" s="530"/>
      <c r="AD17" s="530"/>
      <c r="AE17" s="530"/>
      <c r="AF17" s="530"/>
      <c r="AG17" s="530"/>
      <c r="AH17" s="530"/>
      <c r="AI17" s="530"/>
      <c r="AJ17" s="530"/>
      <c r="AK17" s="530"/>
      <c r="AL17" s="530"/>
      <c r="AM17" s="530"/>
      <c r="AN17" s="530"/>
      <c r="AO17" s="530"/>
      <c r="AP17" s="530"/>
      <c r="AQ17" s="530"/>
      <c r="AR17" s="530"/>
      <c r="AS17" s="530"/>
      <c r="AT17" s="530"/>
      <c r="AU17" s="530"/>
      <c r="AV17" s="530"/>
      <c r="AW17" s="530"/>
      <c r="AX17" s="530"/>
      <c r="AY17" s="530"/>
      <c r="AZ17" s="530"/>
      <c r="BA17" s="530"/>
      <c r="BB17" s="530"/>
      <c r="BC17" s="530"/>
      <c r="BD17" s="530"/>
      <c r="BE17" s="530"/>
      <c r="BF17" s="530"/>
      <c r="BG17" s="530"/>
      <c r="BH17" s="530"/>
      <c r="BI17" s="530"/>
      <c r="BJ17" s="530"/>
      <c r="BK17" s="530"/>
      <c r="BL17" s="530"/>
      <c r="BM17" s="530"/>
      <c r="BN17" s="530"/>
      <c r="BO17" s="530"/>
      <c r="BP17" s="530"/>
      <c r="BQ17" s="530"/>
      <c r="BR17" s="530"/>
      <c r="BS17" s="530"/>
      <c r="BT17" s="530"/>
      <c r="BU17" s="530"/>
      <c r="BV17" s="530"/>
      <c r="BW17" s="530"/>
      <c r="BX17" s="530"/>
      <c r="BY17" s="530"/>
      <c r="BZ17" s="530"/>
      <c r="CA17" s="530"/>
      <c r="CB17" s="530"/>
      <c r="CC17" s="530"/>
      <c r="CD17" s="530"/>
      <c r="CE17" s="530"/>
      <c r="CF17" s="530"/>
      <c r="CG17" s="530"/>
      <c r="CH17" s="530"/>
      <c r="CI17" s="530"/>
      <c r="CJ17" s="530"/>
      <c r="CK17" s="530"/>
      <c r="CL17" s="530"/>
      <c r="CM17" s="530"/>
      <c r="CN17" s="530"/>
      <c r="CO17" s="530"/>
      <c r="CP17" s="530"/>
      <c r="CQ17" s="530"/>
      <c r="CR17" s="530"/>
      <c r="CS17" s="530"/>
      <c r="CT17" s="530"/>
      <c r="CU17" s="530"/>
      <c r="CV17" s="530"/>
      <c r="CW17" s="530"/>
      <c r="CX17" s="530"/>
      <c r="CY17" s="530"/>
      <c r="CZ17" s="530"/>
      <c r="DA17" s="530"/>
      <c r="DB17" s="530"/>
      <c r="DC17" s="530"/>
      <c r="DD17" s="530"/>
      <c r="DE17" s="530"/>
      <c r="DF17" s="530"/>
      <c r="DG17" s="530"/>
      <c r="DH17" s="530"/>
      <c r="DI17" s="530"/>
      <c r="DJ17" s="530"/>
      <c r="DK17" s="530"/>
      <c r="DL17" s="530"/>
      <c r="DM17" s="530"/>
      <c r="DN17" s="530"/>
      <c r="DO17" s="530"/>
      <c r="DP17" s="530"/>
      <c r="DQ17" s="530"/>
      <c r="DR17" s="530"/>
      <c r="DS17" s="530"/>
      <c r="DT17" s="530"/>
      <c r="DU17" s="530"/>
      <c r="DV17" s="530"/>
      <c r="DW17" s="530"/>
      <c r="DX17" s="530"/>
      <c r="DY17" s="530"/>
      <c r="DZ17" s="530"/>
      <c r="EA17" s="530"/>
      <c r="EB17" s="530"/>
      <c r="EC17" s="530"/>
      <c r="ED17" s="530"/>
      <c r="EE17" s="530"/>
      <c r="EF17" s="530"/>
      <c r="EG17" s="530"/>
      <c r="EH17" s="530"/>
      <c r="EI17" s="530"/>
      <c r="EJ17" s="530"/>
      <c r="EK17" s="530"/>
      <c r="EL17" s="530"/>
      <c r="EM17" s="530"/>
      <c r="EN17" s="530"/>
      <c r="EO17" s="530"/>
      <c r="EP17" s="530"/>
      <c r="EQ17" s="530"/>
      <c r="ER17" s="530"/>
      <c r="ES17" s="530"/>
      <c r="ET17" s="530"/>
      <c r="EU17" s="530"/>
      <c r="EV17" s="530"/>
      <c r="EW17" s="530"/>
      <c r="EX17" s="530"/>
      <c r="EY17" s="530"/>
      <c r="EZ17" s="530"/>
      <c r="FA17" s="530"/>
      <c r="FB17" s="530"/>
      <c r="FC17" s="530"/>
      <c r="FD17" s="530"/>
      <c r="FE17" s="530"/>
      <c r="FF17" s="530"/>
      <c r="FG17" s="530"/>
      <c r="FH17" s="530"/>
      <c r="FI17" s="530"/>
      <c r="FJ17" s="530"/>
      <c r="FK17" s="530"/>
      <c r="FL17" s="530"/>
      <c r="FM17" s="530"/>
      <c r="FN17" s="530"/>
      <c r="FO17" s="530"/>
      <c r="FP17" s="530"/>
      <c r="FQ17" s="530"/>
      <c r="FR17" s="530"/>
      <c r="FS17" s="530"/>
      <c r="FT17" s="530"/>
      <c r="FU17" s="530"/>
      <c r="FV17" s="530"/>
      <c r="FW17" s="530"/>
      <c r="FX17" s="530"/>
      <c r="FY17" s="530"/>
      <c r="FZ17" s="530"/>
      <c r="GA17" s="530"/>
      <c r="GB17" s="530"/>
      <c r="GC17" s="530"/>
      <c r="GD17" s="530"/>
      <c r="GE17" s="530"/>
      <c r="GF17" s="530"/>
      <c r="GG17" s="530"/>
      <c r="GH17" s="530"/>
      <c r="GI17" s="530"/>
      <c r="GJ17" s="530"/>
      <c r="GK17" s="530"/>
      <c r="GL17" s="530"/>
      <c r="GM17" s="530"/>
      <c r="GN17" s="530"/>
      <c r="GO17" s="530"/>
      <c r="GP17" s="530"/>
      <c r="GQ17" s="530"/>
      <c r="GR17" s="530"/>
      <c r="GS17" s="530"/>
      <c r="GT17" s="530"/>
      <c r="GU17" s="530"/>
      <c r="GV17" s="530"/>
      <c r="GW17" s="530"/>
      <c r="GX17" s="530"/>
      <c r="GY17" s="530"/>
      <c r="GZ17" s="530"/>
      <c r="HA17" s="530"/>
      <c r="HB17" s="530"/>
      <c r="HC17" s="530"/>
      <c r="HD17" s="530"/>
      <c r="HE17" s="530"/>
      <c r="HF17" s="530"/>
      <c r="HG17" s="530"/>
      <c r="HH17" s="530"/>
      <c r="HI17" s="530"/>
      <c r="HJ17" s="530"/>
      <c r="HK17" s="530"/>
      <c r="HL17" s="530"/>
      <c r="HM17" s="530"/>
      <c r="HN17" s="530"/>
      <c r="HO17" s="530"/>
      <c r="HP17" s="530"/>
      <c r="HQ17" s="530"/>
      <c r="HR17" s="530"/>
      <c r="HS17" s="530"/>
      <c r="HT17" s="530"/>
      <c r="HU17" s="530"/>
      <c r="HV17" s="530"/>
      <c r="HW17" s="530"/>
      <c r="HX17" s="530"/>
      <c r="HY17" s="530"/>
      <c r="HZ17" s="530"/>
      <c r="IA17" s="530"/>
      <c r="IB17" s="530"/>
      <c r="IC17" s="530"/>
      <c r="ID17" s="530"/>
      <c r="IE17" s="530"/>
      <c r="IF17" s="530"/>
      <c r="IG17" s="530"/>
      <c r="IH17" s="530"/>
      <c r="II17" s="530"/>
      <c r="IJ17" s="530"/>
      <c r="IK17" s="530"/>
      <c r="IL17" s="530"/>
      <c r="IM17" s="530"/>
      <c r="IN17" s="530"/>
      <c r="IO17" s="530"/>
      <c r="IP17" s="530"/>
      <c r="IQ17" s="530"/>
      <c r="IR17" s="530"/>
      <c r="IS17" s="530"/>
      <c r="IT17" s="530"/>
      <c r="IU17" s="530"/>
      <c r="IV17" s="530"/>
      <c r="IW17" s="530"/>
      <c r="IX17" s="530"/>
      <c r="IY17" s="530"/>
    </row>
    <row r="18" spans="1:259" ht="370.5" customHeight="1" x14ac:dyDescent="0.2">
      <c r="A18" s="534"/>
      <c r="B18" s="534"/>
      <c r="C18" s="534"/>
      <c r="D18" s="534"/>
      <c r="E18" s="534"/>
      <c r="F18" s="534"/>
      <c r="G18" s="534"/>
      <c r="H18" s="534"/>
      <c r="I18" s="534"/>
      <c r="J18" s="534"/>
      <c r="K18" s="534"/>
      <c r="L18" s="535"/>
      <c r="M18" s="534"/>
      <c r="N18" s="536"/>
      <c r="O18" s="534"/>
      <c r="P18" s="534"/>
      <c r="Q18" s="534"/>
      <c r="R18" s="534"/>
      <c r="S18" s="534"/>
      <c r="T18" s="534"/>
      <c r="U18" s="530"/>
      <c r="V18" s="530"/>
      <c r="W18" s="530"/>
      <c r="X18" s="530"/>
      <c r="Y18" s="530"/>
      <c r="Z18" s="530"/>
      <c r="AA18" s="530"/>
      <c r="AB18" s="530"/>
      <c r="AC18" s="530"/>
      <c r="AD18" s="530"/>
      <c r="AE18" s="530"/>
      <c r="AF18" s="530"/>
      <c r="AG18" s="530"/>
      <c r="AH18" s="530"/>
      <c r="AI18" s="530"/>
      <c r="AJ18" s="530"/>
      <c r="AK18" s="530"/>
      <c r="AL18" s="530"/>
      <c r="AM18" s="530"/>
      <c r="AN18" s="530"/>
      <c r="AO18" s="530"/>
      <c r="AP18" s="530"/>
      <c r="AQ18" s="530"/>
      <c r="AR18" s="530"/>
      <c r="AS18" s="530"/>
      <c r="AT18" s="530"/>
      <c r="AU18" s="530"/>
      <c r="AV18" s="530"/>
      <c r="AW18" s="530"/>
      <c r="AX18" s="530"/>
      <c r="AY18" s="530"/>
      <c r="AZ18" s="530"/>
      <c r="BA18" s="530"/>
      <c r="BB18" s="530"/>
      <c r="BC18" s="530"/>
      <c r="BD18" s="530"/>
      <c r="BE18" s="530"/>
      <c r="BF18" s="530"/>
      <c r="BG18" s="530"/>
      <c r="BH18" s="530"/>
      <c r="BI18" s="530"/>
      <c r="BJ18" s="530"/>
      <c r="BK18" s="530"/>
      <c r="BL18" s="530"/>
      <c r="BM18" s="530"/>
      <c r="BN18" s="530"/>
      <c r="BO18" s="530"/>
      <c r="BP18" s="530"/>
      <c r="BQ18" s="530"/>
      <c r="BR18" s="530"/>
      <c r="BS18" s="530"/>
      <c r="BT18" s="530"/>
      <c r="BU18" s="530"/>
      <c r="BV18" s="530"/>
      <c r="BW18" s="530"/>
      <c r="BX18" s="530"/>
      <c r="BY18" s="530"/>
      <c r="BZ18" s="530"/>
      <c r="CA18" s="530"/>
      <c r="CB18" s="530"/>
      <c r="CC18" s="530"/>
      <c r="CD18" s="530"/>
      <c r="CE18" s="530"/>
      <c r="CF18" s="530"/>
      <c r="CG18" s="530"/>
      <c r="CH18" s="530"/>
      <c r="CI18" s="530"/>
      <c r="CJ18" s="530"/>
      <c r="CK18" s="530"/>
      <c r="CL18" s="530"/>
      <c r="CM18" s="530"/>
      <c r="CN18" s="530"/>
      <c r="CO18" s="530"/>
      <c r="CP18" s="530"/>
      <c r="CQ18" s="530"/>
      <c r="CR18" s="530"/>
      <c r="CS18" s="530"/>
      <c r="CT18" s="530"/>
      <c r="CU18" s="530"/>
      <c r="CV18" s="530"/>
      <c r="CW18" s="530"/>
      <c r="CX18" s="530"/>
      <c r="CY18" s="530"/>
      <c r="CZ18" s="530"/>
      <c r="DA18" s="530"/>
      <c r="DB18" s="530"/>
      <c r="DC18" s="530"/>
      <c r="DD18" s="530"/>
      <c r="DE18" s="530"/>
      <c r="DF18" s="530"/>
      <c r="DG18" s="530"/>
      <c r="DH18" s="530"/>
      <c r="DI18" s="530"/>
      <c r="DJ18" s="530"/>
      <c r="DK18" s="530"/>
      <c r="DL18" s="530"/>
      <c r="DM18" s="530"/>
      <c r="DN18" s="530"/>
      <c r="DO18" s="530"/>
      <c r="DP18" s="530"/>
      <c r="DQ18" s="530"/>
      <c r="DR18" s="530"/>
      <c r="DS18" s="530"/>
      <c r="DT18" s="530"/>
      <c r="DU18" s="530"/>
      <c r="DV18" s="530"/>
      <c r="DW18" s="530"/>
      <c r="DX18" s="530"/>
      <c r="DY18" s="530"/>
      <c r="DZ18" s="530"/>
      <c r="EA18" s="530"/>
      <c r="EB18" s="530"/>
      <c r="EC18" s="530"/>
      <c r="ED18" s="530"/>
      <c r="EE18" s="530"/>
      <c r="EF18" s="530"/>
      <c r="EG18" s="530"/>
      <c r="EH18" s="530"/>
      <c r="EI18" s="530"/>
      <c r="EJ18" s="530"/>
      <c r="EK18" s="530"/>
      <c r="EL18" s="530"/>
      <c r="EM18" s="530"/>
      <c r="EN18" s="530"/>
      <c r="EO18" s="530"/>
      <c r="EP18" s="530"/>
      <c r="EQ18" s="530"/>
      <c r="ER18" s="530"/>
      <c r="ES18" s="530"/>
      <c r="ET18" s="530"/>
      <c r="EU18" s="530"/>
      <c r="EV18" s="530"/>
      <c r="EW18" s="530"/>
      <c r="EX18" s="530"/>
      <c r="EY18" s="530"/>
      <c r="EZ18" s="530"/>
      <c r="FA18" s="530"/>
      <c r="FB18" s="530"/>
      <c r="FC18" s="530"/>
      <c r="FD18" s="530"/>
      <c r="FE18" s="530"/>
      <c r="FF18" s="530"/>
      <c r="FG18" s="530"/>
      <c r="FH18" s="530"/>
      <c r="FI18" s="530"/>
      <c r="FJ18" s="530"/>
      <c r="FK18" s="530"/>
      <c r="FL18" s="530"/>
      <c r="FM18" s="530"/>
      <c r="FN18" s="530"/>
      <c r="FO18" s="530"/>
      <c r="FP18" s="530"/>
      <c r="FQ18" s="530"/>
      <c r="FR18" s="530"/>
      <c r="FS18" s="530"/>
      <c r="FT18" s="530"/>
      <c r="FU18" s="530"/>
      <c r="FV18" s="530"/>
      <c r="FW18" s="530"/>
      <c r="FX18" s="530"/>
      <c r="FY18" s="530"/>
      <c r="FZ18" s="530"/>
      <c r="GA18" s="530"/>
      <c r="GB18" s="530"/>
      <c r="GC18" s="530"/>
      <c r="GD18" s="530"/>
      <c r="GE18" s="530"/>
      <c r="GF18" s="530"/>
      <c r="GG18" s="530"/>
      <c r="GH18" s="530"/>
      <c r="GI18" s="530"/>
      <c r="GJ18" s="530"/>
      <c r="GK18" s="530"/>
      <c r="GL18" s="530"/>
      <c r="GM18" s="530"/>
      <c r="GN18" s="530"/>
      <c r="GO18" s="530"/>
      <c r="GP18" s="530"/>
      <c r="GQ18" s="530"/>
      <c r="GR18" s="530"/>
      <c r="GS18" s="530"/>
      <c r="GT18" s="530"/>
      <c r="GU18" s="530"/>
      <c r="GV18" s="530"/>
      <c r="GW18" s="530"/>
      <c r="GX18" s="530"/>
      <c r="GY18" s="530"/>
      <c r="GZ18" s="530"/>
      <c r="HA18" s="530"/>
      <c r="HB18" s="530"/>
      <c r="HC18" s="530"/>
      <c r="HD18" s="530"/>
      <c r="HE18" s="530"/>
      <c r="HF18" s="530"/>
      <c r="HG18" s="530"/>
      <c r="HH18" s="530"/>
      <c r="HI18" s="530"/>
      <c r="HJ18" s="530"/>
      <c r="HK18" s="530"/>
      <c r="HL18" s="530"/>
      <c r="HM18" s="530"/>
      <c r="HN18" s="530"/>
      <c r="HO18" s="530"/>
      <c r="HP18" s="530"/>
      <c r="HQ18" s="530"/>
      <c r="HR18" s="530"/>
      <c r="HS18" s="530"/>
      <c r="HT18" s="530"/>
      <c r="HU18" s="530"/>
      <c r="HV18" s="530"/>
      <c r="HW18" s="530"/>
      <c r="HX18" s="530"/>
      <c r="HY18" s="530"/>
      <c r="HZ18" s="530"/>
      <c r="IA18" s="530"/>
      <c r="IB18" s="530"/>
      <c r="IC18" s="530"/>
      <c r="ID18" s="530"/>
      <c r="IE18" s="530"/>
      <c r="IF18" s="530"/>
      <c r="IG18" s="530"/>
      <c r="IH18" s="530"/>
      <c r="II18" s="530"/>
      <c r="IJ18" s="530"/>
      <c r="IK18" s="530"/>
      <c r="IL18" s="530"/>
      <c r="IM18" s="530"/>
      <c r="IN18" s="530"/>
      <c r="IO18" s="530"/>
      <c r="IP18" s="530"/>
      <c r="IQ18" s="530"/>
      <c r="IR18" s="530"/>
      <c r="IS18" s="530"/>
      <c r="IT18" s="530"/>
      <c r="IU18" s="530"/>
      <c r="IV18" s="530"/>
      <c r="IW18" s="530"/>
      <c r="IX18" s="530"/>
      <c r="IY18" s="530"/>
    </row>
    <row r="19" spans="1:259" ht="301.5" customHeight="1" thickBot="1" x14ac:dyDescent="0.25">
      <c r="A19" s="534"/>
      <c r="B19" s="534"/>
      <c r="C19" s="534"/>
      <c r="D19" s="534"/>
      <c r="E19" s="534"/>
      <c r="F19" s="534"/>
      <c r="G19" s="534"/>
      <c r="H19" s="534"/>
      <c r="I19" s="534"/>
      <c r="J19" s="534"/>
      <c r="K19" s="534"/>
      <c r="L19" s="535"/>
      <c r="M19" s="534"/>
      <c r="N19" s="536"/>
      <c r="O19" s="534"/>
      <c r="P19" s="534"/>
      <c r="Q19" s="534"/>
      <c r="R19" s="534"/>
      <c r="S19" s="534"/>
      <c r="T19" s="534"/>
      <c r="U19" s="530"/>
      <c r="V19" s="530"/>
      <c r="W19" s="530"/>
      <c r="X19" s="530"/>
      <c r="Y19" s="530"/>
      <c r="Z19" s="530"/>
      <c r="AA19" s="530"/>
      <c r="AB19" s="530"/>
      <c r="AC19" s="530"/>
      <c r="AD19" s="530"/>
      <c r="AE19" s="530"/>
      <c r="AF19" s="530"/>
      <c r="AG19" s="530"/>
      <c r="AH19" s="530"/>
      <c r="AI19" s="530"/>
      <c r="AJ19" s="530"/>
      <c r="AK19" s="530"/>
      <c r="AL19" s="530"/>
      <c r="AM19" s="530"/>
      <c r="AN19" s="530"/>
      <c r="AO19" s="530"/>
      <c r="AP19" s="530"/>
      <c r="AQ19" s="530"/>
      <c r="AR19" s="530"/>
      <c r="AS19" s="530"/>
      <c r="AT19" s="530"/>
      <c r="AU19" s="530"/>
      <c r="AV19" s="530"/>
      <c r="AW19" s="530"/>
      <c r="AX19" s="530"/>
      <c r="AY19" s="530"/>
      <c r="AZ19" s="530"/>
      <c r="BA19" s="530"/>
      <c r="BB19" s="530"/>
      <c r="BC19" s="530"/>
      <c r="BD19" s="530"/>
      <c r="BE19" s="530"/>
      <c r="BF19" s="530"/>
      <c r="BG19" s="530"/>
      <c r="BH19" s="530"/>
      <c r="BI19" s="530"/>
      <c r="BJ19" s="530"/>
      <c r="BK19" s="530"/>
      <c r="BL19" s="530"/>
      <c r="BM19" s="530"/>
      <c r="BN19" s="530"/>
      <c r="BO19" s="530"/>
      <c r="BP19" s="530"/>
      <c r="BQ19" s="530"/>
      <c r="BR19" s="530"/>
      <c r="BS19" s="530"/>
      <c r="BT19" s="530"/>
      <c r="BU19" s="530"/>
      <c r="BV19" s="530"/>
      <c r="BW19" s="530"/>
      <c r="BX19" s="530"/>
      <c r="BY19" s="530"/>
      <c r="BZ19" s="530"/>
      <c r="CA19" s="530"/>
      <c r="CB19" s="530"/>
      <c r="CC19" s="530"/>
      <c r="CD19" s="530"/>
      <c r="CE19" s="530"/>
      <c r="CF19" s="530"/>
      <c r="CG19" s="530"/>
      <c r="CH19" s="530"/>
      <c r="CI19" s="530"/>
      <c r="CJ19" s="530"/>
      <c r="CK19" s="530"/>
      <c r="CL19" s="530"/>
      <c r="CM19" s="530"/>
      <c r="CN19" s="530"/>
      <c r="CO19" s="530"/>
      <c r="CP19" s="530"/>
      <c r="CQ19" s="530"/>
      <c r="CR19" s="530"/>
      <c r="CS19" s="530"/>
      <c r="CT19" s="530"/>
      <c r="CU19" s="530"/>
      <c r="CV19" s="530"/>
      <c r="CW19" s="530"/>
      <c r="CX19" s="530"/>
      <c r="CY19" s="530"/>
      <c r="CZ19" s="530"/>
      <c r="DA19" s="530"/>
      <c r="DB19" s="530"/>
      <c r="DC19" s="530"/>
      <c r="DD19" s="530"/>
      <c r="DE19" s="530"/>
      <c r="DF19" s="530"/>
      <c r="DG19" s="530"/>
      <c r="DH19" s="530"/>
      <c r="DI19" s="530"/>
      <c r="DJ19" s="530"/>
      <c r="DK19" s="530"/>
      <c r="DL19" s="530"/>
      <c r="DM19" s="530"/>
      <c r="DN19" s="530"/>
      <c r="DO19" s="530"/>
      <c r="DP19" s="530"/>
      <c r="DQ19" s="530"/>
      <c r="DR19" s="530"/>
      <c r="DS19" s="530"/>
      <c r="DT19" s="530"/>
      <c r="DU19" s="530"/>
      <c r="DV19" s="530"/>
      <c r="DW19" s="530"/>
      <c r="DX19" s="530"/>
      <c r="DY19" s="530"/>
      <c r="DZ19" s="530"/>
      <c r="EA19" s="530"/>
      <c r="EB19" s="530"/>
      <c r="EC19" s="530"/>
      <c r="ED19" s="530"/>
      <c r="EE19" s="530"/>
      <c r="EF19" s="530"/>
      <c r="EG19" s="530"/>
      <c r="EH19" s="530"/>
      <c r="EI19" s="530"/>
      <c r="EJ19" s="530"/>
      <c r="EK19" s="530"/>
      <c r="EL19" s="530"/>
      <c r="EM19" s="530"/>
      <c r="EN19" s="530"/>
      <c r="EO19" s="530"/>
      <c r="EP19" s="530"/>
      <c r="EQ19" s="530"/>
      <c r="ER19" s="530"/>
      <c r="ES19" s="530"/>
      <c r="ET19" s="530"/>
      <c r="EU19" s="530"/>
      <c r="EV19" s="530"/>
      <c r="EW19" s="530"/>
      <c r="EX19" s="530"/>
      <c r="EY19" s="530"/>
      <c r="EZ19" s="530"/>
      <c r="FA19" s="530"/>
      <c r="FB19" s="530"/>
      <c r="FC19" s="530"/>
      <c r="FD19" s="530"/>
      <c r="FE19" s="530"/>
      <c r="FF19" s="530"/>
      <c r="FG19" s="530"/>
      <c r="FH19" s="530"/>
      <c r="FI19" s="530"/>
      <c r="FJ19" s="530"/>
      <c r="FK19" s="530"/>
      <c r="FL19" s="530"/>
      <c r="FM19" s="530"/>
      <c r="FN19" s="530"/>
      <c r="FO19" s="530"/>
      <c r="FP19" s="530"/>
      <c r="FQ19" s="530"/>
      <c r="FR19" s="530"/>
      <c r="FS19" s="530"/>
      <c r="FT19" s="530"/>
      <c r="FU19" s="530"/>
      <c r="FV19" s="530"/>
      <c r="FW19" s="530"/>
      <c r="FX19" s="530"/>
      <c r="FY19" s="530"/>
      <c r="FZ19" s="530"/>
      <c r="GA19" s="530"/>
      <c r="GB19" s="530"/>
      <c r="GC19" s="530"/>
      <c r="GD19" s="530"/>
      <c r="GE19" s="530"/>
      <c r="GF19" s="530"/>
      <c r="GG19" s="530"/>
      <c r="GH19" s="530"/>
      <c r="GI19" s="530"/>
      <c r="GJ19" s="530"/>
      <c r="GK19" s="530"/>
      <c r="GL19" s="530"/>
      <c r="GM19" s="530"/>
      <c r="GN19" s="530"/>
      <c r="GO19" s="530"/>
      <c r="GP19" s="530"/>
      <c r="GQ19" s="530"/>
      <c r="GR19" s="530"/>
      <c r="GS19" s="530"/>
      <c r="GT19" s="530"/>
      <c r="GU19" s="530"/>
      <c r="GV19" s="530"/>
      <c r="GW19" s="530"/>
      <c r="GX19" s="530"/>
      <c r="GY19" s="530"/>
      <c r="GZ19" s="530"/>
      <c r="HA19" s="530"/>
      <c r="HB19" s="530"/>
      <c r="HC19" s="530"/>
      <c r="HD19" s="530"/>
      <c r="HE19" s="530"/>
      <c r="HF19" s="530"/>
      <c r="HG19" s="530"/>
      <c r="HH19" s="530"/>
      <c r="HI19" s="530"/>
      <c r="HJ19" s="530"/>
      <c r="HK19" s="530"/>
      <c r="HL19" s="530"/>
      <c r="HM19" s="530"/>
      <c r="HN19" s="530"/>
      <c r="HO19" s="530"/>
      <c r="HP19" s="530"/>
      <c r="HQ19" s="530"/>
      <c r="HR19" s="530"/>
      <c r="HS19" s="530"/>
      <c r="HT19" s="530"/>
      <c r="HU19" s="530"/>
      <c r="HV19" s="530"/>
      <c r="HW19" s="530"/>
      <c r="HX19" s="530"/>
      <c r="HY19" s="530"/>
      <c r="HZ19" s="530"/>
      <c r="IA19" s="530"/>
      <c r="IB19" s="530"/>
      <c r="IC19" s="530"/>
      <c r="ID19" s="530"/>
      <c r="IE19" s="530"/>
      <c r="IF19" s="530"/>
      <c r="IG19" s="530"/>
      <c r="IH19" s="530"/>
      <c r="II19" s="530"/>
      <c r="IJ19" s="530"/>
      <c r="IK19" s="530"/>
      <c r="IL19" s="530"/>
      <c r="IM19" s="530"/>
      <c r="IN19" s="530"/>
      <c r="IO19" s="530"/>
      <c r="IP19" s="530"/>
      <c r="IQ19" s="530"/>
      <c r="IR19" s="530"/>
      <c r="IS19" s="530"/>
      <c r="IT19" s="530"/>
      <c r="IU19" s="530"/>
      <c r="IV19" s="530"/>
      <c r="IW19" s="530"/>
      <c r="IX19" s="530"/>
      <c r="IY19" s="530"/>
    </row>
    <row r="20" spans="1:259" ht="135" customHeight="1" thickBot="1" x14ac:dyDescent="0.8">
      <c r="A20" s="547"/>
      <c r="B20" s="548" t="s">
        <v>12</v>
      </c>
      <c r="C20" s="549"/>
      <c r="D20" s="549"/>
      <c r="E20" s="549"/>
      <c r="F20" s="549"/>
      <c r="G20" s="549"/>
      <c r="H20" s="549"/>
      <c r="I20" s="550" t="str">
        <f>IF('[1]表紙（定期報告）'!AC22 = "","",'[1]表紙（定期報告）'!AC22)</f>
        <v/>
      </c>
      <c r="J20" s="549"/>
      <c r="K20" s="549"/>
      <c r="L20" s="551"/>
      <c r="M20" s="1062"/>
      <c r="N20" s="1278" t="s">
        <v>13</v>
      </c>
      <c r="O20" s="1279"/>
      <c r="P20" s="1279"/>
      <c r="Q20" s="1280"/>
      <c r="R20" s="547"/>
      <c r="S20" s="547"/>
      <c r="T20" s="555" t="s">
        <v>496</v>
      </c>
      <c r="U20" s="530"/>
      <c r="V20" s="530"/>
      <c r="W20" s="530"/>
      <c r="X20" s="530"/>
      <c r="Y20" s="530"/>
      <c r="Z20" s="530"/>
      <c r="AA20" s="530"/>
      <c r="AB20" s="530"/>
      <c r="AC20" s="530"/>
      <c r="AD20" s="530"/>
      <c r="AE20" s="530"/>
      <c r="AF20" s="530"/>
      <c r="AG20" s="530"/>
      <c r="AH20" s="530"/>
      <c r="AI20" s="530"/>
      <c r="AJ20" s="530"/>
      <c r="AK20" s="530"/>
      <c r="AL20" s="530"/>
      <c r="AM20" s="530"/>
      <c r="AN20" s="530"/>
      <c r="AO20" s="530"/>
      <c r="AP20" s="530"/>
      <c r="AQ20" s="530"/>
      <c r="AR20" s="530"/>
      <c r="AS20" s="530"/>
      <c r="AT20" s="530"/>
      <c r="AU20" s="530"/>
      <c r="AV20" s="530"/>
      <c r="AW20" s="530"/>
      <c r="AX20" s="530"/>
      <c r="AY20" s="530"/>
      <c r="AZ20" s="530"/>
      <c r="BA20" s="530"/>
      <c r="BB20" s="530"/>
      <c r="BC20" s="530"/>
      <c r="BD20" s="530"/>
      <c r="BE20" s="530"/>
      <c r="BF20" s="530"/>
      <c r="BG20" s="530"/>
      <c r="BH20" s="530"/>
      <c r="BI20" s="530"/>
      <c r="BJ20" s="530"/>
      <c r="BK20" s="530"/>
      <c r="BL20" s="530"/>
      <c r="BM20" s="530"/>
      <c r="BN20" s="530"/>
      <c r="BO20" s="530"/>
      <c r="BP20" s="530"/>
      <c r="BQ20" s="530"/>
      <c r="BR20" s="530"/>
      <c r="BS20" s="530"/>
      <c r="BT20" s="530"/>
      <c r="BU20" s="530"/>
      <c r="BV20" s="530"/>
      <c r="BW20" s="530"/>
      <c r="BX20" s="530"/>
      <c r="BY20" s="530"/>
      <c r="BZ20" s="530"/>
      <c r="CA20" s="530"/>
      <c r="CB20" s="530"/>
      <c r="CC20" s="530"/>
      <c r="CD20" s="530"/>
      <c r="CE20" s="530"/>
      <c r="CF20" s="530"/>
      <c r="CG20" s="530"/>
      <c r="CH20" s="530"/>
      <c r="CI20" s="530"/>
      <c r="CJ20" s="530"/>
      <c r="CK20" s="530"/>
      <c r="CL20" s="530"/>
      <c r="CM20" s="530"/>
      <c r="CN20" s="530"/>
      <c r="CO20" s="530"/>
      <c r="CP20" s="530"/>
      <c r="CQ20" s="530"/>
      <c r="CR20" s="530"/>
      <c r="CS20" s="530"/>
      <c r="CT20" s="530"/>
      <c r="CU20" s="530"/>
      <c r="CV20" s="530"/>
      <c r="CW20" s="530"/>
      <c r="CX20" s="530"/>
      <c r="CY20" s="530"/>
      <c r="CZ20" s="530"/>
      <c r="DA20" s="530"/>
      <c r="DB20" s="530"/>
      <c r="DC20" s="530"/>
      <c r="DD20" s="530"/>
      <c r="DE20" s="530"/>
      <c r="DF20" s="530"/>
      <c r="DG20" s="530"/>
      <c r="DH20" s="530"/>
      <c r="DI20" s="530"/>
      <c r="DJ20" s="530"/>
      <c r="DK20" s="530"/>
      <c r="DL20" s="530"/>
      <c r="DM20" s="530"/>
      <c r="DN20" s="530"/>
      <c r="DO20" s="530"/>
      <c r="DP20" s="530"/>
      <c r="DQ20" s="530"/>
      <c r="DR20" s="530"/>
      <c r="DS20" s="530"/>
      <c r="DT20" s="530"/>
      <c r="DU20" s="530"/>
      <c r="DV20" s="530"/>
      <c r="DW20" s="530"/>
      <c r="DX20" s="530"/>
      <c r="DY20" s="530"/>
      <c r="DZ20" s="530"/>
      <c r="EA20" s="530"/>
      <c r="EB20" s="530"/>
      <c r="EC20" s="530"/>
      <c r="ED20" s="530"/>
      <c r="EE20" s="530"/>
      <c r="EF20" s="530"/>
      <c r="EG20" s="530"/>
      <c r="EH20" s="530"/>
      <c r="EI20" s="530"/>
      <c r="EJ20" s="530"/>
      <c r="EK20" s="530"/>
      <c r="EL20" s="530"/>
      <c r="EM20" s="530"/>
      <c r="EN20" s="530"/>
      <c r="EO20" s="530"/>
      <c r="EP20" s="530"/>
      <c r="EQ20" s="530"/>
      <c r="ER20" s="530"/>
      <c r="ES20" s="530"/>
      <c r="ET20" s="530"/>
      <c r="EU20" s="530"/>
      <c r="EV20" s="530"/>
      <c r="EW20" s="530"/>
      <c r="EX20" s="530"/>
      <c r="EY20" s="530"/>
      <c r="EZ20" s="530"/>
      <c r="FA20" s="530"/>
      <c r="FB20" s="530"/>
      <c r="FC20" s="530"/>
      <c r="FD20" s="530"/>
      <c r="FE20" s="530"/>
      <c r="FF20" s="530"/>
      <c r="FG20" s="530"/>
      <c r="FH20" s="530"/>
      <c r="FI20" s="530"/>
      <c r="FJ20" s="530"/>
      <c r="FK20" s="530"/>
      <c r="FL20" s="530"/>
      <c r="FM20" s="530"/>
      <c r="FN20" s="530"/>
      <c r="FO20" s="530"/>
      <c r="FP20" s="530"/>
      <c r="FQ20" s="530"/>
      <c r="FR20" s="530"/>
      <c r="FS20" s="530"/>
      <c r="FT20" s="530"/>
      <c r="FU20" s="530"/>
      <c r="FV20" s="530"/>
      <c r="FW20" s="530"/>
      <c r="FX20" s="530"/>
      <c r="FY20" s="530"/>
      <c r="FZ20" s="530"/>
      <c r="GA20" s="530"/>
      <c r="GB20" s="530"/>
      <c r="GC20" s="530"/>
      <c r="GD20" s="530"/>
      <c r="GE20" s="530"/>
      <c r="GF20" s="530"/>
      <c r="GG20" s="530"/>
      <c r="GH20" s="530"/>
      <c r="GI20" s="530"/>
      <c r="GJ20" s="530"/>
      <c r="GK20" s="530"/>
      <c r="GL20" s="530"/>
      <c r="GM20" s="530"/>
      <c r="GN20" s="530"/>
      <c r="GO20" s="530"/>
      <c r="GP20" s="530"/>
      <c r="GQ20" s="530"/>
      <c r="GR20" s="530"/>
      <c r="GS20" s="530"/>
      <c r="GT20" s="530"/>
      <c r="GU20" s="530"/>
      <c r="GV20" s="530"/>
      <c r="GW20" s="530"/>
      <c r="GX20" s="530"/>
      <c r="GY20" s="530"/>
      <c r="GZ20" s="530"/>
      <c r="HA20" s="530"/>
      <c r="HB20" s="530"/>
      <c r="HC20" s="530"/>
      <c r="HD20" s="530"/>
      <c r="HE20" s="530"/>
      <c r="HF20" s="530"/>
      <c r="HG20" s="530"/>
      <c r="HH20" s="530"/>
      <c r="HI20" s="530"/>
      <c r="HJ20" s="530"/>
      <c r="HK20" s="530"/>
      <c r="HL20" s="530"/>
      <c r="HM20" s="530"/>
      <c r="HN20" s="530"/>
      <c r="HO20" s="530"/>
      <c r="HP20" s="530"/>
      <c r="HQ20" s="530"/>
      <c r="HR20" s="530"/>
      <c r="HS20" s="530"/>
      <c r="HT20" s="530"/>
      <c r="HU20" s="530"/>
      <c r="HV20" s="530"/>
      <c r="HW20" s="530"/>
      <c r="HX20" s="530"/>
      <c r="HY20" s="530"/>
      <c r="HZ20" s="530"/>
      <c r="IA20" s="530"/>
      <c r="IB20" s="530"/>
      <c r="IC20" s="530"/>
      <c r="ID20" s="530"/>
      <c r="IE20" s="530"/>
      <c r="IF20" s="530"/>
      <c r="IG20" s="530"/>
      <c r="IH20" s="530"/>
      <c r="II20" s="530"/>
      <c r="IJ20" s="530"/>
      <c r="IK20" s="530"/>
      <c r="IL20" s="530"/>
      <c r="IM20" s="530"/>
      <c r="IN20" s="530"/>
      <c r="IO20" s="530"/>
      <c r="IP20" s="530"/>
      <c r="IQ20" s="530"/>
      <c r="IR20" s="530"/>
      <c r="IS20" s="530"/>
      <c r="IT20" s="530"/>
      <c r="IU20" s="530"/>
      <c r="IV20" s="530"/>
      <c r="IW20" s="530"/>
      <c r="IX20" s="530"/>
      <c r="IY20" s="530"/>
    </row>
    <row r="21" spans="1:259" ht="39" customHeight="1" x14ac:dyDescent="0.75">
      <c r="A21" s="547"/>
      <c r="B21" s="547"/>
      <c r="C21" s="547"/>
      <c r="D21" s="547"/>
      <c r="E21" s="547"/>
      <c r="F21" s="547"/>
      <c r="G21" s="547"/>
      <c r="H21" s="547"/>
      <c r="I21" s="547"/>
      <c r="J21" s="547"/>
      <c r="K21" s="547"/>
      <c r="L21" s="551"/>
      <c r="M21" s="28" t="s">
        <v>15</v>
      </c>
      <c r="N21" s="1064"/>
      <c r="O21" s="552"/>
      <c r="P21" s="552"/>
      <c r="Q21" s="552"/>
      <c r="R21" s="547"/>
      <c r="S21" s="547"/>
      <c r="T21" s="547"/>
      <c r="U21" s="530"/>
      <c r="V21" s="530"/>
      <c r="W21" s="530"/>
      <c r="X21" s="530"/>
      <c r="Y21" s="530"/>
      <c r="Z21" s="530"/>
      <c r="AA21" s="530"/>
      <c r="AB21" s="530"/>
      <c r="AC21" s="530"/>
      <c r="AD21" s="530"/>
      <c r="AE21" s="530"/>
      <c r="AF21" s="530"/>
      <c r="AG21" s="530"/>
      <c r="AH21" s="530"/>
      <c r="AI21" s="530"/>
      <c r="AJ21" s="530"/>
      <c r="AK21" s="530"/>
      <c r="AL21" s="530"/>
      <c r="AM21" s="530"/>
      <c r="AN21" s="530"/>
      <c r="AO21" s="530"/>
      <c r="AP21" s="530"/>
      <c r="AQ21" s="530"/>
      <c r="AR21" s="530"/>
      <c r="AS21" s="530"/>
      <c r="AT21" s="530"/>
      <c r="AU21" s="530"/>
      <c r="AV21" s="530"/>
      <c r="AW21" s="530"/>
      <c r="AX21" s="530"/>
      <c r="AY21" s="530"/>
      <c r="AZ21" s="530"/>
      <c r="BA21" s="530"/>
      <c r="BB21" s="530"/>
      <c r="BC21" s="530"/>
      <c r="BD21" s="530"/>
      <c r="BE21" s="530"/>
      <c r="BF21" s="530"/>
      <c r="BG21" s="530"/>
      <c r="BH21" s="530"/>
      <c r="BI21" s="530"/>
      <c r="BJ21" s="530"/>
      <c r="BK21" s="530"/>
      <c r="BL21" s="530"/>
      <c r="BM21" s="530"/>
      <c r="BN21" s="530"/>
      <c r="BO21" s="530"/>
      <c r="BP21" s="530"/>
      <c r="BQ21" s="530"/>
      <c r="BR21" s="530"/>
      <c r="BS21" s="530"/>
      <c r="BT21" s="530"/>
      <c r="BU21" s="530"/>
      <c r="BV21" s="530"/>
      <c r="BW21" s="530"/>
      <c r="BX21" s="530"/>
      <c r="BY21" s="530"/>
      <c r="BZ21" s="530"/>
      <c r="CA21" s="530"/>
      <c r="CB21" s="530"/>
      <c r="CC21" s="530"/>
      <c r="CD21" s="530"/>
      <c r="CE21" s="530"/>
      <c r="CF21" s="530"/>
      <c r="CG21" s="530"/>
      <c r="CH21" s="530"/>
      <c r="CI21" s="530"/>
      <c r="CJ21" s="530"/>
      <c r="CK21" s="530"/>
      <c r="CL21" s="530"/>
      <c r="CM21" s="530"/>
      <c r="CN21" s="530"/>
      <c r="CO21" s="530"/>
      <c r="CP21" s="530"/>
      <c r="CQ21" s="530"/>
      <c r="CR21" s="530"/>
      <c r="CS21" s="530"/>
      <c r="CT21" s="530"/>
      <c r="CU21" s="530"/>
      <c r="CV21" s="530"/>
      <c r="CW21" s="530"/>
      <c r="CX21" s="530"/>
      <c r="CY21" s="530"/>
      <c r="CZ21" s="530"/>
      <c r="DA21" s="530"/>
      <c r="DB21" s="530"/>
      <c r="DC21" s="530"/>
      <c r="DD21" s="530"/>
      <c r="DE21" s="530"/>
      <c r="DF21" s="530"/>
      <c r="DG21" s="530"/>
      <c r="DH21" s="530"/>
      <c r="DI21" s="530"/>
      <c r="DJ21" s="530"/>
      <c r="DK21" s="530"/>
      <c r="DL21" s="530"/>
      <c r="DM21" s="530"/>
      <c r="DN21" s="530"/>
      <c r="DO21" s="530"/>
      <c r="DP21" s="530"/>
      <c r="DQ21" s="530"/>
      <c r="DR21" s="530"/>
      <c r="DS21" s="530"/>
      <c r="DT21" s="530"/>
      <c r="DU21" s="530"/>
      <c r="DV21" s="530"/>
      <c r="DW21" s="530"/>
      <c r="DX21" s="530"/>
      <c r="DY21" s="530"/>
      <c r="DZ21" s="530"/>
      <c r="EA21" s="530"/>
      <c r="EB21" s="530"/>
      <c r="EC21" s="530"/>
      <c r="ED21" s="530"/>
      <c r="EE21" s="530"/>
      <c r="EF21" s="530"/>
      <c r="EG21" s="530"/>
      <c r="EH21" s="530"/>
      <c r="EI21" s="530"/>
      <c r="EJ21" s="530"/>
      <c r="EK21" s="530"/>
      <c r="EL21" s="530"/>
      <c r="EM21" s="530"/>
      <c r="EN21" s="530"/>
      <c r="EO21" s="530"/>
      <c r="EP21" s="530"/>
      <c r="EQ21" s="530"/>
      <c r="ER21" s="530"/>
      <c r="ES21" s="530"/>
      <c r="ET21" s="530"/>
      <c r="EU21" s="530"/>
      <c r="EV21" s="530"/>
      <c r="EW21" s="530"/>
      <c r="EX21" s="530"/>
      <c r="EY21" s="530"/>
      <c r="EZ21" s="530"/>
      <c r="FA21" s="530"/>
      <c r="FB21" s="530"/>
      <c r="FC21" s="530"/>
      <c r="FD21" s="530"/>
      <c r="FE21" s="530"/>
      <c r="FF21" s="530"/>
      <c r="FG21" s="530"/>
      <c r="FH21" s="530"/>
      <c r="FI21" s="530"/>
      <c r="FJ21" s="530"/>
      <c r="FK21" s="530"/>
      <c r="FL21" s="530"/>
      <c r="FM21" s="530"/>
      <c r="FN21" s="530"/>
      <c r="FO21" s="530"/>
      <c r="FP21" s="530"/>
      <c r="FQ21" s="530"/>
      <c r="FR21" s="530"/>
      <c r="FS21" s="530"/>
      <c r="FT21" s="530"/>
      <c r="FU21" s="530"/>
      <c r="FV21" s="530"/>
      <c r="FW21" s="530"/>
      <c r="FX21" s="530"/>
      <c r="FY21" s="530"/>
      <c r="FZ21" s="530"/>
      <c r="GA21" s="530"/>
      <c r="GB21" s="530"/>
      <c r="GC21" s="530"/>
      <c r="GD21" s="530"/>
      <c r="GE21" s="530"/>
      <c r="GF21" s="530"/>
      <c r="GG21" s="530"/>
      <c r="GH21" s="530"/>
      <c r="GI21" s="530"/>
      <c r="GJ21" s="530"/>
      <c r="GK21" s="530"/>
      <c r="GL21" s="530"/>
      <c r="GM21" s="530"/>
      <c r="GN21" s="530"/>
      <c r="GO21" s="530"/>
      <c r="GP21" s="530"/>
      <c r="GQ21" s="530"/>
      <c r="GR21" s="530"/>
      <c r="GS21" s="530"/>
      <c r="GT21" s="530"/>
      <c r="GU21" s="530"/>
      <c r="GV21" s="530"/>
      <c r="GW21" s="530"/>
      <c r="GX21" s="530"/>
      <c r="GY21" s="530"/>
      <c r="GZ21" s="530"/>
      <c r="HA21" s="530"/>
      <c r="HB21" s="530"/>
      <c r="HC21" s="530"/>
      <c r="HD21" s="530"/>
      <c r="HE21" s="530"/>
      <c r="HF21" s="530"/>
      <c r="HG21" s="530"/>
      <c r="HH21" s="530"/>
      <c r="HI21" s="530"/>
      <c r="HJ21" s="530"/>
      <c r="HK21" s="530"/>
      <c r="HL21" s="530"/>
      <c r="HM21" s="530"/>
      <c r="HN21" s="530"/>
      <c r="HO21" s="530"/>
      <c r="HP21" s="530"/>
      <c r="HQ21" s="530"/>
      <c r="HR21" s="530"/>
      <c r="HS21" s="530"/>
      <c r="HT21" s="530"/>
      <c r="HU21" s="530"/>
      <c r="HV21" s="530"/>
      <c r="HW21" s="530"/>
      <c r="HX21" s="530"/>
      <c r="HY21" s="530"/>
      <c r="HZ21" s="530"/>
      <c r="IA21" s="530"/>
      <c r="IB21" s="530"/>
      <c r="IC21" s="530"/>
      <c r="ID21" s="530"/>
      <c r="IE21" s="530"/>
      <c r="IF21" s="530"/>
      <c r="IG21" s="530"/>
      <c r="IH21" s="530"/>
      <c r="II21" s="530"/>
      <c r="IJ21" s="530"/>
      <c r="IK21" s="530"/>
      <c r="IL21" s="530"/>
      <c r="IM21" s="530"/>
      <c r="IN21" s="530"/>
      <c r="IO21" s="530"/>
      <c r="IP21" s="530"/>
      <c r="IQ21" s="530"/>
      <c r="IR21" s="530"/>
      <c r="IS21" s="530"/>
      <c r="IT21" s="530"/>
      <c r="IU21" s="530"/>
      <c r="IV21" s="530"/>
      <c r="IW21" s="530"/>
      <c r="IX21" s="530"/>
      <c r="IY21" s="530"/>
    </row>
    <row r="22" spans="1:259" ht="19.2" customHeight="1" thickBot="1" x14ac:dyDescent="0.8">
      <c r="A22" s="547"/>
      <c r="B22" s="547"/>
      <c r="C22" s="547"/>
      <c r="D22" s="547"/>
      <c r="E22" s="547"/>
      <c r="F22" s="547"/>
      <c r="G22" s="547"/>
      <c r="H22" s="547"/>
      <c r="I22" s="547"/>
      <c r="J22" s="547"/>
      <c r="K22" s="547"/>
      <c r="L22" s="551"/>
      <c r="M22" s="552"/>
      <c r="N22" s="1064"/>
      <c r="O22" s="552"/>
      <c r="P22" s="552"/>
      <c r="Q22" s="552"/>
      <c r="R22" s="547"/>
      <c r="S22" s="547"/>
      <c r="T22" s="547"/>
      <c r="U22" s="530"/>
      <c r="V22" s="530"/>
      <c r="W22" s="530"/>
      <c r="X22" s="530"/>
      <c r="Y22" s="530"/>
      <c r="Z22" s="530"/>
      <c r="AA22" s="530"/>
      <c r="AB22" s="530"/>
      <c r="AC22" s="530"/>
      <c r="AD22" s="530"/>
      <c r="AE22" s="530"/>
      <c r="AF22" s="530"/>
      <c r="AG22" s="530"/>
      <c r="AH22" s="530"/>
      <c r="AI22" s="530"/>
      <c r="AJ22" s="530"/>
      <c r="AK22" s="530"/>
      <c r="AL22" s="530"/>
      <c r="AM22" s="530"/>
      <c r="AN22" s="530"/>
      <c r="AO22" s="530"/>
      <c r="AP22" s="530"/>
      <c r="AQ22" s="530"/>
      <c r="AR22" s="530"/>
      <c r="AS22" s="530"/>
      <c r="AT22" s="530"/>
      <c r="AU22" s="530"/>
      <c r="AV22" s="530"/>
      <c r="AW22" s="530"/>
      <c r="AX22" s="530"/>
      <c r="AY22" s="530"/>
      <c r="AZ22" s="530"/>
      <c r="BA22" s="530"/>
      <c r="BB22" s="530"/>
      <c r="BC22" s="530"/>
      <c r="BD22" s="530"/>
      <c r="BE22" s="530"/>
      <c r="BF22" s="530"/>
      <c r="BG22" s="530"/>
      <c r="BH22" s="530"/>
      <c r="BI22" s="530"/>
      <c r="BJ22" s="530"/>
      <c r="BK22" s="530"/>
      <c r="BL22" s="530"/>
      <c r="BM22" s="530"/>
      <c r="BN22" s="530"/>
      <c r="BO22" s="530"/>
      <c r="BP22" s="530"/>
      <c r="BQ22" s="530"/>
      <c r="BR22" s="530"/>
      <c r="BS22" s="530"/>
      <c r="BT22" s="530"/>
      <c r="BU22" s="530"/>
      <c r="BV22" s="530"/>
      <c r="BW22" s="530"/>
      <c r="BX22" s="530"/>
      <c r="BY22" s="530"/>
      <c r="BZ22" s="530"/>
      <c r="CA22" s="530"/>
      <c r="CB22" s="530"/>
      <c r="CC22" s="530"/>
      <c r="CD22" s="530"/>
      <c r="CE22" s="530"/>
      <c r="CF22" s="530"/>
      <c r="CG22" s="530"/>
      <c r="CH22" s="530"/>
      <c r="CI22" s="530"/>
      <c r="CJ22" s="530"/>
      <c r="CK22" s="530"/>
      <c r="CL22" s="530"/>
      <c r="CM22" s="530"/>
      <c r="CN22" s="530"/>
      <c r="CO22" s="530"/>
      <c r="CP22" s="530"/>
      <c r="CQ22" s="530"/>
      <c r="CR22" s="530"/>
      <c r="CS22" s="530"/>
      <c r="CT22" s="530"/>
      <c r="CU22" s="530"/>
      <c r="CV22" s="530"/>
      <c r="CW22" s="530"/>
      <c r="CX22" s="530"/>
      <c r="CY22" s="530"/>
      <c r="CZ22" s="530"/>
      <c r="DA22" s="530"/>
      <c r="DB22" s="530"/>
      <c r="DC22" s="530"/>
      <c r="DD22" s="530"/>
      <c r="DE22" s="530"/>
      <c r="DF22" s="530"/>
      <c r="DG22" s="530"/>
      <c r="DH22" s="530"/>
      <c r="DI22" s="530"/>
      <c r="DJ22" s="530"/>
      <c r="DK22" s="530"/>
      <c r="DL22" s="530"/>
      <c r="DM22" s="530"/>
      <c r="DN22" s="530"/>
      <c r="DO22" s="530"/>
      <c r="DP22" s="530"/>
      <c r="DQ22" s="530"/>
      <c r="DR22" s="530"/>
      <c r="DS22" s="530"/>
      <c r="DT22" s="530"/>
      <c r="DU22" s="530"/>
      <c r="DV22" s="530"/>
      <c r="DW22" s="530"/>
      <c r="DX22" s="530"/>
      <c r="DY22" s="530"/>
      <c r="DZ22" s="530"/>
      <c r="EA22" s="530"/>
      <c r="EB22" s="530"/>
      <c r="EC22" s="530"/>
      <c r="ED22" s="530"/>
      <c r="EE22" s="530"/>
      <c r="EF22" s="530"/>
      <c r="EG22" s="530"/>
      <c r="EH22" s="530"/>
      <c r="EI22" s="530"/>
      <c r="EJ22" s="530"/>
      <c r="EK22" s="530"/>
      <c r="EL22" s="530"/>
      <c r="EM22" s="530"/>
      <c r="EN22" s="530"/>
      <c r="EO22" s="530"/>
      <c r="EP22" s="530"/>
      <c r="EQ22" s="530"/>
      <c r="ER22" s="530"/>
      <c r="ES22" s="530"/>
      <c r="ET22" s="530"/>
      <c r="EU22" s="530"/>
      <c r="EV22" s="530"/>
      <c r="EW22" s="530"/>
      <c r="EX22" s="530"/>
      <c r="EY22" s="530"/>
      <c r="EZ22" s="530"/>
      <c r="FA22" s="530"/>
      <c r="FB22" s="530"/>
      <c r="FC22" s="530"/>
      <c r="FD22" s="530"/>
      <c r="FE22" s="530"/>
      <c r="FF22" s="530"/>
      <c r="FG22" s="530"/>
      <c r="FH22" s="530"/>
      <c r="FI22" s="530"/>
      <c r="FJ22" s="530"/>
      <c r="FK22" s="530"/>
      <c r="FL22" s="530"/>
      <c r="FM22" s="530"/>
      <c r="FN22" s="530"/>
      <c r="FO22" s="530"/>
      <c r="FP22" s="530"/>
      <c r="FQ22" s="530"/>
      <c r="FR22" s="530"/>
      <c r="FS22" s="530"/>
      <c r="FT22" s="530"/>
      <c r="FU22" s="530"/>
      <c r="FV22" s="530"/>
      <c r="FW22" s="530"/>
      <c r="FX22" s="530"/>
      <c r="FY22" s="530"/>
      <c r="FZ22" s="530"/>
      <c r="GA22" s="530"/>
      <c r="GB22" s="530"/>
      <c r="GC22" s="530"/>
      <c r="GD22" s="530"/>
      <c r="GE22" s="530"/>
      <c r="GF22" s="530"/>
      <c r="GG22" s="530"/>
      <c r="GH22" s="530"/>
      <c r="GI22" s="530"/>
      <c r="GJ22" s="530"/>
      <c r="GK22" s="530"/>
      <c r="GL22" s="530"/>
      <c r="GM22" s="530"/>
      <c r="GN22" s="530"/>
      <c r="GO22" s="530"/>
      <c r="GP22" s="530"/>
      <c r="GQ22" s="530"/>
      <c r="GR22" s="530"/>
      <c r="GS22" s="530"/>
      <c r="GT22" s="530"/>
      <c r="GU22" s="530"/>
      <c r="GV22" s="530"/>
      <c r="GW22" s="530"/>
      <c r="GX22" s="530"/>
      <c r="GY22" s="530"/>
      <c r="GZ22" s="530"/>
      <c r="HA22" s="530"/>
      <c r="HB22" s="530"/>
      <c r="HC22" s="530"/>
      <c r="HD22" s="530"/>
      <c r="HE22" s="530"/>
      <c r="HF22" s="530"/>
      <c r="HG22" s="530"/>
      <c r="HH22" s="530"/>
      <c r="HI22" s="530"/>
      <c r="HJ22" s="530"/>
      <c r="HK22" s="530"/>
      <c r="HL22" s="530"/>
      <c r="HM22" s="530"/>
      <c r="HN22" s="530"/>
      <c r="HO22" s="530"/>
      <c r="HP22" s="530"/>
      <c r="HQ22" s="530"/>
      <c r="HR22" s="530"/>
      <c r="HS22" s="530"/>
      <c r="HT22" s="530"/>
      <c r="HU22" s="530"/>
      <c r="HV22" s="530"/>
      <c r="HW22" s="530"/>
      <c r="HX22" s="530"/>
      <c r="HY22" s="530"/>
      <c r="HZ22" s="530"/>
      <c r="IA22" s="530"/>
      <c r="IB22" s="530"/>
      <c r="IC22" s="530"/>
      <c r="ID22" s="530"/>
      <c r="IE22" s="530"/>
      <c r="IF22" s="530"/>
      <c r="IG22" s="530"/>
      <c r="IH22" s="530"/>
      <c r="II22" s="530"/>
      <c r="IJ22" s="530"/>
      <c r="IK22" s="530"/>
      <c r="IL22" s="530"/>
      <c r="IM22" s="530"/>
      <c r="IN22" s="530"/>
      <c r="IO22" s="530"/>
      <c r="IP22" s="530"/>
      <c r="IQ22" s="530"/>
      <c r="IR22" s="530"/>
      <c r="IS22" s="530"/>
      <c r="IT22" s="530"/>
      <c r="IU22" s="530"/>
      <c r="IV22" s="530"/>
      <c r="IW22" s="530"/>
      <c r="IX22" s="530"/>
      <c r="IY22" s="530"/>
    </row>
    <row r="23" spans="1:259" s="546" customFormat="1" ht="69.900000000000006" customHeight="1" thickBot="1" x14ac:dyDescent="0.25">
      <c r="A23" s="1065" t="s">
        <v>16</v>
      </c>
      <c r="B23" s="1066"/>
      <c r="C23" s="1066"/>
      <c r="D23" s="1066"/>
      <c r="E23" s="1066"/>
      <c r="F23" s="1066"/>
      <c r="G23" s="1066"/>
      <c r="H23" s="1066"/>
      <c r="I23" s="1066"/>
      <c r="J23" s="1066"/>
      <c r="K23" s="1066"/>
      <c r="L23" s="1066"/>
      <c r="M23" s="1066"/>
      <c r="N23" s="1066"/>
      <c r="O23" s="1066"/>
      <c r="P23" s="1066"/>
      <c r="Q23" s="1067"/>
      <c r="R23" s="1068"/>
      <c r="S23" s="561"/>
      <c r="T23" s="562" t="s">
        <v>17</v>
      </c>
    </row>
    <row r="24" spans="1:259" s="546" customFormat="1" ht="69.900000000000006" customHeight="1" thickBot="1" x14ac:dyDescent="0.25">
      <c r="A24" s="1069" t="s">
        <v>497</v>
      </c>
      <c r="B24" s="1070"/>
      <c r="C24" s="1070"/>
      <c r="D24" s="1070"/>
      <c r="E24" s="1070"/>
      <c r="F24" s="1070"/>
      <c r="G24" s="1070"/>
      <c r="H24" s="1070"/>
      <c r="I24" s="1070"/>
      <c r="J24" s="1070"/>
      <c r="K24" s="1070"/>
      <c r="L24" s="1070"/>
      <c r="M24" s="1070"/>
      <c r="N24" s="1070"/>
      <c r="O24" s="1070"/>
      <c r="P24" s="1070"/>
      <c r="Q24" s="1071"/>
      <c r="R24" s="1068"/>
      <c r="S24" s="561"/>
      <c r="T24" s="562"/>
    </row>
    <row r="25" spans="1:259" s="570" customFormat="1" ht="345" customHeight="1" thickTop="1" thickBot="1" x14ac:dyDescent="0.25">
      <c r="A25" s="566" t="s">
        <v>498</v>
      </c>
      <c r="B25" s="567"/>
      <c r="C25" s="567"/>
      <c r="D25" s="567"/>
      <c r="E25" s="567"/>
      <c r="F25" s="567"/>
      <c r="G25" s="567"/>
      <c r="H25" s="567"/>
      <c r="I25" s="567"/>
      <c r="J25" s="567"/>
      <c r="K25" s="567"/>
      <c r="L25" s="568"/>
      <c r="M25" s="567"/>
      <c r="N25" s="567"/>
      <c r="O25" s="52" t="s">
        <v>20</v>
      </c>
      <c r="P25" s="53" t="s">
        <v>21</v>
      </c>
      <c r="Q25" s="54" t="s">
        <v>22</v>
      </c>
      <c r="R25" s="1028"/>
      <c r="S25" s="561"/>
      <c r="T25" s="569"/>
      <c r="U25" s="546"/>
    </row>
    <row r="26" spans="1:259" s="570" customFormat="1" ht="242.4" customHeight="1" thickTop="1" thickBot="1" x14ac:dyDescent="0.25">
      <c r="A26" s="571" t="s">
        <v>499</v>
      </c>
      <c r="B26" s="572"/>
      <c r="C26" s="572"/>
      <c r="D26" s="572"/>
      <c r="E26" s="572"/>
      <c r="F26" s="572"/>
      <c r="G26" s="572"/>
      <c r="H26" s="572"/>
      <c r="I26" s="572"/>
      <c r="J26" s="572"/>
      <c r="K26" s="572"/>
      <c r="L26" s="231"/>
      <c r="M26" s="572"/>
      <c r="N26" s="572"/>
      <c r="O26" s="53" t="s">
        <v>24</v>
      </c>
      <c r="P26" s="61" t="s">
        <v>25</v>
      </c>
      <c r="Q26" s="62" t="s">
        <v>22</v>
      </c>
      <c r="R26" s="1028"/>
      <c r="S26" s="561"/>
      <c r="T26" s="569"/>
      <c r="U26" s="546"/>
    </row>
    <row r="27" spans="1:259" s="570" customFormat="1" ht="228.6" customHeight="1" thickTop="1" thickBot="1" x14ac:dyDescent="0.25">
      <c r="A27" s="573" t="s">
        <v>220</v>
      </c>
      <c r="B27" s="183"/>
      <c r="C27" s="183"/>
      <c r="D27" s="183"/>
      <c r="E27" s="183"/>
      <c r="F27" s="183"/>
      <c r="G27" s="183"/>
      <c r="H27" s="183"/>
      <c r="I27" s="183"/>
      <c r="J27" s="183"/>
      <c r="K27" s="183"/>
      <c r="L27" s="184"/>
      <c r="M27" s="183"/>
      <c r="N27" s="1072" t="s">
        <v>27</v>
      </c>
      <c r="O27" s="67" t="s">
        <v>20</v>
      </c>
      <c r="P27" s="68" t="s">
        <v>25</v>
      </c>
      <c r="Q27" s="69" t="s">
        <v>22</v>
      </c>
      <c r="R27" s="1028"/>
      <c r="S27" s="561"/>
      <c r="T27" s="569"/>
      <c r="U27" s="546"/>
    </row>
    <row r="28" spans="1:259" s="546" customFormat="1" ht="69.900000000000006" customHeight="1" thickTop="1" x14ac:dyDescent="0.2">
      <c r="A28" s="70" t="s">
        <v>28</v>
      </c>
      <c r="B28" s="72"/>
      <c r="C28" s="72"/>
      <c r="D28" s="72"/>
      <c r="E28" s="72"/>
      <c r="F28" s="72"/>
      <c r="G28" s="72"/>
      <c r="H28" s="72"/>
      <c r="I28" s="72"/>
      <c r="J28" s="72"/>
      <c r="K28" s="72"/>
      <c r="L28" s="72"/>
      <c r="M28" s="72"/>
      <c r="N28" s="72"/>
      <c r="O28" s="72"/>
      <c r="P28" s="72"/>
      <c r="Q28" s="202"/>
      <c r="R28" s="1068"/>
      <c r="S28" s="561"/>
      <c r="T28" s="199"/>
    </row>
    <row r="29" spans="1:259" s="570" customFormat="1" ht="75" customHeight="1" x14ac:dyDescent="0.2">
      <c r="A29" s="575"/>
      <c r="B29" s="576"/>
      <c r="C29" s="576"/>
      <c r="D29" s="576"/>
      <c r="E29" s="576"/>
      <c r="F29" s="576"/>
      <c r="G29" s="576"/>
      <c r="H29" s="576"/>
      <c r="I29" s="576"/>
      <c r="J29" s="576"/>
      <c r="K29" s="576"/>
      <c r="L29" s="577"/>
      <c r="M29" s="576"/>
      <c r="N29" s="576"/>
      <c r="O29" s="576"/>
      <c r="P29" s="576"/>
      <c r="Q29" s="578"/>
      <c r="R29" s="1028"/>
      <c r="S29" s="561"/>
      <c r="T29" s="579"/>
      <c r="U29" s="546"/>
    </row>
    <row r="30" spans="1:259" s="570" customFormat="1" ht="75" customHeight="1" thickBot="1" x14ac:dyDescent="0.25">
      <c r="A30" s="606"/>
      <c r="B30" s="607"/>
      <c r="C30" s="607"/>
      <c r="D30" s="607"/>
      <c r="E30" s="607"/>
      <c r="F30" s="607"/>
      <c r="G30" s="607"/>
      <c r="H30" s="607"/>
      <c r="I30" s="607"/>
      <c r="J30" s="607"/>
      <c r="K30" s="607"/>
      <c r="L30" s="608"/>
      <c r="M30" s="607"/>
      <c r="N30" s="607"/>
      <c r="O30" s="607"/>
      <c r="P30" s="607"/>
      <c r="Q30" s="609"/>
      <c r="R30" s="1028"/>
      <c r="S30" s="561"/>
      <c r="T30" s="579"/>
      <c r="U30" s="546"/>
    </row>
    <row r="31" spans="1:259" s="546" customFormat="1" ht="69.900000000000006" customHeight="1" thickBot="1" x14ac:dyDescent="0.25">
      <c r="A31" s="584" t="s">
        <v>222</v>
      </c>
      <c r="B31" s="585"/>
      <c r="C31" s="585"/>
      <c r="D31" s="585"/>
      <c r="E31" s="585"/>
      <c r="F31" s="585"/>
      <c r="G31" s="585"/>
      <c r="H31" s="585"/>
      <c r="I31" s="585"/>
      <c r="J31" s="585"/>
      <c r="K31" s="585"/>
      <c r="L31" s="586"/>
      <c r="M31" s="585"/>
      <c r="N31" s="585"/>
      <c r="O31" s="585"/>
      <c r="P31" s="585"/>
      <c r="Q31" s="587"/>
      <c r="R31" s="1068"/>
      <c r="S31" s="561"/>
      <c r="T31" s="561"/>
    </row>
    <row r="32" spans="1:259" s="570" customFormat="1" ht="324.75" customHeight="1" thickTop="1" thickBot="1" x14ac:dyDescent="0.25">
      <c r="A32" s="588" t="s">
        <v>223</v>
      </c>
      <c r="B32" s="442"/>
      <c r="C32" s="442"/>
      <c r="D32" s="442"/>
      <c r="E32" s="442"/>
      <c r="F32" s="442"/>
      <c r="G32" s="442"/>
      <c r="H32" s="442"/>
      <c r="I32" s="442"/>
      <c r="J32" s="442"/>
      <c r="K32" s="442"/>
      <c r="L32" s="443"/>
      <c r="M32" s="442"/>
      <c r="N32" s="442"/>
      <c r="O32" s="52" t="s">
        <v>20</v>
      </c>
      <c r="P32" s="53" t="s">
        <v>21</v>
      </c>
      <c r="Q32" s="54" t="s">
        <v>22</v>
      </c>
      <c r="R32" s="1028"/>
      <c r="S32" s="561"/>
      <c r="T32" s="569"/>
      <c r="U32" s="546"/>
    </row>
    <row r="33" spans="1:57" s="570" customFormat="1" ht="140.1" customHeight="1" thickTop="1" thickBot="1" x14ac:dyDescent="0.25">
      <c r="A33" s="589" t="s">
        <v>224</v>
      </c>
      <c r="B33" s="590"/>
      <c r="C33" s="590"/>
      <c r="D33" s="590"/>
      <c r="E33" s="590"/>
      <c r="F33" s="590"/>
      <c r="G33" s="590"/>
      <c r="H33" s="590"/>
      <c r="I33" s="590"/>
      <c r="J33" s="590"/>
      <c r="K33" s="590"/>
      <c r="L33" s="591"/>
      <c r="M33" s="590"/>
      <c r="N33" s="590"/>
      <c r="O33" s="53" t="s">
        <v>24</v>
      </c>
      <c r="P33" s="61" t="s">
        <v>25</v>
      </c>
      <c r="Q33" s="62" t="s">
        <v>22</v>
      </c>
      <c r="R33" s="1028"/>
      <c r="S33" s="561"/>
      <c r="T33" s="569"/>
      <c r="U33" s="546"/>
    </row>
    <row r="34" spans="1:57" s="570" customFormat="1" ht="132" customHeight="1" thickTop="1" thickBot="1" x14ac:dyDescent="0.25">
      <c r="A34" s="592" t="s">
        <v>32</v>
      </c>
      <c r="B34" s="434"/>
      <c r="C34" s="434"/>
      <c r="D34" s="434"/>
      <c r="E34" s="434"/>
      <c r="F34" s="434"/>
      <c r="G34" s="434"/>
      <c r="H34" s="434"/>
      <c r="I34" s="434"/>
      <c r="J34" s="434"/>
      <c r="K34" s="434"/>
      <c r="L34" s="435"/>
      <c r="M34" s="434"/>
      <c r="N34" s="434"/>
      <c r="O34" s="67" t="s">
        <v>20</v>
      </c>
      <c r="P34" s="68" t="s">
        <v>25</v>
      </c>
      <c r="Q34" s="69" t="s">
        <v>22</v>
      </c>
      <c r="R34" s="1028"/>
      <c r="S34" s="561"/>
      <c r="T34" s="569"/>
      <c r="U34" s="546"/>
    </row>
    <row r="35" spans="1:57" s="546" customFormat="1" ht="69.900000000000006" customHeight="1" thickTop="1" x14ac:dyDescent="0.2">
      <c r="A35" s="70" t="s">
        <v>28</v>
      </c>
      <c r="B35" s="72"/>
      <c r="C35" s="72"/>
      <c r="D35" s="72"/>
      <c r="E35" s="72"/>
      <c r="F35" s="72"/>
      <c r="G35" s="72"/>
      <c r="H35" s="72"/>
      <c r="I35" s="72"/>
      <c r="J35" s="72"/>
      <c r="K35" s="72"/>
      <c r="L35" s="72"/>
      <c r="M35" s="72"/>
      <c r="N35" s="72"/>
      <c r="O35" s="72"/>
      <c r="P35" s="72"/>
      <c r="Q35" s="202"/>
      <c r="R35" s="1068"/>
      <c r="S35" s="561"/>
      <c r="T35" s="199"/>
    </row>
    <row r="36" spans="1:57" s="570" customFormat="1" ht="75" customHeight="1" x14ac:dyDescent="0.2">
      <c r="A36" s="575"/>
      <c r="B36" s="576"/>
      <c r="C36" s="576"/>
      <c r="D36" s="576"/>
      <c r="E36" s="576"/>
      <c r="F36" s="576"/>
      <c r="G36" s="576"/>
      <c r="H36" s="576"/>
      <c r="I36" s="576"/>
      <c r="J36" s="576"/>
      <c r="K36" s="576"/>
      <c r="L36" s="577"/>
      <c r="M36" s="576"/>
      <c r="N36" s="576"/>
      <c r="O36" s="576"/>
      <c r="P36" s="576"/>
      <c r="Q36" s="578"/>
      <c r="R36" s="1028"/>
      <c r="S36" s="561"/>
      <c r="T36" s="579"/>
      <c r="U36" s="546"/>
    </row>
    <row r="37" spans="1:57" s="570" customFormat="1" ht="75" customHeight="1" thickBot="1" x14ac:dyDescent="0.25">
      <c r="A37" s="606"/>
      <c r="B37" s="607"/>
      <c r="C37" s="607"/>
      <c r="D37" s="607"/>
      <c r="E37" s="607"/>
      <c r="F37" s="607"/>
      <c r="G37" s="607"/>
      <c r="H37" s="607"/>
      <c r="I37" s="607"/>
      <c r="J37" s="607"/>
      <c r="K37" s="607"/>
      <c r="L37" s="608"/>
      <c r="M37" s="607"/>
      <c r="N37" s="607"/>
      <c r="O37" s="607"/>
      <c r="P37" s="607"/>
      <c r="Q37" s="609"/>
      <c r="R37" s="1028"/>
      <c r="S37" s="561"/>
      <c r="T37" s="579"/>
      <c r="U37" s="546"/>
    </row>
    <row r="38" spans="1:57" s="546" customFormat="1" ht="69.900000000000006" customHeight="1" thickBot="1" x14ac:dyDescent="0.25">
      <c r="A38" s="584" t="s">
        <v>34</v>
      </c>
      <c r="B38" s="585"/>
      <c r="C38" s="585"/>
      <c r="D38" s="585"/>
      <c r="E38" s="585"/>
      <c r="F38" s="585"/>
      <c r="G38" s="585"/>
      <c r="H38" s="585"/>
      <c r="I38" s="585"/>
      <c r="J38" s="585"/>
      <c r="K38" s="585"/>
      <c r="L38" s="586"/>
      <c r="M38" s="585"/>
      <c r="N38" s="585"/>
      <c r="O38" s="585"/>
      <c r="P38" s="585"/>
      <c r="Q38" s="587"/>
      <c r="R38" s="1028"/>
      <c r="S38" s="561"/>
      <c r="T38" s="595"/>
      <c r="U38" s="596"/>
      <c r="V38" s="596"/>
      <c r="W38" s="596"/>
      <c r="X38" s="596"/>
      <c r="Y38" s="596"/>
      <c r="Z38" s="596"/>
      <c r="AA38" s="596"/>
      <c r="AB38" s="596"/>
      <c r="AC38" s="596"/>
      <c r="AD38" s="596"/>
      <c r="AE38" s="596"/>
      <c r="AF38" s="596"/>
      <c r="AG38" s="596"/>
      <c r="AH38" s="596"/>
      <c r="AI38" s="596"/>
      <c r="AJ38" s="596"/>
      <c r="AK38" s="596"/>
      <c r="AL38" s="596"/>
      <c r="AM38" s="596"/>
      <c r="AN38" s="596"/>
      <c r="AO38" s="596"/>
      <c r="AP38" s="596"/>
      <c r="AQ38" s="596"/>
      <c r="AR38" s="596"/>
      <c r="AS38" s="596"/>
      <c r="AT38" s="596"/>
      <c r="AU38" s="596"/>
      <c r="AV38" s="596"/>
      <c r="AW38" s="596"/>
      <c r="AX38" s="596"/>
      <c r="AY38" s="596"/>
      <c r="AZ38" s="596"/>
      <c r="BA38" s="596"/>
      <c r="BB38" s="596"/>
      <c r="BC38" s="596"/>
      <c r="BD38" s="596"/>
      <c r="BE38" s="596"/>
    </row>
    <row r="39" spans="1:57" s="570" customFormat="1" ht="409.6" customHeight="1" thickTop="1" thickBot="1" x14ac:dyDescent="0.25">
      <c r="A39" s="1281" t="s">
        <v>500</v>
      </c>
      <c r="B39" s="887"/>
      <c r="C39" s="887"/>
      <c r="D39" s="887"/>
      <c r="E39" s="887"/>
      <c r="F39" s="887"/>
      <c r="G39" s="887"/>
      <c r="H39" s="887"/>
      <c r="I39" s="887"/>
      <c r="J39" s="887"/>
      <c r="K39" s="887"/>
      <c r="L39" s="887"/>
      <c r="M39" s="887"/>
      <c r="N39" s="888"/>
      <c r="O39" s="102" t="s">
        <v>20</v>
      </c>
      <c r="P39" s="597" t="s">
        <v>21</v>
      </c>
      <c r="Q39" s="598" t="s">
        <v>22</v>
      </c>
      <c r="R39" s="1028"/>
      <c r="S39" s="561"/>
      <c r="T39" s="599"/>
      <c r="U39" s="596"/>
      <c r="V39" s="600"/>
      <c r="W39" s="600"/>
      <c r="X39" s="600"/>
      <c r="Y39" s="600"/>
      <c r="Z39" s="600"/>
      <c r="AA39" s="600"/>
      <c r="AB39" s="600"/>
      <c r="AC39" s="600"/>
      <c r="AD39" s="600"/>
      <c r="AE39" s="600"/>
      <c r="AF39" s="600"/>
      <c r="AG39" s="600"/>
      <c r="AH39" s="600"/>
      <c r="AI39" s="600"/>
      <c r="AJ39" s="600"/>
      <c r="AK39" s="600"/>
      <c r="AL39" s="600"/>
      <c r="AM39" s="600"/>
      <c r="AN39" s="600"/>
      <c r="AO39" s="600"/>
      <c r="AP39" s="600"/>
      <c r="AQ39" s="600"/>
      <c r="AR39" s="600"/>
      <c r="AS39" s="600"/>
      <c r="AT39" s="600"/>
      <c r="AU39" s="600"/>
      <c r="AV39" s="600"/>
      <c r="AW39" s="600"/>
      <c r="AX39" s="600"/>
      <c r="AY39" s="600"/>
      <c r="AZ39" s="600"/>
      <c r="BA39" s="600"/>
      <c r="BB39" s="600"/>
      <c r="BC39" s="600"/>
      <c r="BD39" s="600"/>
      <c r="BE39" s="600"/>
    </row>
    <row r="40" spans="1:57" s="570" customFormat="1" ht="322.5" customHeight="1" thickTop="1" thickBot="1" x14ac:dyDescent="0.25">
      <c r="A40" s="1282"/>
      <c r="B40" s="443"/>
      <c r="C40" s="443"/>
      <c r="D40" s="443"/>
      <c r="E40" s="443"/>
      <c r="F40" s="443"/>
      <c r="G40" s="443"/>
      <c r="H40" s="443"/>
      <c r="I40" s="443"/>
      <c r="J40" s="443"/>
      <c r="K40" s="443"/>
      <c r="L40" s="443"/>
      <c r="M40" s="443"/>
      <c r="N40" s="908"/>
      <c r="O40" s="109"/>
      <c r="P40" s="120"/>
      <c r="Q40" s="601"/>
      <c r="R40" s="1028"/>
      <c r="S40" s="561"/>
      <c r="T40" s="602"/>
      <c r="U40" s="596"/>
      <c r="V40" s="600"/>
      <c r="W40" s="600"/>
      <c r="X40" s="600"/>
      <c r="Y40" s="600"/>
      <c r="Z40" s="600"/>
      <c r="AA40" s="600"/>
      <c r="AB40" s="600"/>
      <c r="AC40" s="600"/>
      <c r="AD40" s="600"/>
      <c r="AE40" s="600"/>
      <c r="AF40" s="600"/>
      <c r="AG40" s="600"/>
      <c r="AH40" s="600"/>
      <c r="AI40" s="600"/>
      <c r="AJ40" s="600"/>
      <c r="AK40" s="600"/>
      <c r="AL40" s="600"/>
      <c r="AM40" s="600"/>
      <c r="AN40" s="600"/>
      <c r="AO40" s="600"/>
      <c r="AP40" s="600"/>
      <c r="AQ40" s="600"/>
      <c r="AR40" s="600"/>
      <c r="AS40" s="600"/>
      <c r="AT40" s="600"/>
      <c r="AU40" s="600"/>
      <c r="AV40" s="600"/>
      <c r="AW40" s="600"/>
      <c r="AX40" s="600"/>
      <c r="AY40" s="600"/>
      <c r="AZ40" s="600"/>
      <c r="BA40" s="600"/>
      <c r="BB40" s="600"/>
      <c r="BC40" s="600"/>
      <c r="BD40" s="600"/>
      <c r="BE40" s="600"/>
    </row>
    <row r="41" spans="1:57" s="570" customFormat="1" ht="140.1" customHeight="1" thickTop="1" thickBot="1" x14ac:dyDescent="0.25">
      <c r="A41" s="603" t="s">
        <v>501</v>
      </c>
      <c r="B41" s="572"/>
      <c r="C41" s="572"/>
      <c r="D41" s="572"/>
      <c r="E41" s="572"/>
      <c r="F41" s="572"/>
      <c r="G41" s="572"/>
      <c r="H41" s="572"/>
      <c r="I41" s="572"/>
      <c r="J41" s="572"/>
      <c r="K41" s="572"/>
      <c r="L41" s="231"/>
      <c r="M41" s="572"/>
      <c r="N41" s="572"/>
      <c r="O41" s="53" t="s">
        <v>24</v>
      </c>
      <c r="P41" s="61" t="s">
        <v>25</v>
      </c>
      <c r="Q41" s="62" t="s">
        <v>22</v>
      </c>
      <c r="R41" s="1028"/>
      <c r="S41" s="561"/>
      <c r="T41" s="569"/>
      <c r="U41" s="596"/>
      <c r="V41" s="600"/>
      <c r="W41" s="600"/>
      <c r="X41" s="600"/>
      <c r="Y41" s="600"/>
      <c r="Z41" s="600"/>
      <c r="AA41" s="600"/>
      <c r="AB41" s="600"/>
      <c r="AC41" s="600"/>
      <c r="AD41" s="600"/>
      <c r="AE41" s="600"/>
      <c r="AF41" s="600"/>
      <c r="AG41" s="600"/>
      <c r="AH41" s="600"/>
      <c r="AI41" s="600"/>
      <c r="AJ41" s="600"/>
      <c r="AK41" s="600"/>
      <c r="AL41" s="600"/>
      <c r="AM41" s="600"/>
      <c r="AN41" s="600"/>
      <c r="AO41" s="600"/>
      <c r="AP41" s="600"/>
      <c r="AQ41" s="600"/>
      <c r="AR41" s="600"/>
      <c r="AS41" s="600"/>
      <c r="AT41" s="600"/>
      <c r="AU41" s="600"/>
      <c r="AV41" s="600"/>
      <c r="AW41" s="600"/>
      <c r="AX41" s="600"/>
      <c r="AY41" s="600"/>
      <c r="AZ41" s="600"/>
      <c r="BA41" s="600"/>
      <c r="BB41" s="600"/>
      <c r="BC41" s="600"/>
      <c r="BD41" s="600"/>
      <c r="BE41" s="600"/>
    </row>
    <row r="42" spans="1:57" s="570" customFormat="1" ht="140.1" customHeight="1" thickTop="1" thickBot="1" x14ac:dyDescent="0.25">
      <c r="A42" s="604" t="s">
        <v>502</v>
      </c>
      <c r="B42" s="605"/>
      <c r="C42" s="605"/>
      <c r="D42" s="605"/>
      <c r="E42" s="605"/>
      <c r="F42" s="605"/>
      <c r="G42" s="605"/>
      <c r="H42" s="605"/>
      <c r="I42" s="605"/>
      <c r="J42" s="605"/>
      <c r="K42" s="605"/>
      <c r="L42" s="184"/>
      <c r="M42" s="605"/>
      <c r="N42" s="605"/>
      <c r="O42" s="67" t="s">
        <v>20</v>
      </c>
      <c r="P42" s="68" t="s">
        <v>25</v>
      </c>
      <c r="Q42" s="69" t="s">
        <v>22</v>
      </c>
      <c r="R42" s="1028"/>
      <c r="S42" s="561"/>
      <c r="T42" s="569"/>
      <c r="U42" s="596"/>
      <c r="V42" s="600"/>
      <c r="W42" s="600"/>
      <c r="X42" s="600"/>
      <c r="Y42" s="600"/>
      <c r="Z42" s="600"/>
      <c r="AA42" s="600"/>
      <c r="AB42" s="600"/>
      <c r="AC42" s="600"/>
      <c r="AD42" s="600"/>
      <c r="AE42" s="600"/>
      <c r="AF42" s="600"/>
      <c r="AG42" s="600"/>
      <c r="AH42" s="600"/>
      <c r="AI42" s="600"/>
      <c r="AJ42" s="600"/>
      <c r="AK42" s="600"/>
      <c r="AL42" s="600"/>
      <c r="AM42" s="600"/>
      <c r="AN42" s="600"/>
      <c r="AO42" s="600"/>
      <c r="AP42" s="600"/>
      <c r="AQ42" s="600"/>
      <c r="AR42" s="600"/>
      <c r="AS42" s="600"/>
      <c r="AT42" s="600"/>
      <c r="AU42" s="600"/>
      <c r="AV42" s="600"/>
      <c r="AW42" s="600"/>
      <c r="AX42" s="600"/>
      <c r="AY42" s="600"/>
      <c r="AZ42" s="600"/>
      <c r="BA42" s="600"/>
      <c r="BB42" s="600"/>
      <c r="BC42" s="600"/>
      <c r="BD42" s="600"/>
      <c r="BE42" s="600"/>
    </row>
    <row r="43" spans="1:57" s="546" customFormat="1" ht="69.900000000000006" customHeight="1" thickTop="1" x14ac:dyDescent="0.2">
      <c r="A43" s="70" t="s">
        <v>28</v>
      </c>
      <c r="B43" s="72"/>
      <c r="C43" s="72"/>
      <c r="D43" s="72"/>
      <c r="E43" s="72"/>
      <c r="F43" s="72"/>
      <c r="G43" s="72"/>
      <c r="H43" s="72"/>
      <c r="I43" s="72"/>
      <c r="J43" s="72"/>
      <c r="K43" s="72"/>
      <c r="L43" s="72"/>
      <c r="M43" s="72"/>
      <c r="N43" s="72"/>
      <c r="O43" s="72"/>
      <c r="P43" s="72"/>
      <c r="Q43" s="202"/>
      <c r="R43" s="1068"/>
      <c r="S43" s="561"/>
      <c r="T43" s="199"/>
    </row>
    <row r="44" spans="1:57" s="570" customFormat="1" ht="75" customHeight="1" x14ac:dyDescent="0.2">
      <c r="A44" s="575"/>
      <c r="B44" s="576"/>
      <c r="C44" s="576"/>
      <c r="D44" s="576"/>
      <c r="E44" s="576"/>
      <c r="F44" s="576"/>
      <c r="G44" s="576"/>
      <c r="H44" s="576"/>
      <c r="I44" s="576"/>
      <c r="J44" s="576"/>
      <c r="K44" s="576"/>
      <c r="L44" s="577"/>
      <c r="M44" s="576"/>
      <c r="N44" s="576"/>
      <c r="O44" s="576"/>
      <c r="P44" s="576"/>
      <c r="Q44" s="578"/>
      <c r="R44" s="1028"/>
      <c r="S44" s="561"/>
      <c r="T44" s="579"/>
      <c r="U44" s="546"/>
    </row>
    <row r="45" spans="1:57" s="570" customFormat="1" ht="75" customHeight="1" thickBot="1" x14ac:dyDescent="0.25">
      <c r="A45" s="606"/>
      <c r="B45" s="607"/>
      <c r="C45" s="607"/>
      <c r="D45" s="607"/>
      <c r="E45" s="607"/>
      <c r="F45" s="607"/>
      <c r="G45" s="607"/>
      <c r="H45" s="607"/>
      <c r="I45" s="607"/>
      <c r="J45" s="607"/>
      <c r="K45" s="607"/>
      <c r="L45" s="608"/>
      <c r="M45" s="607"/>
      <c r="N45" s="607"/>
      <c r="O45" s="607"/>
      <c r="P45" s="607"/>
      <c r="Q45" s="609"/>
      <c r="R45" s="1028"/>
      <c r="S45" s="561"/>
      <c r="T45" s="579"/>
      <c r="U45" s="546"/>
    </row>
    <row r="46" spans="1:57" s="546" customFormat="1" ht="69.900000000000006" customHeight="1" thickBot="1" x14ac:dyDescent="0.25">
      <c r="A46" s="584" t="s">
        <v>503</v>
      </c>
      <c r="B46" s="585"/>
      <c r="C46" s="585"/>
      <c r="D46" s="585"/>
      <c r="E46" s="585"/>
      <c r="F46" s="585"/>
      <c r="G46" s="585"/>
      <c r="H46" s="585"/>
      <c r="I46" s="585"/>
      <c r="J46" s="585"/>
      <c r="K46" s="585"/>
      <c r="L46" s="586"/>
      <c r="M46" s="585"/>
      <c r="N46" s="585"/>
      <c r="O46" s="585"/>
      <c r="P46" s="585"/>
      <c r="Q46" s="587"/>
      <c r="R46" s="1028"/>
      <c r="S46" s="561"/>
      <c r="T46" s="555" t="s">
        <v>504</v>
      </c>
      <c r="U46" s="596"/>
      <c r="V46" s="596"/>
      <c r="W46" s="596"/>
      <c r="X46" s="596"/>
      <c r="Y46" s="596"/>
      <c r="Z46" s="596"/>
      <c r="AA46" s="596"/>
      <c r="AB46" s="596"/>
      <c r="AC46" s="596"/>
      <c r="AD46" s="596"/>
      <c r="AE46" s="596"/>
      <c r="AF46" s="596"/>
      <c r="AG46" s="596"/>
      <c r="AH46" s="596"/>
      <c r="AI46" s="596"/>
      <c r="AJ46" s="596"/>
      <c r="AK46" s="596"/>
      <c r="AL46" s="596"/>
      <c r="AM46" s="596"/>
      <c r="AN46" s="596"/>
      <c r="AO46" s="596"/>
      <c r="AP46" s="596"/>
      <c r="AQ46" s="596"/>
      <c r="AR46" s="596"/>
      <c r="AS46" s="596"/>
      <c r="AT46" s="596"/>
      <c r="AU46" s="596"/>
      <c r="AV46" s="596"/>
      <c r="AW46" s="596"/>
      <c r="AX46" s="596"/>
      <c r="AY46" s="596"/>
      <c r="AZ46" s="596"/>
      <c r="BA46" s="596"/>
      <c r="BB46" s="596"/>
      <c r="BC46" s="596"/>
      <c r="BD46" s="596"/>
      <c r="BE46" s="596"/>
    </row>
    <row r="47" spans="1:57" s="570" customFormat="1" ht="69.900000000000006" customHeight="1" thickBot="1" x14ac:dyDescent="0.25">
      <c r="A47" s="610" t="s">
        <v>505</v>
      </c>
      <c r="B47" s="611"/>
      <c r="C47" s="611"/>
      <c r="D47" s="611"/>
      <c r="E47" s="611"/>
      <c r="F47" s="611"/>
      <c r="G47" s="611"/>
      <c r="H47" s="611"/>
      <c r="I47" s="611"/>
      <c r="J47" s="611"/>
      <c r="K47" s="611"/>
      <c r="L47" s="568"/>
      <c r="M47" s="611"/>
      <c r="N47" s="611"/>
      <c r="O47" s="679"/>
      <c r="P47" s="679"/>
      <c r="Q47" s="1283"/>
      <c r="R47" s="1028"/>
      <c r="S47" s="561"/>
      <c r="T47" s="595"/>
      <c r="U47" s="596"/>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row>
    <row r="48" spans="1:57" s="570" customFormat="1" ht="409.5" customHeight="1" thickTop="1" x14ac:dyDescent="0.2">
      <c r="A48" s="604" t="s">
        <v>41</v>
      </c>
      <c r="B48" s="605"/>
      <c r="C48" s="605"/>
      <c r="D48" s="605"/>
      <c r="E48" s="605"/>
      <c r="F48" s="605"/>
      <c r="G48" s="605"/>
      <c r="H48" s="605"/>
      <c r="I48" s="605"/>
      <c r="J48" s="605"/>
      <c r="K48" s="605"/>
      <c r="L48" s="184"/>
      <c r="M48" s="605"/>
      <c r="N48" s="605"/>
      <c r="O48" s="1284" t="s">
        <v>20</v>
      </c>
      <c r="P48" s="1285" t="s">
        <v>21</v>
      </c>
      <c r="Q48" s="1286" t="s">
        <v>22</v>
      </c>
      <c r="R48" s="1028"/>
      <c r="S48" s="561"/>
      <c r="T48" s="599"/>
      <c r="U48" s="596"/>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row>
    <row r="49" spans="1:57" s="570" customFormat="1" ht="140.1" customHeight="1" thickBot="1" x14ac:dyDescent="0.25">
      <c r="A49" s="603" t="s">
        <v>226</v>
      </c>
      <c r="B49" s="572"/>
      <c r="C49" s="572"/>
      <c r="D49" s="572"/>
      <c r="E49" s="572"/>
      <c r="F49" s="572"/>
      <c r="G49" s="572"/>
      <c r="H49" s="572"/>
      <c r="I49" s="572"/>
      <c r="J49" s="572"/>
      <c r="K49" s="572"/>
      <c r="L49" s="231"/>
      <c r="M49" s="572"/>
      <c r="N49" s="572"/>
      <c r="O49" s="1287"/>
      <c r="P49" s="1288"/>
      <c r="Q49" s="601"/>
      <c r="R49" s="1028"/>
      <c r="S49" s="561"/>
      <c r="T49" s="122"/>
      <c r="U49" s="596"/>
      <c r="V49" s="600"/>
      <c r="W49" s="600"/>
      <c r="X49" s="600"/>
      <c r="Y49" s="600"/>
      <c r="Z49" s="600"/>
      <c r="AA49" s="600"/>
      <c r="AB49" s="600"/>
      <c r="AC49" s="600"/>
      <c r="AD49" s="600"/>
      <c r="AE49" s="600"/>
      <c r="AF49" s="600"/>
      <c r="AG49" s="600"/>
      <c r="AH49" s="600"/>
      <c r="AI49" s="600"/>
      <c r="AJ49" s="600"/>
      <c r="AK49" s="600"/>
      <c r="AL49" s="600"/>
      <c r="AM49" s="600"/>
      <c r="AN49" s="600"/>
      <c r="AO49" s="600"/>
      <c r="AP49" s="600"/>
      <c r="AQ49" s="600"/>
      <c r="AR49" s="600"/>
      <c r="AS49" s="600"/>
      <c r="AT49" s="600"/>
      <c r="AU49" s="600"/>
      <c r="AV49" s="600"/>
      <c r="AW49" s="600"/>
      <c r="AX49" s="600"/>
      <c r="AY49" s="600"/>
      <c r="AZ49" s="600"/>
      <c r="BA49" s="600"/>
      <c r="BB49" s="600"/>
      <c r="BC49" s="600"/>
      <c r="BD49" s="600"/>
      <c r="BE49" s="600"/>
    </row>
    <row r="50" spans="1:57" s="570" customFormat="1" ht="158.25" customHeight="1" thickTop="1" thickBot="1" x14ac:dyDescent="0.25">
      <c r="A50" s="603" t="s">
        <v>227</v>
      </c>
      <c r="B50" s="572"/>
      <c r="C50" s="572"/>
      <c r="D50" s="572"/>
      <c r="E50" s="572"/>
      <c r="F50" s="572"/>
      <c r="G50" s="572"/>
      <c r="H50" s="572"/>
      <c r="I50" s="572"/>
      <c r="J50" s="572"/>
      <c r="K50" s="572"/>
      <c r="L50" s="231"/>
      <c r="M50" s="572"/>
      <c r="N50" s="620" t="s">
        <v>27</v>
      </c>
      <c r="O50" s="53" t="s">
        <v>24</v>
      </c>
      <c r="P50" s="61" t="s">
        <v>25</v>
      </c>
      <c r="Q50" s="62" t="s">
        <v>22</v>
      </c>
      <c r="R50" s="1028"/>
      <c r="S50" s="561"/>
      <c r="T50" s="569"/>
      <c r="U50" s="596"/>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row>
    <row r="51" spans="1:57" s="570" customFormat="1" ht="140.1" customHeight="1" thickTop="1" thickBot="1" x14ac:dyDescent="0.25">
      <c r="A51" s="603" t="s">
        <v>228</v>
      </c>
      <c r="B51" s="572"/>
      <c r="C51" s="572"/>
      <c r="D51" s="572"/>
      <c r="E51" s="572"/>
      <c r="F51" s="572"/>
      <c r="G51" s="572"/>
      <c r="H51" s="572"/>
      <c r="I51" s="572"/>
      <c r="J51" s="572"/>
      <c r="K51" s="572"/>
      <c r="L51" s="231"/>
      <c r="M51" s="572"/>
      <c r="N51" s="620" t="s">
        <v>27</v>
      </c>
      <c r="O51" s="53" t="s">
        <v>24</v>
      </c>
      <c r="P51" s="61" t="s">
        <v>25</v>
      </c>
      <c r="Q51" s="62" t="s">
        <v>22</v>
      </c>
      <c r="R51" s="1028"/>
      <c r="S51" s="561"/>
      <c r="T51" s="569"/>
      <c r="U51" s="596"/>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row>
    <row r="52" spans="1:57" s="570" customFormat="1" ht="238.5" customHeight="1" thickTop="1" thickBot="1" x14ac:dyDescent="0.25">
      <c r="A52" s="119" t="s">
        <v>506</v>
      </c>
      <c r="B52" s="92"/>
      <c r="C52" s="92"/>
      <c r="D52" s="92"/>
      <c r="E52" s="92"/>
      <c r="F52" s="92"/>
      <c r="G52" s="92"/>
      <c r="H52" s="92"/>
      <c r="I52" s="92"/>
      <c r="J52" s="92"/>
      <c r="K52" s="92"/>
      <c r="L52" s="93"/>
      <c r="M52" s="92"/>
      <c r="N52" s="1289" t="s">
        <v>27</v>
      </c>
      <c r="O52" s="759" t="s">
        <v>24</v>
      </c>
      <c r="P52" s="760" t="s">
        <v>25</v>
      </c>
      <c r="Q52" s="761" t="s">
        <v>22</v>
      </c>
      <c r="R52" s="1089"/>
      <c r="T52" s="1096"/>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row>
    <row r="53" spans="1:57" s="570" customFormat="1" ht="140.1" customHeight="1" thickTop="1" thickBot="1" x14ac:dyDescent="0.25">
      <c r="A53" s="603" t="s">
        <v>507</v>
      </c>
      <c r="B53" s="572"/>
      <c r="C53" s="572"/>
      <c r="D53" s="572"/>
      <c r="E53" s="572"/>
      <c r="F53" s="572"/>
      <c r="G53" s="572"/>
      <c r="H53" s="572"/>
      <c r="I53" s="572"/>
      <c r="J53" s="572"/>
      <c r="K53" s="572"/>
      <c r="L53" s="231"/>
      <c r="M53" s="572"/>
      <c r="N53" s="572"/>
      <c r="O53" s="53" t="s">
        <v>24</v>
      </c>
      <c r="P53" s="61" t="s">
        <v>25</v>
      </c>
      <c r="Q53" s="62" t="s">
        <v>22</v>
      </c>
      <c r="R53" s="1028"/>
      <c r="S53" s="561"/>
      <c r="T53" s="569"/>
      <c r="U53" s="596"/>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row>
    <row r="54" spans="1:57" s="570" customFormat="1" ht="140.1" customHeight="1" thickTop="1" thickBot="1" x14ac:dyDescent="0.25">
      <c r="A54" s="604" t="s">
        <v>230</v>
      </c>
      <c r="B54" s="605"/>
      <c r="C54" s="605"/>
      <c r="D54" s="605"/>
      <c r="E54" s="605"/>
      <c r="F54" s="605"/>
      <c r="G54" s="605"/>
      <c r="H54" s="605"/>
      <c r="I54" s="605"/>
      <c r="J54" s="605"/>
      <c r="K54" s="605"/>
      <c r="L54" s="184"/>
      <c r="M54" s="605"/>
      <c r="N54" s="605"/>
      <c r="O54" s="67" t="s">
        <v>20</v>
      </c>
      <c r="P54" s="68" t="s">
        <v>25</v>
      </c>
      <c r="Q54" s="69" t="s">
        <v>22</v>
      </c>
      <c r="R54" s="1028"/>
      <c r="S54" s="561"/>
      <c r="T54" s="569"/>
      <c r="U54" s="596"/>
      <c r="V54" s="600"/>
      <c r="W54" s="600"/>
      <c r="X54" s="600"/>
      <c r="Y54" s="600"/>
      <c r="Z54" s="600"/>
      <c r="AA54" s="600"/>
      <c r="AB54" s="600"/>
      <c r="AC54" s="600"/>
      <c r="AD54" s="600"/>
      <c r="AE54" s="600"/>
      <c r="AF54" s="600"/>
      <c r="AG54" s="600"/>
      <c r="AH54" s="600"/>
      <c r="AI54" s="600"/>
      <c r="AJ54" s="600"/>
      <c r="AK54" s="600"/>
      <c r="AL54" s="600"/>
      <c r="AM54" s="600"/>
      <c r="AN54" s="600"/>
      <c r="AO54" s="600"/>
      <c r="AP54" s="600"/>
      <c r="AQ54" s="600"/>
      <c r="AR54" s="600"/>
      <c r="AS54" s="600"/>
      <c r="AT54" s="600"/>
      <c r="AU54" s="600"/>
      <c r="AV54" s="600"/>
      <c r="AW54" s="600"/>
      <c r="AX54" s="600"/>
      <c r="AY54" s="600"/>
      <c r="AZ54" s="600"/>
      <c r="BA54" s="600"/>
      <c r="BB54" s="600"/>
      <c r="BC54" s="600"/>
      <c r="BD54" s="600"/>
      <c r="BE54" s="600"/>
    </row>
    <row r="55" spans="1:57" s="546" customFormat="1" ht="69.900000000000006" customHeight="1" thickTop="1" x14ac:dyDescent="0.2">
      <c r="A55" s="70" t="s">
        <v>28</v>
      </c>
      <c r="B55" s="72"/>
      <c r="C55" s="72"/>
      <c r="D55" s="72"/>
      <c r="E55" s="72"/>
      <c r="F55" s="72"/>
      <c r="G55" s="72"/>
      <c r="H55" s="72"/>
      <c r="I55" s="72"/>
      <c r="J55" s="72"/>
      <c r="K55" s="72"/>
      <c r="L55" s="72"/>
      <c r="M55" s="72"/>
      <c r="N55" s="72"/>
      <c r="O55" s="72"/>
      <c r="P55" s="72"/>
      <c r="Q55" s="202"/>
      <c r="R55" s="1068"/>
      <c r="S55" s="561"/>
      <c r="T55" s="199"/>
    </row>
    <row r="56" spans="1:57" s="570" customFormat="1" ht="75" customHeight="1" x14ac:dyDescent="0.2">
      <c r="A56" s="575"/>
      <c r="B56" s="576"/>
      <c r="C56" s="576"/>
      <c r="D56" s="576"/>
      <c r="E56" s="576"/>
      <c r="F56" s="576"/>
      <c r="G56" s="576"/>
      <c r="H56" s="576"/>
      <c r="I56" s="576"/>
      <c r="J56" s="576"/>
      <c r="K56" s="576"/>
      <c r="L56" s="577"/>
      <c r="M56" s="576"/>
      <c r="N56" s="576"/>
      <c r="O56" s="576"/>
      <c r="P56" s="576"/>
      <c r="Q56" s="578"/>
      <c r="R56" s="1028"/>
      <c r="S56" s="561"/>
      <c r="T56" s="579"/>
      <c r="U56" s="546"/>
    </row>
    <row r="57" spans="1:57" s="570" customFormat="1" ht="75" customHeight="1" thickBot="1" x14ac:dyDescent="0.25">
      <c r="A57" s="606"/>
      <c r="B57" s="607"/>
      <c r="C57" s="607"/>
      <c r="D57" s="607"/>
      <c r="E57" s="607"/>
      <c r="F57" s="607"/>
      <c r="G57" s="607"/>
      <c r="H57" s="607"/>
      <c r="I57" s="607"/>
      <c r="J57" s="607"/>
      <c r="K57" s="607"/>
      <c r="L57" s="608"/>
      <c r="M57" s="607"/>
      <c r="N57" s="607"/>
      <c r="O57" s="607"/>
      <c r="P57" s="607"/>
      <c r="Q57" s="609"/>
      <c r="R57" s="1028"/>
      <c r="S57" s="561"/>
      <c r="T57" s="579"/>
      <c r="U57" s="546"/>
    </row>
    <row r="58" spans="1:57" s="546" customFormat="1" ht="69.75" customHeight="1" thickBot="1" x14ac:dyDescent="0.25">
      <c r="A58" s="584" t="s">
        <v>508</v>
      </c>
      <c r="B58" s="585"/>
      <c r="C58" s="585"/>
      <c r="D58" s="585"/>
      <c r="E58" s="585"/>
      <c r="F58" s="585"/>
      <c r="G58" s="585"/>
      <c r="H58" s="585"/>
      <c r="I58" s="585"/>
      <c r="J58" s="585"/>
      <c r="K58" s="585"/>
      <c r="L58" s="586"/>
      <c r="M58" s="585"/>
      <c r="N58" s="585"/>
      <c r="O58" s="585"/>
      <c r="P58" s="585"/>
      <c r="Q58" s="587"/>
      <c r="R58" s="1028"/>
      <c r="S58" s="561"/>
      <c r="T58" s="595"/>
      <c r="U58" s="596"/>
      <c r="V58" s="596"/>
      <c r="W58" s="596"/>
      <c r="X58" s="596"/>
      <c r="Y58" s="596"/>
      <c r="Z58" s="596"/>
      <c r="AA58" s="596"/>
      <c r="AB58" s="596"/>
      <c r="AC58" s="596"/>
      <c r="AD58" s="596"/>
      <c r="AE58" s="596"/>
      <c r="AF58" s="596"/>
      <c r="AG58" s="596"/>
      <c r="AH58" s="596"/>
      <c r="AI58" s="596"/>
      <c r="AJ58" s="596"/>
      <c r="AK58" s="596"/>
      <c r="AL58" s="596"/>
      <c r="AM58" s="596"/>
      <c r="AN58" s="596"/>
      <c r="AO58" s="596"/>
      <c r="AP58" s="596"/>
      <c r="AQ58" s="596"/>
      <c r="AR58" s="596"/>
      <c r="AS58" s="596"/>
      <c r="AT58" s="596"/>
      <c r="AU58" s="596"/>
      <c r="AV58" s="596"/>
      <c r="AW58" s="596"/>
      <c r="AX58" s="596"/>
      <c r="AY58" s="596"/>
      <c r="AZ58" s="596"/>
      <c r="BA58" s="596"/>
      <c r="BB58" s="596"/>
      <c r="BC58" s="596"/>
      <c r="BD58" s="596"/>
      <c r="BE58" s="596"/>
    </row>
    <row r="59" spans="1:57" s="570" customFormat="1" ht="295.5" customHeight="1" thickTop="1" thickBot="1" x14ac:dyDescent="0.25">
      <c r="A59" s="645" t="s">
        <v>509</v>
      </c>
      <c r="B59" s="646"/>
      <c r="C59" s="646"/>
      <c r="D59" s="646"/>
      <c r="E59" s="646"/>
      <c r="F59" s="646"/>
      <c r="G59" s="646"/>
      <c r="H59" s="646"/>
      <c r="I59" s="646"/>
      <c r="J59" s="646"/>
      <c r="K59" s="646"/>
      <c r="L59" s="646"/>
      <c r="M59" s="646"/>
      <c r="N59" s="647"/>
      <c r="O59" s="1290" t="s">
        <v>20</v>
      </c>
      <c r="P59" s="999" t="s">
        <v>21</v>
      </c>
      <c r="Q59" s="1000" t="s">
        <v>22</v>
      </c>
      <c r="R59" s="1028"/>
      <c r="S59" s="561"/>
      <c r="T59" s="569"/>
      <c r="U59" s="596"/>
      <c r="V59" s="600"/>
      <c r="W59" s="600"/>
      <c r="X59" s="600"/>
      <c r="Y59" s="600"/>
      <c r="Z59" s="600"/>
      <c r="AA59" s="600"/>
      <c r="AB59" s="600"/>
      <c r="AC59" s="600"/>
      <c r="AD59" s="600"/>
      <c r="AE59" s="600"/>
      <c r="AF59" s="600"/>
      <c r="AG59" s="600"/>
      <c r="AH59" s="600"/>
      <c r="AI59" s="600"/>
      <c r="AJ59" s="600"/>
      <c r="AK59" s="600"/>
      <c r="AL59" s="600"/>
      <c r="AM59" s="600"/>
      <c r="AN59" s="600"/>
      <c r="AO59" s="600"/>
      <c r="AP59" s="600"/>
      <c r="AQ59" s="600"/>
      <c r="AR59" s="600"/>
      <c r="AS59" s="600"/>
      <c r="AT59" s="600"/>
      <c r="AU59" s="600"/>
      <c r="AV59" s="600"/>
      <c r="AW59" s="600"/>
      <c r="AX59" s="600"/>
      <c r="AY59" s="600"/>
      <c r="AZ59" s="600"/>
      <c r="BA59" s="600"/>
      <c r="BB59" s="600"/>
      <c r="BC59" s="600"/>
      <c r="BD59" s="600"/>
      <c r="BE59" s="600"/>
    </row>
    <row r="60" spans="1:57" s="570" customFormat="1" ht="69.900000000000006" customHeight="1" thickTop="1" x14ac:dyDescent="0.2">
      <c r="A60" s="795" t="s">
        <v>178</v>
      </c>
      <c r="B60" s="1106"/>
      <c r="C60" s="1106"/>
      <c r="D60" s="1106"/>
      <c r="E60" s="1106"/>
      <c r="F60" s="1106"/>
      <c r="G60" s="1106"/>
      <c r="H60" s="1106"/>
      <c r="I60" s="1106"/>
      <c r="J60" s="1106"/>
      <c r="K60" s="1106"/>
      <c r="L60" s="1291"/>
      <c r="M60" s="1106"/>
      <c r="N60" s="1106"/>
      <c r="O60" s="1106"/>
      <c r="P60" s="1106"/>
      <c r="Q60" s="1107"/>
      <c r="R60" s="1292"/>
      <c r="T60" s="1150"/>
    </row>
    <row r="61" spans="1:57" s="546" customFormat="1" ht="69.900000000000006" customHeight="1" x14ac:dyDescent="0.2">
      <c r="A61" s="650" t="s">
        <v>56</v>
      </c>
      <c r="B61" s="651"/>
      <c r="C61" s="651"/>
      <c r="D61" s="651"/>
      <c r="E61" s="651"/>
      <c r="F61" s="651"/>
      <c r="G61" s="651"/>
      <c r="H61" s="651"/>
      <c r="I61" s="651"/>
      <c r="J61" s="652"/>
      <c r="K61" s="653"/>
      <c r="L61" s="654"/>
      <c r="M61" s="655"/>
      <c r="N61" s="655"/>
      <c r="O61" s="655"/>
      <c r="P61" s="655"/>
      <c r="Q61" s="656"/>
      <c r="R61" s="1068"/>
      <c r="S61" s="561"/>
      <c r="T61" s="199"/>
      <c r="U61" s="1081"/>
    </row>
    <row r="62" spans="1:57" s="570" customFormat="1" ht="69.900000000000006" customHeight="1" x14ac:dyDescent="0.2">
      <c r="A62" s="657" t="s">
        <v>510</v>
      </c>
      <c r="B62" s="658"/>
      <c r="C62" s="658"/>
      <c r="D62" s="658"/>
      <c r="E62" s="658"/>
      <c r="F62" s="658"/>
      <c r="G62" s="658"/>
      <c r="H62" s="658"/>
      <c r="I62" s="658"/>
      <c r="J62" s="659"/>
      <c r="K62" s="660"/>
      <c r="L62" s="245"/>
      <c r="M62" s="661"/>
      <c r="N62" s="661"/>
      <c r="O62" s="661"/>
      <c r="P62" s="661"/>
      <c r="Q62" s="662"/>
      <c r="R62" s="1028"/>
      <c r="S62" s="561"/>
      <c r="T62" s="663"/>
      <c r="U62" s="1108"/>
      <c r="V62" s="664"/>
      <c r="W62" s="664"/>
      <c r="X62" s="664"/>
      <c r="Y62" s="664"/>
      <c r="Z62" s="664"/>
      <c r="AA62" s="664"/>
      <c r="AB62" s="664"/>
      <c r="AC62" s="664"/>
      <c r="AD62" s="664"/>
      <c r="AE62" s="664"/>
      <c r="AF62" s="664"/>
      <c r="AG62" s="664"/>
      <c r="AH62" s="664"/>
      <c r="AI62" s="664"/>
      <c r="AJ62" s="664"/>
      <c r="AK62" s="664"/>
      <c r="AL62" s="664"/>
      <c r="AM62" s="664"/>
      <c r="AN62" s="664"/>
      <c r="AO62" s="664"/>
      <c r="AP62" s="664"/>
      <c r="AQ62" s="664"/>
      <c r="AR62" s="664"/>
      <c r="AS62" s="664"/>
      <c r="AT62" s="664"/>
      <c r="AU62" s="664"/>
      <c r="AV62" s="664"/>
      <c r="AW62" s="664"/>
      <c r="AX62" s="664"/>
      <c r="AY62" s="664"/>
      <c r="AZ62" s="664"/>
      <c r="BA62" s="664"/>
      <c r="BB62" s="664"/>
      <c r="BC62" s="664"/>
      <c r="BD62" s="664"/>
      <c r="BE62" s="664"/>
    </row>
    <row r="63" spans="1:57" s="546" customFormat="1" ht="69.900000000000006" customHeight="1" x14ac:dyDescent="0.2">
      <c r="A63" s="70" t="s">
        <v>28</v>
      </c>
      <c r="B63" s="72"/>
      <c r="C63" s="72"/>
      <c r="D63" s="72"/>
      <c r="E63" s="72"/>
      <c r="F63" s="72"/>
      <c r="G63" s="72"/>
      <c r="H63" s="72"/>
      <c r="I63" s="72"/>
      <c r="J63" s="72"/>
      <c r="K63" s="72"/>
      <c r="L63" s="72"/>
      <c r="M63" s="72"/>
      <c r="N63" s="72"/>
      <c r="O63" s="72"/>
      <c r="P63" s="72"/>
      <c r="Q63" s="202"/>
      <c r="R63" s="1068"/>
      <c r="S63" s="561"/>
      <c r="T63" s="199"/>
    </row>
    <row r="64" spans="1:57" s="570" customFormat="1" ht="75" customHeight="1" x14ac:dyDescent="0.2">
      <c r="A64" s="575"/>
      <c r="B64" s="576"/>
      <c r="C64" s="576"/>
      <c r="D64" s="576"/>
      <c r="E64" s="576"/>
      <c r="F64" s="576"/>
      <c r="G64" s="576"/>
      <c r="H64" s="576"/>
      <c r="I64" s="576"/>
      <c r="J64" s="576"/>
      <c r="K64" s="576"/>
      <c r="L64" s="577"/>
      <c r="M64" s="576"/>
      <c r="N64" s="576"/>
      <c r="O64" s="576"/>
      <c r="P64" s="576"/>
      <c r="Q64" s="578"/>
      <c r="R64" s="1028"/>
      <c r="S64" s="561"/>
      <c r="T64" s="579"/>
      <c r="U64" s="546"/>
    </row>
    <row r="65" spans="1:57" s="570" customFormat="1" ht="75" customHeight="1" thickBot="1" x14ac:dyDescent="0.25">
      <c r="A65" s="606"/>
      <c r="B65" s="607"/>
      <c r="C65" s="607"/>
      <c r="D65" s="607"/>
      <c r="E65" s="607"/>
      <c r="F65" s="607"/>
      <c r="G65" s="607"/>
      <c r="H65" s="607"/>
      <c r="I65" s="607"/>
      <c r="J65" s="607"/>
      <c r="K65" s="607"/>
      <c r="L65" s="608"/>
      <c r="M65" s="607"/>
      <c r="N65" s="607"/>
      <c r="O65" s="607"/>
      <c r="P65" s="607"/>
      <c r="Q65" s="609"/>
      <c r="R65" s="1028"/>
      <c r="S65" s="561"/>
      <c r="T65" s="579"/>
      <c r="U65" s="546"/>
    </row>
    <row r="66" spans="1:57" s="546" customFormat="1" ht="69.900000000000006" customHeight="1" thickBot="1" x14ac:dyDescent="0.25">
      <c r="A66" s="584" t="s">
        <v>511</v>
      </c>
      <c r="B66" s="585"/>
      <c r="C66" s="585"/>
      <c r="D66" s="585"/>
      <c r="E66" s="585"/>
      <c r="F66" s="585"/>
      <c r="G66" s="585"/>
      <c r="H66" s="585"/>
      <c r="I66" s="585"/>
      <c r="J66" s="585"/>
      <c r="K66" s="585"/>
      <c r="L66" s="586"/>
      <c r="M66" s="585"/>
      <c r="N66" s="585"/>
      <c r="O66" s="585"/>
      <c r="P66" s="585"/>
      <c r="Q66" s="587"/>
      <c r="R66" s="1028"/>
      <c r="S66" s="561"/>
      <c r="T66" s="595"/>
      <c r="U66" s="596"/>
      <c r="V66" s="596"/>
      <c r="W66" s="596"/>
      <c r="X66" s="596"/>
      <c r="Y66" s="600"/>
      <c r="Z66" s="600"/>
      <c r="AA66" s="600"/>
      <c r="AB66" s="600"/>
      <c r="AC66" s="600"/>
      <c r="AD66" s="600"/>
      <c r="AE66" s="600"/>
      <c r="AF66" s="600"/>
      <c r="AG66" s="600"/>
      <c r="AH66" s="600"/>
      <c r="AI66" s="600"/>
      <c r="AJ66" s="600"/>
      <c r="AK66" s="600"/>
      <c r="AL66" s="600"/>
      <c r="AM66" s="600"/>
      <c r="AN66" s="600"/>
      <c r="AO66" s="596"/>
      <c r="AP66" s="596"/>
      <c r="AQ66" s="596"/>
      <c r="AR66" s="596"/>
      <c r="AS66" s="596"/>
      <c r="AT66" s="596"/>
      <c r="AU66" s="596"/>
      <c r="AV66" s="596"/>
      <c r="AW66" s="596"/>
      <c r="AX66" s="596"/>
      <c r="AY66" s="596"/>
      <c r="AZ66" s="596"/>
      <c r="BA66" s="596"/>
      <c r="BB66" s="596"/>
      <c r="BC66" s="596"/>
      <c r="BD66" s="596"/>
      <c r="BE66" s="596"/>
    </row>
    <row r="67" spans="1:57" s="570" customFormat="1" ht="274.5" customHeight="1" thickTop="1" thickBot="1" x14ac:dyDescent="0.25">
      <c r="A67" s="610" t="s">
        <v>415</v>
      </c>
      <c r="B67" s="611"/>
      <c r="C67" s="611"/>
      <c r="D67" s="611"/>
      <c r="E67" s="611"/>
      <c r="F67" s="611"/>
      <c r="G67" s="611"/>
      <c r="H67" s="611"/>
      <c r="I67" s="611"/>
      <c r="J67" s="611"/>
      <c r="K67" s="611"/>
      <c r="L67" s="568"/>
      <c r="M67" s="611"/>
      <c r="N67" s="611"/>
      <c r="O67" s="1290" t="s">
        <v>20</v>
      </c>
      <c r="P67" s="999" t="s">
        <v>21</v>
      </c>
      <c r="Q67" s="1000" t="s">
        <v>22</v>
      </c>
      <c r="R67" s="1028"/>
      <c r="S67" s="561"/>
      <c r="T67" s="569"/>
      <c r="U67" s="596"/>
      <c r="V67" s="600"/>
      <c r="W67" s="600"/>
      <c r="X67" s="600"/>
      <c r="Y67" s="600"/>
      <c r="Z67" s="600"/>
      <c r="AA67" s="600"/>
      <c r="AB67" s="600"/>
      <c r="AC67" s="600"/>
      <c r="AD67" s="600"/>
      <c r="AE67" s="600"/>
      <c r="AF67" s="600"/>
      <c r="AG67" s="600"/>
      <c r="AH67" s="600"/>
      <c r="AI67" s="600"/>
      <c r="AJ67" s="600"/>
      <c r="AK67" s="600"/>
      <c r="AL67" s="600"/>
      <c r="AM67" s="600"/>
      <c r="AN67" s="600"/>
      <c r="AO67" s="600"/>
      <c r="AP67" s="600"/>
      <c r="AQ67" s="600"/>
      <c r="AR67" s="600"/>
      <c r="AS67" s="600"/>
      <c r="AT67" s="600"/>
      <c r="AU67" s="600"/>
      <c r="AV67" s="600"/>
      <c r="AW67" s="600"/>
      <c r="AX67" s="600"/>
      <c r="AY67" s="600"/>
      <c r="AZ67" s="600"/>
      <c r="BA67" s="600"/>
      <c r="BB67" s="600"/>
      <c r="BC67" s="600"/>
      <c r="BD67" s="600"/>
      <c r="BE67" s="600"/>
    </row>
    <row r="68" spans="1:57" s="570" customFormat="1" ht="229.5" customHeight="1" thickTop="1" thickBot="1" x14ac:dyDescent="0.25">
      <c r="A68" s="604" t="s">
        <v>512</v>
      </c>
      <c r="B68" s="605"/>
      <c r="C68" s="605"/>
      <c r="D68" s="605"/>
      <c r="E68" s="605"/>
      <c r="F68" s="605"/>
      <c r="G68" s="605"/>
      <c r="H68" s="605"/>
      <c r="I68" s="605"/>
      <c r="J68" s="605"/>
      <c r="K68" s="605"/>
      <c r="L68" s="184"/>
      <c r="M68" s="605"/>
      <c r="N68" s="605"/>
      <c r="O68" s="1293" t="s">
        <v>24</v>
      </c>
      <c r="P68" s="1293" t="s">
        <v>25</v>
      </c>
      <c r="Q68" s="1294" t="s">
        <v>22</v>
      </c>
      <c r="R68" s="1028"/>
      <c r="S68" s="561"/>
      <c r="T68" s="569"/>
      <c r="U68" s="596"/>
      <c r="V68" s="600"/>
      <c r="W68" s="600"/>
      <c r="X68" s="600"/>
      <c r="Y68" s="596"/>
      <c r="Z68" s="596"/>
      <c r="AA68" s="596"/>
      <c r="AB68" s="596"/>
      <c r="AC68" s="596"/>
      <c r="AD68" s="596"/>
      <c r="AE68" s="596"/>
      <c r="AF68" s="596"/>
      <c r="AG68" s="596"/>
      <c r="AH68" s="596"/>
      <c r="AI68" s="596"/>
      <c r="AJ68" s="596"/>
      <c r="AK68" s="596"/>
      <c r="AL68" s="596"/>
      <c r="AM68" s="596"/>
      <c r="AN68" s="596"/>
      <c r="AO68" s="600"/>
      <c r="AP68" s="600"/>
      <c r="AQ68" s="600"/>
      <c r="AR68" s="600"/>
      <c r="AS68" s="600"/>
      <c r="AT68" s="600"/>
      <c r="AU68" s="600"/>
      <c r="AV68" s="600"/>
      <c r="AW68" s="600"/>
      <c r="AX68" s="600"/>
      <c r="AY68" s="600"/>
      <c r="AZ68" s="600"/>
      <c r="BA68" s="600"/>
      <c r="BB68" s="600"/>
      <c r="BC68" s="600"/>
      <c r="BD68" s="600"/>
      <c r="BE68" s="600"/>
    </row>
    <row r="69" spans="1:57" s="570" customFormat="1" ht="140.1" customHeight="1" thickTop="1" thickBot="1" x14ac:dyDescent="0.25">
      <c r="A69" s="604" t="s">
        <v>513</v>
      </c>
      <c r="B69" s="605"/>
      <c r="C69" s="605"/>
      <c r="D69" s="605"/>
      <c r="E69" s="605"/>
      <c r="F69" s="605"/>
      <c r="G69" s="605"/>
      <c r="H69" s="605"/>
      <c r="I69" s="605"/>
      <c r="J69" s="605"/>
      <c r="K69" s="605"/>
      <c r="L69" s="184"/>
      <c r="M69" s="605"/>
      <c r="N69" s="605"/>
      <c r="O69" s="682" t="s">
        <v>24</v>
      </c>
      <c r="P69" s="683" t="s">
        <v>25</v>
      </c>
      <c r="Q69" s="684" t="s">
        <v>22</v>
      </c>
      <c r="R69" s="1028"/>
      <c r="S69" s="561"/>
      <c r="T69" s="569"/>
      <c r="U69" s="596"/>
      <c r="V69" s="600"/>
      <c r="W69" s="600"/>
      <c r="X69" s="600"/>
      <c r="Y69" s="600"/>
      <c r="Z69" s="600"/>
      <c r="AA69" s="600"/>
      <c r="AB69" s="600"/>
      <c r="AC69" s="600"/>
      <c r="AD69" s="600"/>
      <c r="AE69" s="600"/>
      <c r="AF69" s="600"/>
      <c r="AG69" s="600"/>
      <c r="AH69" s="600"/>
      <c r="AI69" s="600"/>
      <c r="AJ69" s="600"/>
      <c r="AK69" s="600"/>
      <c r="AL69" s="600"/>
      <c r="AM69" s="600"/>
      <c r="AN69" s="600"/>
      <c r="AO69" s="600"/>
      <c r="AP69" s="600"/>
      <c r="AQ69" s="600"/>
      <c r="AR69" s="600"/>
      <c r="AS69" s="600"/>
      <c r="AT69" s="600"/>
      <c r="AU69" s="600"/>
      <c r="AV69" s="600"/>
      <c r="AW69" s="600"/>
      <c r="AX69" s="600"/>
      <c r="AY69" s="600"/>
      <c r="AZ69" s="600"/>
      <c r="BA69" s="600"/>
      <c r="BB69" s="600"/>
      <c r="BC69" s="600"/>
      <c r="BD69" s="600"/>
      <c r="BE69" s="600"/>
    </row>
    <row r="70" spans="1:57" s="546" customFormat="1" ht="69.900000000000006" customHeight="1" thickTop="1" x14ac:dyDescent="0.2">
      <c r="A70" s="70" t="s">
        <v>28</v>
      </c>
      <c r="B70" s="72"/>
      <c r="C70" s="72"/>
      <c r="D70" s="72"/>
      <c r="E70" s="72"/>
      <c r="F70" s="72"/>
      <c r="G70" s="72"/>
      <c r="H70" s="72"/>
      <c r="I70" s="72"/>
      <c r="J70" s="72"/>
      <c r="K70" s="72"/>
      <c r="L70" s="72"/>
      <c r="M70" s="72"/>
      <c r="N70" s="72"/>
      <c r="O70" s="72"/>
      <c r="P70" s="72"/>
      <c r="Q70" s="202"/>
      <c r="R70" s="1068"/>
      <c r="S70" s="561"/>
      <c r="T70" s="199"/>
    </row>
    <row r="71" spans="1:57" s="570" customFormat="1" ht="75" customHeight="1" x14ac:dyDescent="0.2">
      <c r="A71" s="575"/>
      <c r="B71" s="576"/>
      <c r="C71" s="576"/>
      <c r="D71" s="576"/>
      <c r="E71" s="576"/>
      <c r="F71" s="576"/>
      <c r="G71" s="576"/>
      <c r="H71" s="576"/>
      <c r="I71" s="576"/>
      <c r="J71" s="576"/>
      <c r="K71" s="576"/>
      <c r="L71" s="577"/>
      <c r="M71" s="576"/>
      <c r="N71" s="576"/>
      <c r="O71" s="576"/>
      <c r="P71" s="576"/>
      <c r="Q71" s="578"/>
      <c r="R71" s="1028"/>
      <c r="S71" s="561"/>
      <c r="T71" s="579"/>
      <c r="U71" s="546"/>
    </row>
    <row r="72" spans="1:57" s="570" customFormat="1" ht="75" customHeight="1" thickBot="1" x14ac:dyDescent="0.25">
      <c r="A72" s="606"/>
      <c r="B72" s="607"/>
      <c r="C72" s="607"/>
      <c r="D72" s="607"/>
      <c r="E72" s="607"/>
      <c r="F72" s="607"/>
      <c r="G72" s="607"/>
      <c r="H72" s="607"/>
      <c r="I72" s="607"/>
      <c r="J72" s="607"/>
      <c r="K72" s="607"/>
      <c r="L72" s="608"/>
      <c r="M72" s="607"/>
      <c r="N72" s="607"/>
      <c r="O72" s="607"/>
      <c r="P72" s="607"/>
      <c r="Q72" s="609"/>
      <c r="R72" s="1028"/>
      <c r="S72" s="561"/>
      <c r="T72" s="579"/>
      <c r="U72" s="546"/>
    </row>
    <row r="73" spans="1:57" s="18" customFormat="1" ht="69.900000000000006" customHeight="1" thickBot="1" x14ac:dyDescent="0.25">
      <c r="A73" s="137" t="s">
        <v>514</v>
      </c>
      <c r="B73" s="139"/>
      <c r="C73" s="139"/>
      <c r="D73" s="139"/>
      <c r="E73" s="139"/>
      <c r="F73" s="139"/>
      <c r="G73" s="139"/>
      <c r="H73" s="139"/>
      <c r="I73" s="139"/>
      <c r="J73" s="139"/>
      <c r="K73" s="139"/>
      <c r="L73" s="139"/>
      <c r="M73" s="139"/>
      <c r="N73" s="139"/>
      <c r="O73" s="139"/>
      <c r="P73" s="139"/>
      <c r="Q73" s="139"/>
      <c r="R73" s="772"/>
      <c r="S73" s="43"/>
      <c r="T73" s="114" t="s">
        <v>515</v>
      </c>
      <c r="U73" s="14"/>
      <c r="V73" s="98"/>
      <c r="W73" s="98"/>
      <c r="X73" s="98"/>
      <c r="Y73" s="98"/>
      <c r="Z73" s="98"/>
      <c r="AA73" s="98"/>
      <c r="AB73" s="98"/>
      <c r="AC73" s="98"/>
      <c r="AD73" s="98"/>
      <c r="AE73" s="98"/>
      <c r="AF73" s="98"/>
      <c r="AG73" s="98"/>
      <c r="AH73" s="98"/>
      <c r="AI73" s="98"/>
      <c r="AJ73" s="98"/>
      <c r="AK73" s="98"/>
      <c r="AL73" s="98"/>
      <c r="AM73" s="98"/>
      <c r="AN73" s="98"/>
      <c r="AO73" s="98"/>
      <c r="AP73" s="98"/>
      <c r="AQ73" s="98"/>
      <c r="AR73" s="98"/>
      <c r="AS73" s="98"/>
      <c r="AT73" s="98"/>
      <c r="AU73" s="98"/>
      <c r="AV73" s="98"/>
      <c r="AW73" s="98"/>
      <c r="AX73" s="98"/>
      <c r="AY73" s="98"/>
      <c r="AZ73" s="98"/>
      <c r="BA73" s="98"/>
      <c r="BB73" s="98"/>
      <c r="BC73" s="98"/>
      <c r="BD73" s="98"/>
      <c r="BE73" s="98"/>
    </row>
    <row r="74" spans="1:57" s="57" customFormat="1" ht="146.25" customHeight="1" thickTop="1" thickBot="1" x14ac:dyDescent="0.25">
      <c r="A74" s="1295" t="s">
        <v>516</v>
      </c>
      <c r="B74" s="1296"/>
      <c r="C74" s="1296"/>
      <c r="D74" s="1296"/>
      <c r="E74" s="1296"/>
      <c r="F74" s="1296"/>
      <c r="G74" s="1296"/>
      <c r="H74" s="1296"/>
      <c r="I74" s="1296"/>
      <c r="J74" s="1296"/>
      <c r="K74" s="1296"/>
      <c r="L74" s="1296"/>
      <c r="M74" s="1296"/>
      <c r="N74" s="1297"/>
      <c r="O74" s="1298" t="s">
        <v>20</v>
      </c>
      <c r="P74" s="1298" t="s">
        <v>21</v>
      </c>
      <c r="Q74" s="1299" t="s">
        <v>22</v>
      </c>
      <c r="R74" s="1300"/>
      <c r="T74" s="56"/>
      <c r="V74" s="106"/>
      <c r="W74" s="106"/>
      <c r="X74" s="106"/>
      <c r="Y74" s="106"/>
      <c r="Z74" s="106"/>
      <c r="AA74" s="106"/>
      <c r="AB74" s="106"/>
      <c r="AC74" s="106"/>
      <c r="AD74" s="106"/>
      <c r="AE74" s="106"/>
      <c r="AF74" s="106"/>
      <c r="AG74" s="106"/>
      <c r="AH74" s="106"/>
      <c r="AI74" s="106"/>
      <c r="AJ74" s="106"/>
      <c r="AK74" s="106"/>
      <c r="AL74" s="106"/>
      <c r="AM74" s="106"/>
      <c r="AN74" s="106"/>
      <c r="AO74" s="106"/>
      <c r="AP74" s="106"/>
      <c r="AQ74" s="106"/>
      <c r="AR74" s="106"/>
      <c r="AS74" s="106"/>
      <c r="AT74" s="106"/>
      <c r="AU74" s="106"/>
      <c r="AV74" s="106"/>
      <c r="AW74" s="106"/>
      <c r="AX74" s="106"/>
      <c r="AY74" s="106"/>
      <c r="AZ74" s="106"/>
      <c r="BA74" s="106"/>
      <c r="BB74" s="106"/>
      <c r="BC74" s="106"/>
      <c r="BD74" s="106"/>
      <c r="BE74" s="106"/>
    </row>
    <row r="75" spans="1:57" s="57" customFormat="1" ht="199.95" customHeight="1" thickTop="1" thickBot="1" x14ac:dyDescent="0.25">
      <c r="A75" s="762" t="s">
        <v>517</v>
      </c>
      <c r="B75" s="763"/>
      <c r="C75" s="763"/>
      <c r="D75" s="763"/>
      <c r="E75" s="763"/>
      <c r="F75" s="763"/>
      <c r="G75" s="763"/>
      <c r="H75" s="763"/>
      <c r="I75" s="763"/>
      <c r="J75" s="763"/>
      <c r="K75" s="763"/>
      <c r="L75" s="763"/>
      <c r="M75" s="764"/>
      <c r="N75" s="1022" t="s">
        <v>27</v>
      </c>
      <c r="O75" s="1301" t="s">
        <v>24</v>
      </c>
      <c r="P75" s="1301" t="s">
        <v>25</v>
      </c>
      <c r="Q75" s="1302" t="s">
        <v>22</v>
      </c>
      <c r="R75" s="772"/>
      <c r="T75" s="56"/>
      <c r="U75" s="14"/>
      <c r="V75" s="106"/>
      <c r="W75" s="106"/>
      <c r="X75" s="106"/>
      <c r="Y75" s="98"/>
      <c r="Z75" s="98"/>
      <c r="AA75" s="98"/>
      <c r="AB75" s="98"/>
      <c r="AC75" s="98"/>
      <c r="AD75" s="98"/>
      <c r="AE75" s="98"/>
      <c r="AF75" s="98"/>
      <c r="AG75" s="98"/>
      <c r="AH75" s="98"/>
      <c r="AI75" s="98"/>
      <c r="AJ75" s="98"/>
      <c r="AK75" s="98"/>
      <c r="AL75" s="98"/>
      <c r="AM75" s="98"/>
      <c r="AN75" s="98"/>
      <c r="AO75" s="106"/>
      <c r="AP75" s="106"/>
      <c r="AQ75" s="106"/>
      <c r="AR75" s="106"/>
      <c r="AS75" s="106"/>
      <c r="AT75" s="106"/>
      <c r="AU75" s="106"/>
      <c r="AV75" s="106"/>
      <c r="AW75" s="106"/>
      <c r="AX75" s="106"/>
      <c r="AY75" s="106"/>
      <c r="AZ75" s="106"/>
      <c r="BA75" s="106"/>
      <c r="BB75" s="106"/>
      <c r="BC75" s="106"/>
      <c r="BD75" s="106"/>
      <c r="BE75" s="106"/>
    </row>
    <row r="76" spans="1:57" s="57" customFormat="1" ht="241.95" customHeight="1" thickTop="1" thickBot="1" x14ac:dyDescent="0.25">
      <c r="A76" s="277" t="s">
        <v>518</v>
      </c>
      <c r="B76" s="278"/>
      <c r="C76" s="278"/>
      <c r="D76" s="278"/>
      <c r="E76" s="278"/>
      <c r="F76" s="278"/>
      <c r="G76" s="278"/>
      <c r="H76" s="278"/>
      <c r="I76" s="278"/>
      <c r="J76" s="278"/>
      <c r="K76" s="278"/>
      <c r="L76" s="278"/>
      <c r="M76" s="279"/>
      <c r="N76" s="1303" t="s">
        <v>27</v>
      </c>
      <c r="O76" s="1304" t="s">
        <v>24</v>
      </c>
      <c r="P76" s="760" t="s">
        <v>25</v>
      </c>
      <c r="Q76" s="761" t="s">
        <v>22</v>
      </c>
      <c r="R76" s="772"/>
      <c r="T76" s="56"/>
      <c r="U76" s="14"/>
      <c r="V76" s="106"/>
      <c r="W76" s="106"/>
      <c r="X76" s="106"/>
      <c r="Y76" s="98"/>
      <c r="Z76" s="98"/>
      <c r="AA76" s="98"/>
      <c r="AB76" s="98"/>
      <c r="AC76" s="98"/>
      <c r="AD76" s="98"/>
      <c r="AE76" s="98"/>
      <c r="AF76" s="98"/>
      <c r="AG76" s="98"/>
      <c r="AH76" s="98"/>
      <c r="AI76" s="98"/>
      <c r="AJ76" s="98"/>
      <c r="AK76" s="98"/>
      <c r="AL76" s="98"/>
      <c r="AM76" s="98"/>
      <c r="AN76" s="98"/>
      <c r="AO76" s="106"/>
      <c r="AP76" s="106"/>
      <c r="AQ76" s="106"/>
      <c r="AR76" s="106"/>
      <c r="AS76" s="106"/>
      <c r="AT76" s="106"/>
      <c r="AU76" s="106"/>
      <c r="AV76" s="106"/>
      <c r="AW76" s="106"/>
      <c r="AX76" s="106"/>
      <c r="AY76" s="106"/>
      <c r="AZ76" s="106"/>
      <c r="BA76" s="106"/>
      <c r="BB76" s="106"/>
      <c r="BC76" s="106"/>
      <c r="BD76" s="106"/>
      <c r="BE76" s="106"/>
    </row>
    <row r="77" spans="1:57" s="57" customFormat="1" ht="197.25" customHeight="1" thickTop="1" thickBot="1" x14ac:dyDescent="0.25">
      <c r="A77" s="1138" t="s">
        <v>519</v>
      </c>
      <c r="B77" s="1139"/>
      <c r="C77" s="1139"/>
      <c r="D77" s="1139"/>
      <c r="E77" s="1139"/>
      <c r="F77" s="1139"/>
      <c r="G77" s="1139"/>
      <c r="H77" s="1139"/>
      <c r="I77" s="1139"/>
      <c r="J77" s="1139"/>
      <c r="K77" s="1139"/>
      <c r="L77" s="1139"/>
      <c r="M77" s="1139"/>
      <c r="N77" s="1140"/>
      <c r="O77" s="765" t="s">
        <v>20</v>
      </c>
      <c r="P77" s="766" t="s">
        <v>25</v>
      </c>
      <c r="Q77" s="767" t="s">
        <v>22</v>
      </c>
      <c r="R77" s="55"/>
      <c r="T77" s="56"/>
      <c r="U77" s="14"/>
      <c r="V77" s="106"/>
      <c r="W77" s="106"/>
      <c r="X77" s="106"/>
      <c r="Y77" s="98"/>
      <c r="Z77" s="98"/>
      <c r="AA77" s="98"/>
      <c r="AB77" s="98"/>
      <c r="AC77" s="98"/>
      <c r="AD77" s="98"/>
      <c r="AE77" s="98"/>
      <c r="AF77" s="98"/>
      <c r="AG77" s="98"/>
      <c r="AH77" s="98"/>
      <c r="AI77" s="98"/>
      <c r="AJ77" s="98"/>
      <c r="AK77" s="98"/>
      <c r="AL77" s="98"/>
      <c r="AM77" s="98"/>
      <c r="AN77" s="98"/>
      <c r="AO77" s="106"/>
      <c r="AP77" s="106"/>
      <c r="AQ77" s="106"/>
      <c r="AR77" s="106"/>
      <c r="AS77" s="106"/>
      <c r="AT77" s="106"/>
      <c r="AU77" s="106"/>
      <c r="AV77" s="106"/>
      <c r="AW77" s="106"/>
      <c r="AX77" s="106"/>
      <c r="AY77" s="106"/>
      <c r="AZ77" s="106"/>
      <c r="BA77" s="106"/>
      <c r="BB77" s="106"/>
      <c r="BC77" s="106"/>
      <c r="BD77" s="106"/>
      <c r="BE77" s="106"/>
    </row>
    <row r="78" spans="1:57" s="18" customFormat="1" ht="69.900000000000006" customHeight="1" thickTop="1" x14ac:dyDescent="0.2">
      <c r="A78" s="70" t="s">
        <v>28</v>
      </c>
      <c r="B78" s="72"/>
      <c r="C78" s="72"/>
      <c r="D78" s="72"/>
      <c r="E78" s="72"/>
      <c r="F78" s="72"/>
      <c r="G78" s="72"/>
      <c r="H78" s="72"/>
      <c r="I78" s="72"/>
      <c r="J78" s="72"/>
      <c r="K78" s="72"/>
      <c r="L78" s="72"/>
      <c r="M78" s="72"/>
      <c r="N78" s="72"/>
      <c r="O78" s="72"/>
      <c r="P78" s="72"/>
      <c r="Q78" s="202"/>
      <c r="R78" s="768"/>
      <c r="S78" s="43"/>
      <c r="T78" s="74"/>
      <c r="U78" s="1141"/>
    </row>
    <row r="79" spans="1:57" s="57" customFormat="1" ht="48.6" x14ac:dyDescent="0.2">
      <c r="A79" s="1305"/>
      <c r="B79" s="1306"/>
      <c r="C79" s="1306"/>
      <c r="D79" s="1306"/>
      <c r="E79" s="1306"/>
      <c r="F79" s="1306"/>
      <c r="G79" s="1306"/>
      <c r="H79" s="1306"/>
      <c r="I79" s="1306"/>
      <c r="J79" s="1306"/>
      <c r="K79" s="1306"/>
      <c r="L79" s="1306"/>
      <c r="M79" s="1306"/>
      <c r="N79" s="1306"/>
      <c r="O79" s="1306"/>
      <c r="P79" s="1306"/>
      <c r="Q79" s="1307"/>
      <c r="R79" s="55"/>
      <c r="S79" s="43"/>
      <c r="T79" s="79"/>
      <c r="U79" s="1141"/>
    </row>
    <row r="80" spans="1:57" s="57" customFormat="1" ht="49.2" thickBot="1" x14ac:dyDescent="0.25">
      <c r="A80" s="1308"/>
      <c r="B80" s="1309"/>
      <c r="C80" s="1309"/>
      <c r="D80" s="1309"/>
      <c r="E80" s="1309"/>
      <c r="F80" s="1309"/>
      <c r="G80" s="1309"/>
      <c r="H80" s="1309"/>
      <c r="I80" s="1309"/>
      <c r="J80" s="1309"/>
      <c r="K80" s="1309"/>
      <c r="L80" s="1309"/>
      <c r="M80" s="1309"/>
      <c r="N80" s="1309"/>
      <c r="O80" s="1309"/>
      <c r="P80" s="1309"/>
      <c r="Q80" s="1310"/>
      <c r="R80" s="772"/>
      <c r="S80" s="43"/>
      <c r="T80" s="136"/>
      <c r="U80" s="1141"/>
    </row>
    <row r="81" spans="1:57" s="546" customFormat="1" ht="69.900000000000006" customHeight="1" thickBot="1" x14ac:dyDescent="0.25">
      <c r="A81" s="773" t="s">
        <v>429</v>
      </c>
      <c r="B81" s="774"/>
      <c r="C81" s="774"/>
      <c r="D81" s="774"/>
      <c r="E81" s="774"/>
      <c r="F81" s="774"/>
      <c r="G81" s="774"/>
      <c r="H81" s="774"/>
      <c r="I81" s="774"/>
      <c r="J81" s="774"/>
      <c r="K81" s="774"/>
      <c r="L81" s="774"/>
      <c r="M81" s="774"/>
      <c r="N81" s="774"/>
      <c r="O81" s="774"/>
      <c r="P81" s="774"/>
      <c r="Q81" s="775"/>
      <c r="R81" s="1068"/>
      <c r="S81" s="561"/>
      <c r="T81" s="555"/>
      <c r="U81" s="596"/>
      <c r="V81" s="596"/>
      <c r="W81" s="596"/>
      <c r="X81" s="596"/>
      <c r="Y81" s="600"/>
      <c r="Z81" s="600"/>
      <c r="AA81" s="600"/>
      <c r="AB81" s="600"/>
      <c r="AC81" s="600"/>
      <c r="AD81" s="600"/>
      <c r="AE81" s="600"/>
      <c r="AF81" s="600"/>
      <c r="AG81" s="600"/>
      <c r="AH81" s="600"/>
      <c r="AI81" s="600"/>
      <c r="AJ81" s="600"/>
      <c r="AK81" s="600"/>
      <c r="AL81" s="600"/>
      <c r="AM81" s="600"/>
      <c r="AN81" s="600"/>
      <c r="AO81" s="596"/>
      <c r="AP81" s="596"/>
      <c r="AQ81" s="596"/>
      <c r="AR81" s="596"/>
      <c r="AS81" s="596"/>
      <c r="AT81" s="596"/>
      <c r="AU81" s="596"/>
      <c r="AV81" s="596"/>
      <c r="AW81" s="596"/>
      <c r="AX81" s="596"/>
      <c r="AY81" s="596"/>
      <c r="AZ81" s="596"/>
      <c r="BA81" s="596"/>
      <c r="BB81" s="596"/>
      <c r="BC81" s="596"/>
      <c r="BD81" s="596"/>
      <c r="BE81" s="596"/>
    </row>
    <row r="82" spans="1:57" s="546" customFormat="1" ht="69.900000000000006" customHeight="1" thickBot="1" x14ac:dyDescent="0.25">
      <c r="A82" s="584" t="s">
        <v>520</v>
      </c>
      <c r="B82" s="585"/>
      <c r="C82" s="585"/>
      <c r="D82" s="585"/>
      <c r="E82" s="585"/>
      <c r="F82" s="585"/>
      <c r="G82" s="585"/>
      <c r="H82" s="585"/>
      <c r="I82" s="585"/>
      <c r="J82" s="585"/>
      <c r="K82" s="585"/>
      <c r="L82" s="586"/>
      <c r="M82" s="585"/>
      <c r="N82" s="585"/>
      <c r="O82" s="585"/>
      <c r="P82" s="585"/>
      <c r="Q82" s="587"/>
      <c r="R82" s="1028"/>
      <c r="S82" s="561"/>
      <c r="T82" s="595"/>
      <c r="U82" s="596"/>
      <c r="V82" s="596"/>
      <c r="W82" s="596"/>
      <c r="X82" s="596"/>
      <c r="Y82" s="596"/>
      <c r="Z82" s="596"/>
      <c r="AA82" s="596"/>
      <c r="AB82" s="596"/>
      <c r="AC82" s="596"/>
      <c r="AD82" s="596"/>
      <c r="AE82" s="596"/>
      <c r="AF82" s="596"/>
      <c r="AG82" s="596"/>
      <c r="AH82" s="596"/>
      <c r="AI82" s="596"/>
      <c r="AJ82" s="596"/>
      <c r="AK82" s="596"/>
      <c r="AL82" s="596"/>
      <c r="AM82" s="596"/>
      <c r="AN82" s="596"/>
      <c r="AO82" s="596"/>
      <c r="AP82" s="596"/>
      <c r="AQ82" s="596"/>
      <c r="AR82" s="596"/>
      <c r="AS82" s="596"/>
      <c r="AT82" s="596"/>
      <c r="AU82" s="596"/>
      <c r="AV82" s="596"/>
      <c r="AW82" s="596"/>
      <c r="AX82" s="596"/>
      <c r="AY82" s="596"/>
      <c r="AZ82" s="596"/>
      <c r="BA82" s="596"/>
      <c r="BB82" s="596"/>
      <c r="BC82" s="596"/>
      <c r="BD82" s="596"/>
      <c r="BE82" s="596"/>
    </row>
    <row r="83" spans="1:57" s="570" customFormat="1" ht="389.4" customHeight="1" thickTop="1" thickBot="1" x14ac:dyDescent="0.25">
      <c r="A83" s="669" t="s">
        <v>521</v>
      </c>
      <c r="B83" s="679"/>
      <c r="C83" s="679"/>
      <c r="D83" s="679"/>
      <c r="E83" s="679"/>
      <c r="F83" s="679"/>
      <c r="G83" s="679"/>
      <c r="H83" s="679"/>
      <c r="I83" s="679"/>
      <c r="J83" s="679"/>
      <c r="K83" s="679"/>
      <c r="L83" s="196"/>
      <c r="M83" s="679"/>
      <c r="N83" s="679"/>
      <c r="O83" s="1290" t="s">
        <v>20</v>
      </c>
      <c r="P83" s="999" t="s">
        <v>21</v>
      </c>
      <c r="Q83" s="1000" t="s">
        <v>22</v>
      </c>
      <c r="R83" s="1028"/>
      <c r="S83" s="561"/>
      <c r="T83" s="569"/>
      <c r="U83" s="596"/>
      <c r="V83" s="600"/>
      <c r="W83" s="600"/>
      <c r="X83" s="600"/>
      <c r="Y83" s="596"/>
      <c r="Z83" s="596"/>
      <c r="AA83" s="596"/>
      <c r="AB83" s="596"/>
      <c r="AC83" s="596"/>
      <c r="AD83" s="596"/>
      <c r="AE83" s="596"/>
      <c r="AF83" s="596"/>
      <c r="AG83" s="596"/>
      <c r="AH83" s="596"/>
      <c r="AI83" s="596"/>
      <c r="AJ83" s="596"/>
      <c r="AK83" s="596"/>
      <c r="AL83" s="596"/>
      <c r="AM83" s="596"/>
      <c r="AN83" s="596"/>
      <c r="AO83" s="600"/>
      <c r="AP83" s="600"/>
      <c r="AQ83" s="600"/>
      <c r="AR83" s="600"/>
      <c r="AS83" s="600"/>
      <c r="AT83" s="600"/>
      <c r="AU83" s="600"/>
      <c r="AV83" s="600"/>
      <c r="AW83" s="600"/>
      <c r="AX83" s="600"/>
      <c r="AY83" s="600"/>
      <c r="AZ83" s="600"/>
      <c r="BA83" s="600"/>
      <c r="BB83" s="600"/>
      <c r="BC83" s="600"/>
      <c r="BD83" s="600"/>
      <c r="BE83" s="600"/>
    </row>
    <row r="84" spans="1:57" s="546" customFormat="1" ht="69.900000000000006" customHeight="1" thickTop="1" x14ac:dyDescent="0.2">
      <c r="A84" s="692" t="s">
        <v>55</v>
      </c>
      <c r="B84" s="693"/>
      <c r="C84" s="693"/>
      <c r="D84" s="693"/>
      <c r="E84" s="693"/>
      <c r="F84" s="693"/>
      <c r="G84" s="693"/>
      <c r="H84" s="693"/>
      <c r="I84" s="693"/>
      <c r="J84" s="693"/>
      <c r="K84" s="693"/>
      <c r="L84" s="694"/>
      <c r="M84" s="693"/>
      <c r="N84" s="693"/>
      <c r="O84" s="693"/>
      <c r="P84" s="693"/>
      <c r="Q84" s="695"/>
      <c r="R84" s="1068"/>
      <c r="S84" s="561"/>
      <c r="T84" s="199"/>
    </row>
    <row r="85" spans="1:57" s="546" customFormat="1" ht="69.900000000000006" customHeight="1" x14ac:dyDescent="0.2">
      <c r="A85" s="696" t="s">
        <v>74</v>
      </c>
      <c r="B85" s="697"/>
      <c r="C85" s="697"/>
      <c r="D85" s="697"/>
      <c r="E85" s="697"/>
      <c r="F85" s="697"/>
      <c r="G85" s="697"/>
      <c r="H85" s="697"/>
      <c r="I85" s="697"/>
      <c r="J85" s="697"/>
      <c r="K85" s="697"/>
      <c r="L85" s="697"/>
      <c r="M85" s="697"/>
      <c r="N85" s="697"/>
      <c r="O85" s="697"/>
      <c r="P85" s="697"/>
      <c r="Q85" s="698"/>
      <c r="R85" s="1068"/>
      <c r="S85" s="561"/>
      <c r="T85" s="199"/>
    </row>
    <row r="86" spans="1:57" s="570" customFormat="1" ht="69.599999999999994" customHeight="1" x14ac:dyDescent="0.2">
      <c r="A86" s="905" t="s">
        <v>99</v>
      </c>
      <c r="B86" s="906"/>
      <c r="C86" s="906"/>
      <c r="D86" s="906"/>
      <c r="E86" s="906"/>
      <c r="F86" s="906"/>
      <c r="G86" s="906"/>
      <c r="H86" s="906"/>
      <c r="I86" s="906"/>
      <c r="J86" s="906"/>
      <c r="K86" s="906"/>
      <c r="L86" s="906"/>
      <c r="M86" s="906"/>
      <c r="N86" s="906"/>
      <c r="O86" s="906"/>
      <c r="P86" s="906"/>
      <c r="Q86" s="907"/>
      <c r="R86" s="1028"/>
      <c r="S86" s="561"/>
      <c r="T86" s="595"/>
      <c r="U86" s="596"/>
      <c r="V86" s="600"/>
      <c r="W86" s="600"/>
      <c r="X86" s="600"/>
      <c r="Y86" s="600"/>
      <c r="Z86" s="600"/>
      <c r="AA86" s="600"/>
      <c r="AB86" s="600"/>
      <c r="AC86" s="600"/>
      <c r="AD86" s="600"/>
      <c r="AE86" s="600"/>
      <c r="AF86" s="600"/>
      <c r="AG86" s="600"/>
      <c r="AH86" s="600"/>
      <c r="AI86" s="600"/>
      <c r="AJ86" s="600"/>
      <c r="AK86" s="600"/>
      <c r="AL86" s="600"/>
      <c r="AM86" s="600"/>
      <c r="AN86" s="600"/>
      <c r="AO86" s="600"/>
      <c r="AP86" s="600"/>
      <c r="AQ86" s="600"/>
      <c r="AR86" s="600"/>
      <c r="AS86" s="600"/>
      <c r="AT86" s="600"/>
      <c r="AU86" s="600"/>
      <c r="AV86" s="600"/>
      <c r="AW86" s="600"/>
      <c r="AX86" s="600"/>
      <c r="AY86" s="600"/>
      <c r="AZ86" s="600"/>
      <c r="BA86" s="600"/>
      <c r="BB86" s="600"/>
      <c r="BC86" s="600"/>
      <c r="BD86" s="600"/>
      <c r="BE86" s="600"/>
    </row>
    <row r="87" spans="1:57" s="570" customFormat="1" ht="69.599999999999994" customHeight="1" x14ac:dyDescent="0.2">
      <c r="A87" s="779" t="s">
        <v>100</v>
      </c>
      <c r="B87" s="780"/>
      <c r="C87" s="780"/>
      <c r="D87" s="780"/>
      <c r="E87" s="780"/>
      <c r="F87" s="780"/>
      <c r="G87" s="780"/>
      <c r="H87" s="780"/>
      <c r="I87" s="780"/>
      <c r="J87" s="780"/>
      <c r="K87" s="780"/>
      <c r="L87" s="780"/>
      <c r="M87" s="780"/>
      <c r="N87" s="780"/>
      <c r="O87" s="780"/>
      <c r="P87" s="780"/>
      <c r="Q87" s="781"/>
      <c r="R87" s="1028"/>
      <c r="S87" s="561"/>
      <c r="T87" s="595"/>
      <c r="U87" s="596"/>
      <c r="V87" s="600"/>
      <c r="W87" s="600"/>
      <c r="X87" s="600"/>
      <c r="Y87" s="600"/>
      <c r="Z87" s="600"/>
      <c r="AA87" s="600"/>
      <c r="AB87" s="600"/>
      <c r="AC87" s="600"/>
      <c r="AD87" s="600"/>
      <c r="AE87" s="600"/>
      <c r="AF87" s="600"/>
      <c r="AG87" s="600"/>
      <c r="AH87" s="600"/>
      <c r="AI87" s="600"/>
      <c r="AJ87" s="600"/>
      <c r="AK87" s="600"/>
      <c r="AL87" s="600"/>
      <c r="AM87" s="600"/>
      <c r="AN87" s="600"/>
      <c r="AO87" s="600"/>
      <c r="AP87" s="600"/>
      <c r="AQ87" s="600"/>
      <c r="AR87" s="600"/>
      <c r="AS87" s="600"/>
      <c r="AT87" s="600"/>
      <c r="AU87" s="600"/>
      <c r="AV87" s="600"/>
      <c r="AW87" s="600"/>
      <c r="AX87" s="600"/>
      <c r="AY87" s="600"/>
      <c r="AZ87" s="600"/>
      <c r="BA87" s="600"/>
      <c r="BB87" s="600"/>
      <c r="BC87" s="600"/>
      <c r="BD87" s="600"/>
      <c r="BE87" s="600"/>
    </row>
    <row r="88" spans="1:57" s="546" customFormat="1" ht="69.900000000000006" customHeight="1" x14ac:dyDescent="0.2">
      <c r="A88" s="70" t="s">
        <v>28</v>
      </c>
      <c r="B88" s="72"/>
      <c r="C88" s="72"/>
      <c r="D88" s="72"/>
      <c r="E88" s="72"/>
      <c r="F88" s="72"/>
      <c r="G88" s="72"/>
      <c r="H88" s="72"/>
      <c r="I88" s="72"/>
      <c r="J88" s="72"/>
      <c r="K88" s="72"/>
      <c r="L88" s="72"/>
      <c r="M88" s="72"/>
      <c r="N88" s="72"/>
      <c r="O88" s="72"/>
      <c r="P88" s="72"/>
      <c r="Q88" s="202"/>
      <c r="R88" s="1068"/>
      <c r="S88" s="561"/>
      <c r="T88" s="199"/>
    </row>
    <row r="89" spans="1:57" s="570" customFormat="1" ht="75" customHeight="1" x14ac:dyDescent="0.2">
      <c r="A89" s="575"/>
      <c r="B89" s="576"/>
      <c r="C89" s="576"/>
      <c r="D89" s="576"/>
      <c r="E89" s="576"/>
      <c r="F89" s="576"/>
      <c r="G89" s="576"/>
      <c r="H89" s="576"/>
      <c r="I89" s="576"/>
      <c r="J89" s="576"/>
      <c r="K89" s="576"/>
      <c r="L89" s="577"/>
      <c r="M89" s="576"/>
      <c r="N89" s="576"/>
      <c r="O89" s="576"/>
      <c r="P89" s="576"/>
      <c r="Q89" s="578"/>
      <c r="R89" s="1028"/>
      <c r="S89" s="561"/>
      <c r="T89" s="579"/>
      <c r="U89" s="546"/>
    </row>
    <row r="90" spans="1:57" s="570" customFormat="1" ht="75" customHeight="1" thickBot="1" x14ac:dyDescent="0.25">
      <c r="A90" s="606"/>
      <c r="B90" s="607"/>
      <c r="C90" s="607"/>
      <c r="D90" s="607"/>
      <c r="E90" s="607"/>
      <c r="F90" s="607"/>
      <c r="G90" s="607"/>
      <c r="H90" s="607"/>
      <c r="I90" s="607"/>
      <c r="J90" s="607"/>
      <c r="K90" s="607"/>
      <c r="L90" s="608"/>
      <c r="M90" s="607"/>
      <c r="N90" s="607"/>
      <c r="O90" s="607"/>
      <c r="P90" s="607"/>
      <c r="Q90" s="609"/>
      <c r="R90" s="1028"/>
      <c r="S90" s="561"/>
      <c r="T90" s="579"/>
      <c r="U90" s="546"/>
    </row>
    <row r="91" spans="1:57" s="546" customFormat="1" ht="69.900000000000006" customHeight="1" thickBot="1" x14ac:dyDescent="0.25">
      <c r="A91" s="584" t="s">
        <v>522</v>
      </c>
      <c r="B91" s="585"/>
      <c r="C91" s="585"/>
      <c r="D91" s="585"/>
      <c r="E91" s="585"/>
      <c r="F91" s="585"/>
      <c r="G91" s="585"/>
      <c r="H91" s="585"/>
      <c r="I91" s="585"/>
      <c r="J91" s="585"/>
      <c r="K91" s="585"/>
      <c r="L91" s="586"/>
      <c r="M91" s="585"/>
      <c r="N91" s="585"/>
      <c r="O91" s="585"/>
      <c r="P91" s="585"/>
      <c r="Q91" s="587"/>
      <c r="R91" s="1028"/>
      <c r="S91" s="561"/>
      <c r="T91" s="595"/>
      <c r="U91" s="596"/>
      <c r="V91" s="596"/>
      <c r="W91" s="596"/>
      <c r="X91" s="596"/>
      <c r="Y91" s="600"/>
      <c r="Z91" s="600"/>
      <c r="AA91" s="600"/>
      <c r="AB91" s="600"/>
      <c r="AC91" s="600"/>
      <c r="AD91" s="600"/>
      <c r="AE91" s="600"/>
      <c r="AF91" s="600"/>
      <c r="AG91" s="600"/>
      <c r="AH91" s="600"/>
      <c r="AI91" s="600"/>
      <c r="AJ91" s="600"/>
      <c r="AK91" s="600"/>
      <c r="AL91" s="600"/>
      <c r="AM91" s="600"/>
      <c r="AN91" s="600"/>
      <c r="AO91" s="596"/>
      <c r="AP91" s="596"/>
      <c r="AQ91" s="596"/>
      <c r="AR91" s="596"/>
      <c r="AS91" s="596"/>
      <c r="AT91" s="596"/>
      <c r="AU91" s="596"/>
      <c r="AV91" s="596"/>
      <c r="AW91" s="596"/>
      <c r="AX91" s="596"/>
      <c r="AY91" s="596"/>
      <c r="AZ91" s="596"/>
      <c r="BA91" s="596"/>
      <c r="BB91" s="596"/>
      <c r="BC91" s="596"/>
      <c r="BD91" s="596"/>
      <c r="BE91" s="596"/>
    </row>
    <row r="92" spans="1:57" s="570" customFormat="1" ht="199.95" customHeight="1" thickTop="1" thickBot="1" x14ac:dyDescent="0.25">
      <c r="A92" s="729" t="s">
        <v>523</v>
      </c>
      <c r="B92" s="730"/>
      <c r="C92" s="730"/>
      <c r="D92" s="730"/>
      <c r="E92" s="730"/>
      <c r="F92" s="730"/>
      <c r="G92" s="730"/>
      <c r="H92" s="730"/>
      <c r="I92" s="730"/>
      <c r="J92" s="730"/>
      <c r="K92" s="730"/>
      <c r="L92" s="731"/>
      <c r="M92" s="730"/>
      <c r="N92" s="730"/>
      <c r="O92" s="1290" t="s">
        <v>20</v>
      </c>
      <c r="P92" s="999" t="s">
        <v>21</v>
      </c>
      <c r="Q92" s="1000" t="s">
        <v>22</v>
      </c>
      <c r="R92" s="1028"/>
      <c r="S92" s="561"/>
      <c r="T92" s="569"/>
      <c r="U92" s="596"/>
      <c r="V92" s="600"/>
      <c r="W92" s="600"/>
      <c r="X92" s="600"/>
      <c r="Y92" s="600"/>
      <c r="Z92" s="600"/>
      <c r="AA92" s="600"/>
      <c r="AB92" s="600"/>
      <c r="AC92" s="600"/>
      <c r="AD92" s="600"/>
      <c r="AE92" s="600"/>
      <c r="AF92" s="600"/>
      <c r="AG92" s="600"/>
      <c r="AH92" s="600"/>
      <c r="AI92" s="600"/>
      <c r="AJ92" s="600"/>
      <c r="AK92" s="600"/>
      <c r="AL92" s="600"/>
      <c r="AM92" s="600"/>
      <c r="AN92" s="600"/>
      <c r="AO92" s="600"/>
      <c r="AP92" s="600"/>
      <c r="AQ92" s="600"/>
      <c r="AR92" s="600"/>
      <c r="AS92" s="600"/>
      <c r="AT92" s="600"/>
      <c r="AU92" s="600"/>
      <c r="AV92" s="600"/>
      <c r="AW92" s="600"/>
      <c r="AX92" s="600"/>
      <c r="AY92" s="600"/>
      <c r="AZ92" s="600"/>
      <c r="BA92" s="600"/>
      <c r="BB92" s="600"/>
      <c r="BC92" s="600"/>
      <c r="BD92" s="600"/>
      <c r="BE92" s="600"/>
    </row>
    <row r="93" spans="1:57" s="546" customFormat="1" ht="69.900000000000006" customHeight="1" thickTop="1" x14ac:dyDescent="0.2">
      <c r="A93" s="70" t="s">
        <v>28</v>
      </c>
      <c r="B93" s="72"/>
      <c r="C93" s="72"/>
      <c r="D93" s="72"/>
      <c r="E93" s="72"/>
      <c r="F93" s="72"/>
      <c r="G93" s="72"/>
      <c r="H93" s="72"/>
      <c r="I93" s="72"/>
      <c r="J93" s="72"/>
      <c r="K93" s="72"/>
      <c r="L93" s="72"/>
      <c r="M93" s="72"/>
      <c r="N93" s="72"/>
      <c r="O93" s="72"/>
      <c r="P93" s="72"/>
      <c r="Q93" s="202"/>
      <c r="R93" s="1068"/>
      <c r="S93" s="561"/>
      <c r="T93" s="199"/>
    </row>
    <row r="94" spans="1:57" s="570" customFormat="1" ht="75" customHeight="1" x14ac:dyDescent="0.2">
      <c r="A94" s="575"/>
      <c r="B94" s="576"/>
      <c r="C94" s="576"/>
      <c r="D94" s="576"/>
      <c r="E94" s="576"/>
      <c r="F94" s="576"/>
      <c r="G94" s="576"/>
      <c r="H94" s="576"/>
      <c r="I94" s="576"/>
      <c r="J94" s="576"/>
      <c r="K94" s="576"/>
      <c r="L94" s="577"/>
      <c r="M94" s="576"/>
      <c r="N94" s="576"/>
      <c r="O94" s="576"/>
      <c r="P94" s="576"/>
      <c r="Q94" s="578"/>
      <c r="R94" s="1028"/>
      <c r="S94" s="561"/>
      <c r="T94" s="579"/>
      <c r="U94" s="546"/>
    </row>
    <row r="95" spans="1:57" s="570" customFormat="1" ht="75" customHeight="1" thickBot="1" x14ac:dyDescent="0.25">
      <c r="A95" s="606"/>
      <c r="B95" s="607"/>
      <c r="C95" s="607"/>
      <c r="D95" s="607"/>
      <c r="E95" s="607"/>
      <c r="F95" s="607"/>
      <c r="G95" s="607"/>
      <c r="H95" s="607"/>
      <c r="I95" s="607"/>
      <c r="J95" s="607"/>
      <c r="K95" s="607"/>
      <c r="L95" s="608"/>
      <c r="M95" s="607"/>
      <c r="N95" s="607"/>
      <c r="O95" s="607"/>
      <c r="P95" s="607"/>
      <c r="Q95" s="609"/>
      <c r="R95" s="1028"/>
      <c r="S95" s="561"/>
      <c r="T95" s="579"/>
      <c r="U95" s="546"/>
    </row>
    <row r="96" spans="1:57" s="546" customFormat="1" ht="69.900000000000006" customHeight="1" thickBot="1" x14ac:dyDescent="0.25">
      <c r="A96" s="584" t="s">
        <v>524</v>
      </c>
      <c r="B96" s="585"/>
      <c r="C96" s="585"/>
      <c r="D96" s="585"/>
      <c r="E96" s="585"/>
      <c r="F96" s="585"/>
      <c r="G96" s="585"/>
      <c r="H96" s="585"/>
      <c r="I96" s="585"/>
      <c r="J96" s="585"/>
      <c r="K96" s="585"/>
      <c r="L96" s="586"/>
      <c r="M96" s="585"/>
      <c r="N96" s="585"/>
      <c r="O96" s="585"/>
      <c r="P96" s="585"/>
      <c r="Q96" s="587"/>
      <c r="R96" s="1028"/>
      <c r="S96" s="561"/>
      <c r="T96" s="595"/>
      <c r="U96" s="596"/>
      <c r="V96" s="596"/>
      <c r="W96" s="596"/>
      <c r="X96" s="596"/>
      <c r="Y96" s="596"/>
      <c r="Z96" s="596"/>
      <c r="AA96" s="596"/>
      <c r="AB96" s="596"/>
      <c r="AC96" s="596"/>
      <c r="AD96" s="596"/>
      <c r="AE96" s="596"/>
      <c r="AF96" s="596"/>
      <c r="AG96" s="596"/>
      <c r="AH96" s="596"/>
      <c r="AI96" s="596"/>
      <c r="AJ96" s="596"/>
      <c r="AK96" s="596"/>
      <c r="AL96" s="596"/>
      <c r="AM96" s="596"/>
      <c r="AN96" s="596"/>
      <c r="AO96" s="596"/>
      <c r="AP96" s="596"/>
      <c r="AQ96" s="596"/>
      <c r="AR96" s="596"/>
      <c r="AS96" s="596"/>
      <c r="AT96" s="596"/>
      <c r="AU96" s="596"/>
      <c r="AV96" s="596"/>
      <c r="AW96" s="596"/>
      <c r="AX96" s="596"/>
      <c r="AY96" s="596"/>
      <c r="AZ96" s="596"/>
      <c r="BA96" s="596"/>
      <c r="BB96" s="596"/>
      <c r="BC96" s="596"/>
      <c r="BD96" s="596"/>
      <c r="BE96" s="596"/>
    </row>
    <row r="97" spans="1:259" s="570" customFormat="1" ht="201" customHeight="1" thickTop="1" thickBot="1" x14ac:dyDescent="0.25">
      <c r="A97" s="669" t="s">
        <v>256</v>
      </c>
      <c r="B97" s="679"/>
      <c r="C97" s="679"/>
      <c r="D97" s="679"/>
      <c r="E97" s="679"/>
      <c r="F97" s="679"/>
      <c r="G97" s="679"/>
      <c r="H97" s="679"/>
      <c r="I97" s="679"/>
      <c r="J97" s="679"/>
      <c r="K97" s="679"/>
      <c r="L97" s="196"/>
      <c r="M97" s="679"/>
      <c r="N97" s="679"/>
      <c r="O97" s="1290" t="s">
        <v>20</v>
      </c>
      <c r="P97" s="999" t="s">
        <v>21</v>
      </c>
      <c r="Q97" s="1000" t="s">
        <v>22</v>
      </c>
      <c r="R97" s="1028"/>
      <c r="S97" s="561"/>
      <c r="T97" s="569"/>
      <c r="U97" s="596"/>
      <c r="V97" s="600"/>
      <c r="W97" s="600"/>
      <c r="X97" s="600"/>
      <c r="Y97" s="596"/>
      <c r="Z97" s="596"/>
      <c r="AA97" s="596"/>
      <c r="AB97" s="596"/>
      <c r="AC97" s="596"/>
      <c r="AD97" s="596"/>
      <c r="AE97" s="596"/>
      <c r="AF97" s="596"/>
      <c r="AG97" s="596"/>
      <c r="AH97" s="596"/>
      <c r="AI97" s="596"/>
      <c r="AJ97" s="596"/>
      <c r="AK97" s="596"/>
      <c r="AL97" s="596"/>
      <c r="AM97" s="596"/>
      <c r="AN97" s="596"/>
      <c r="AO97" s="600"/>
      <c r="AP97" s="600"/>
      <c r="AQ97" s="600"/>
      <c r="AR97" s="600"/>
      <c r="AS97" s="600"/>
      <c r="AT97" s="600"/>
      <c r="AU97" s="600"/>
      <c r="AV97" s="600"/>
      <c r="AW97" s="600"/>
      <c r="AX97" s="600"/>
      <c r="AY97" s="600"/>
      <c r="AZ97" s="600"/>
      <c r="BA97" s="600"/>
      <c r="BB97" s="600"/>
      <c r="BC97" s="600"/>
      <c r="BD97" s="600"/>
      <c r="BE97" s="600"/>
    </row>
    <row r="98" spans="1:259" s="546" customFormat="1" ht="69.900000000000006" customHeight="1" thickTop="1" x14ac:dyDescent="0.2">
      <c r="A98" s="692" t="s">
        <v>450</v>
      </c>
      <c r="B98" s="693"/>
      <c r="C98" s="693"/>
      <c r="D98" s="693"/>
      <c r="E98" s="693"/>
      <c r="F98" s="693"/>
      <c r="G98" s="693"/>
      <c r="H98" s="693"/>
      <c r="I98" s="693"/>
      <c r="J98" s="693"/>
      <c r="K98" s="693"/>
      <c r="L98" s="694"/>
      <c r="M98" s="693"/>
      <c r="N98" s="693"/>
      <c r="O98" s="693"/>
      <c r="P98" s="693"/>
      <c r="Q98" s="695"/>
      <c r="R98" s="1068"/>
      <c r="S98" s="561"/>
      <c r="T98" s="199"/>
    </row>
    <row r="99" spans="1:259" s="546" customFormat="1" ht="69.900000000000006" customHeight="1" x14ac:dyDescent="0.2">
      <c r="A99" s="696" t="s">
        <v>106</v>
      </c>
      <c r="B99" s="697"/>
      <c r="C99" s="697"/>
      <c r="D99" s="697"/>
      <c r="E99" s="697"/>
      <c r="F99" s="697"/>
      <c r="G99" s="697"/>
      <c r="H99" s="697"/>
      <c r="I99" s="697"/>
      <c r="J99" s="697"/>
      <c r="K99" s="697"/>
      <c r="L99" s="697"/>
      <c r="M99" s="697"/>
      <c r="N99" s="697"/>
      <c r="O99" s="697"/>
      <c r="P99" s="697"/>
      <c r="Q99" s="698"/>
      <c r="R99" s="198"/>
      <c r="S99" s="187"/>
      <c r="T99" s="199"/>
      <c r="U99" s="201"/>
      <c r="V99" s="201"/>
      <c r="W99" s="201"/>
      <c r="X99" s="201"/>
      <c r="Y99" s="201"/>
      <c r="Z99" s="201"/>
      <c r="AA99" s="201"/>
      <c r="AB99" s="201"/>
      <c r="AC99" s="201"/>
      <c r="AD99" s="201"/>
      <c r="AE99" s="201"/>
      <c r="AF99" s="201"/>
      <c r="AG99" s="201"/>
      <c r="AH99" s="201"/>
      <c r="AI99" s="201"/>
      <c r="AJ99" s="201"/>
      <c r="AK99" s="201"/>
      <c r="AL99" s="201"/>
      <c r="AM99" s="201"/>
      <c r="AN99" s="201"/>
      <c r="AO99" s="201"/>
      <c r="AP99" s="201"/>
      <c r="AQ99" s="201"/>
      <c r="AR99" s="201"/>
      <c r="AS99" s="201"/>
      <c r="AT99" s="201"/>
      <c r="AU99" s="201"/>
      <c r="AV99" s="201"/>
      <c r="AW99" s="201"/>
      <c r="AX99" s="201"/>
      <c r="AY99" s="201"/>
      <c r="AZ99" s="201"/>
      <c r="BA99" s="201"/>
      <c r="BB99" s="201"/>
      <c r="BC99" s="201"/>
      <c r="BD99" s="201"/>
      <c r="BE99" s="201"/>
      <c r="BF99" s="201"/>
      <c r="BG99" s="201"/>
      <c r="BH99" s="201"/>
      <c r="BI99" s="201"/>
      <c r="BJ99" s="201"/>
      <c r="BK99" s="201"/>
      <c r="BL99" s="201"/>
      <c r="BM99" s="201"/>
      <c r="BN99" s="201"/>
      <c r="BO99" s="201"/>
      <c r="BP99" s="201"/>
      <c r="BQ99" s="201"/>
      <c r="BR99" s="201"/>
      <c r="BS99" s="201"/>
      <c r="BT99" s="201"/>
      <c r="BU99" s="201"/>
      <c r="BV99" s="201"/>
      <c r="BW99" s="201"/>
      <c r="BX99" s="201"/>
      <c r="BY99" s="201"/>
      <c r="BZ99" s="201"/>
      <c r="CA99" s="201"/>
      <c r="CB99" s="201"/>
      <c r="CC99" s="201"/>
      <c r="CD99" s="201"/>
      <c r="CE99" s="201"/>
      <c r="CF99" s="201"/>
      <c r="CG99" s="201"/>
      <c r="CH99" s="201"/>
      <c r="CI99" s="201"/>
      <c r="CJ99" s="201"/>
      <c r="CK99" s="201"/>
      <c r="CL99" s="201"/>
      <c r="CM99" s="201"/>
      <c r="CN99" s="201"/>
      <c r="CO99" s="201"/>
      <c r="CP99" s="201"/>
      <c r="CQ99" s="201"/>
      <c r="CR99" s="201"/>
      <c r="CS99" s="201"/>
      <c r="CT99" s="201"/>
      <c r="CU99" s="201"/>
      <c r="CV99" s="201"/>
      <c r="CW99" s="201"/>
      <c r="CX99" s="201"/>
      <c r="CY99" s="201"/>
      <c r="CZ99" s="201"/>
      <c r="DA99" s="201"/>
      <c r="DB99" s="201"/>
      <c r="DC99" s="201"/>
      <c r="DD99" s="201"/>
      <c r="DE99" s="201"/>
      <c r="DF99" s="201"/>
      <c r="DG99" s="201"/>
      <c r="DH99" s="201"/>
      <c r="DI99" s="201"/>
      <c r="DJ99" s="201"/>
      <c r="DK99" s="201"/>
      <c r="DL99" s="201"/>
      <c r="DM99" s="201"/>
      <c r="DN99" s="201"/>
      <c r="DO99" s="201"/>
      <c r="DP99" s="201"/>
      <c r="DQ99" s="201"/>
      <c r="DR99" s="201"/>
      <c r="DS99" s="201"/>
      <c r="DT99" s="201"/>
      <c r="DU99" s="201"/>
      <c r="DV99" s="201"/>
      <c r="DW99" s="201"/>
      <c r="DX99" s="201"/>
      <c r="DY99" s="201"/>
      <c r="DZ99" s="201"/>
      <c r="EA99" s="201"/>
      <c r="EB99" s="201"/>
      <c r="EC99" s="201"/>
      <c r="ED99" s="201"/>
      <c r="EE99" s="201"/>
      <c r="EF99" s="201"/>
      <c r="EG99" s="201"/>
      <c r="EH99" s="201"/>
      <c r="EI99" s="201"/>
      <c r="EJ99" s="201"/>
      <c r="EK99" s="201"/>
      <c r="EL99" s="201"/>
      <c r="EM99" s="201"/>
      <c r="EN99" s="201"/>
      <c r="EO99" s="201"/>
      <c r="EP99" s="201"/>
      <c r="EQ99" s="201"/>
      <c r="ER99" s="201"/>
      <c r="ES99" s="201"/>
      <c r="ET99" s="201"/>
      <c r="EU99" s="201"/>
      <c r="EV99" s="201"/>
      <c r="EW99" s="201"/>
      <c r="EX99" s="201"/>
      <c r="EY99" s="201"/>
      <c r="EZ99" s="201"/>
      <c r="FA99" s="201"/>
      <c r="FB99" s="201"/>
      <c r="FC99" s="201"/>
      <c r="FD99" s="201"/>
      <c r="FE99" s="201"/>
      <c r="FF99" s="201"/>
      <c r="FG99" s="201"/>
      <c r="FH99" s="201"/>
      <c r="FI99" s="201"/>
      <c r="FJ99" s="201"/>
      <c r="FK99" s="201"/>
      <c r="FL99" s="201"/>
      <c r="FM99" s="201"/>
      <c r="FN99" s="201"/>
      <c r="FO99" s="201"/>
      <c r="FP99" s="201"/>
      <c r="FQ99" s="201"/>
      <c r="FR99" s="201"/>
      <c r="FS99" s="201"/>
      <c r="FT99" s="201"/>
      <c r="FU99" s="201"/>
      <c r="FV99" s="201"/>
      <c r="FW99" s="201"/>
      <c r="FX99" s="201"/>
      <c r="FY99" s="201"/>
      <c r="FZ99" s="201"/>
      <c r="GA99" s="201"/>
      <c r="GB99" s="201"/>
      <c r="GC99" s="201"/>
      <c r="GD99" s="201"/>
      <c r="GE99" s="201"/>
      <c r="GF99" s="201"/>
      <c r="GG99" s="201"/>
      <c r="GH99" s="201"/>
      <c r="GI99" s="201"/>
      <c r="GJ99" s="201"/>
      <c r="GK99" s="201"/>
      <c r="GL99" s="201"/>
      <c r="GM99" s="201"/>
      <c r="GN99" s="201"/>
      <c r="GO99" s="201"/>
      <c r="GP99" s="201"/>
      <c r="GQ99" s="201"/>
      <c r="GR99" s="201"/>
      <c r="GS99" s="201"/>
      <c r="GT99" s="201"/>
      <c r="GU99" s="201"/>
      <c r="GV99" s="201"/>
      <c r="GW99" s="201"/>
      <c r="GX99" s="201"/>
      <c r="GY99" s="201"/>
      <c r="GZ99" s="201"/>
      <c r="HA99" s="201"/>
      <c r="HB99" s="201"/>
      <c r="HC99" s="201"/>
      <c r="HD99" s="201"/>
      <c r="HE99" s="201"/>
      <c r="HF99" s="201"/>
      <c r="HG99" s="201"/>
      <c r="HH99" s="201"/>
      <c r="HI99" s="201"/>
      <c r="HJ99" s="201"/>
      <c r="HK99" s="201"/>
      <c r="HL99" s="201"/>
      <c r="HM99" s="201"/>
      <c r="HN99" s="201"/>
      <c r="HO99" s="201"/>
      <c r="HP99" s="201"/>
      <c r="HQ99" s="201"/>
      <c r="HR99" s="201"/>
      <c r="HS99" s="201"/>
      <c r="HT99" s="201"/>
      <c r="HU99" s="201"/>
      <c r="HV99" s="201"/>
      <c r="HW99" s="201"/>
      <c r="HX99" s="201"/>
      <c r="HY99" s="201"/>
      <c r="HZ99" s="201"/>
      <c r="IA99" s="201"/>
      <c r="IB99" s="201"/>
      <c r="IC99" s="201"/>
      <c r="ID99" s="201"/>
      <c r="IE99" s="201"/>
      <c r="IF99" s="201"/>
      <c r="IG99" s="201"/>
      <c r="IH99" s="201"/>
      <c r="II99" s="201"/>
      <c r="IJ99" s="201"/>
      <c r="IK99" s="201"/>
      <c r="IL99" s="201"/>
      <c r="IM99" s="201"/>
      <c r="IN99" s="201"/>
      <c r="IO99" s="201"/>
      <c r="IP99" s="201"/>
      <c r="IQ99" s="201"/>
      <c r="IR99" s="201"/>
      <c r="IS99" s="201"/>
      <c r="IT99" s="201"/>
      <c r="IU99" s="201"/>
      <c r="IV99" s="201"/>
      <c r="IW99" s="201"/>
      <c r="IX99" s="201"/>
      <c r="IY99" s="201"/>
    </row>
    <row r="100" spans="1:259" s="570" customFormat="1" ht="69.599999999999994" customHeight="1" x14ac:dyDescent="0.2">
      <c r="A100" s="1311" t="s">
        <v>107</v>
      </c>
      <c r="B100" s="1312"/>
      <c r="C100" s="1312"/>
      <c r="D100" s="1312"/>
      <c r="E100" s="1312"/>
      <c r="F100" s="1312"/>
      <c r="G100" s="1312"/>
      <c r="H100" s="1312"/>
      <c r="I100" s="1312"/>
      <c r="J100" s="1312"/>
      <c r="K100" s="1312"/>
      <c r="L100" s="1312"/>
      <c r="M100" s="1312"/>
      <c r="N100" s="1312"/>
      <c r="O100" s="1312"/>
      <c r="P100" s="1312"/>
      <c r="Q100" s="1313"/>
      <c r="R100" s="1028"/>
      <c r="S100" s="561"/>
      <c r="T100" s="595"/>
      <c r="U100" s="596"/>
      <c r="V100" s="600"/>
      <c r="W100" s="600"/>
      <c r="X100" s="600"/>
      <c r="Y100" s="600"/>
      <c r="Z100" s="600"/>
      <c r="AA100" s="600"/>
      <c r="AB100" s="600"/>
      <c r="AC100" s="600"/>
      <c r="AD100" s="600"/>
      <c r="AE100" s="600"/>
      <c r="AF100" s="600"/>
      <c r="AG100" s="600"/>
      <c r="AH100" s="600"/>
      <c r="AI100" s="600"/>
      <c r="AJ100" s="600"/>
      <c r="AK100" s="600"/>
      <c r="AL100" s="600"/>
      <c r="AM100" s="600"/>
      <c r="AN100" s="600"/>
      <c r="AO100" s="600"/>
      <c r="AP100" s="600"/>
      <c r="AQ100" s="600"/>
      <c r="AR100" s="600"/>
      <c r="AS100" s="600"/>
      <c r="AT100" s="600"/>
      <c r="AU100" s="600"/>
      <c r="AV100" s="600"/>
      <c r="AW100" s="600"/>
      <c r="AX100" s="600"/>
      <c r="AY100" s="600"/>
      <c r="AZ100" s="600"/>
      <c r="BA100" s="600"/>
      <c r="BB100" s="600"/>
      <c r="BC100" s="600"/>
      <c r="BD100" s="600"/>
      <c r="BE100" s="600"/>
    </row>
    <row r="101" spans="1:259" s="570" customFormat="1" ht="69.599999999999994" customHeight="1" x14ac:dyDescent="0.2">
      <c r="A101" s="779" t="s">
        <v>100</v>
      </c>
      <c r="B101" s="780"/>
      <c r="C101" s="780"/>
      <c r="D101" s="780"/>
      <c r="E101" s="780"/>
      <c r="F101" s="780"/>
      <c r="G101" s="780"/>
      <c r="H101" s="780"/>
      <c r="I101" s="780"/>
      <c r="J101" s="780"/>
      <c r="K101" s="780"/>
      <c r="L101" s="780"/>
      <c r="M101" s="780"/>
      <c r="N101" s="780"/>
      <c r="O101" s="780"/>
      <c r="P101" s="780"/>
      <c r="Q101" s="781"/>
      <c r="R101" s="1028"/>
      <c r="S101" s="561"/>
      <c r="T101" s="595"/>
      <c r="U101" s="596"/>
      <c r="V101" s="600"/>
      <c r="W101" s="600"/>
      <c r="X101" s="600"/>
      <c r="Y101" s="600"/>
      <c r="Z101" s="600"/>
      <c r="AA101" s="600"/>
      <c r="AB101" s="600"/>
      <c r="AC101" s="600"/>
      <c r="AD101" s="600"/>
      <c r="AE101" s="600"/>
      <c r="AF101" s="600"/>
      <c r="AG101" s="600"/>
      <c r="AH101" s="600"/>
      <c r="AI101" s="600"/>
      <c r="AJ101" s="600"/>
      <c r="AK101" s="600"/>
      <c r="AL101" s="600"/>
      <c r="AM101" s="600"/>
      <c r="AN101" s="600"/>
      <c r="AO101" s="600"/>
      <c r="AP101" s="600"/>
      <c r="AQ101" s="600"/>
      <c r="AR101" s="600"/>
      <c r="AS101" s="600"/>
      <c r="AT101" s="600"/>
      <c r="AU101" s="600"/>
      <c r="AV101" s="600"/>
      <c r="AW101" s="600"/>
      <c r="AX101" s="600"/>
      <c r="AY101" s="600"/>
      <c r="AZ101" s="600"/>
      <c r="BA101" s="600"/>
      <c r="BB101" s="600"/>
      <c r="BC101" s="600"/>
      <c r="BD101" s="600"/>
      <c r="BE101" s="600"/>
    </row>
    <row r="102" spans="1:259" s="546" customFormat="1" ht="69.900000000000006" customHeight="1" x14ac:dyDescent="0.2">
      <c r="A102" s="70" t="s">
        <v>28</v>
      </c>
      <c r="B102" s="72"/>
      <c r="C102" s="72"/>
      <c r="D102" s="72"/>
      <c r="E102" s="72"/>
      <c r="F102" s="72"/>
      <c r="G102" s="72"/>
      <c r="H102" s="72"/>
      <c r="I102" s="72"/>
      <c r="J102" s="72"/>
      <c r="K102" s="72"/>
      <c r="L102" s="72"/>
      <c r="M102" s="72"/>
      <c r="N102" s="72"/>
      <c r="O102" s="72"/>
      <c r="P102" s="72"/>
      <c r="Q102" s="202"/>
      <c r="R102" s="1068"/>
      <c r="S102" s="561"/>
      <c r="T102" s="199"/>
    </row>
    <row r="103" spans="1:259" s="570" customFormat="1" ht="75" customHeight="1" x14ac:dyDescent="0.2">
      <c r="A103" s="575"/>
      <c r="B103" s="576"/>
      <c r="C103" s="576"/>
      <c r="D103" s="576"/>
      <c r="E103" s="576"/>
      <c r="F103" s="576"/>
      <c r="G103" s="576"/>
      <c r="H103" s="576"/>
      <c r="I103" s="576"/>
      <c r="J103" s="576"/>
      <c r="K103" s="576"/>
      <c r="L103" s="577"/>
      <c r="M103" s="576"/>
      <c r="N103" s="576"/>
      <c r="O103" s="576"/>
      <c r="P103" s="576"/>
      <c r="Q103" s="578"/>
      <c r="R103" s="1028"/>
      <c r="S103" s="561"/>
      <c r="T103" s="579"/>
      <c r="U103" s="546"/>
    </row>
    <row r="104" spans="1:259" s="570" customFormat="1" ht="75" customHeight="1" thickBot="1" x14ac:dyDescent="0.25">
      <c r="A104" s="606"/>
      <c r="B104" s="607"/>
      <c r="C104" s="607"/>
      <c r="D104" s="607"/>
      <c r="E104" s="607"/>
      <c r="F104" s="607"/>
      <c r="G104" s="607"/>
      <c r="H104" s="607"/>
      <c r="I104" s="607"/>
      <c r="J104" s="607"/>
      <c r="K104" s="607"/>
      <c r="L104" s="608"/>
      <c r="M104" s="607"/>
      <c r="N104" s="607"/>
      <c r="O104" s="607"/>
      <c r="P104" s="607"/>
      <c r="Q104" s="609"/>
      <c r="R104" s="1028"/>
      <c r="S104" s="561"/>
      <c r="T104" s="579"/>
      <c r="U104" s="546"/>
    </row>
    <row r="105" spans="1:259" s="546" customFormat="1" ht="69.900000000000006" customHeight="1" thickBot="1" x14ac:dyDescent="0.25">
      <c r="A105" s="724" t="s">
        <v>525</v>
      </c>
      <c r="B105" s="726"/>
      <c r="C105" s="726"/>
      <c r="D105" s="726"/>
      <c r="E105" s="726"/>
      <c r="F105" s="726"/>
      <c r="G105" s="726"/>
      <c r="H105" s="726"/>
      <c r="I105" s="726"/>
      <c r="J105" s="726"/>
      <c r="K105" s="726"/>
      <c r="L105" s="726"/>
      <c r="M105" s="726"/>
      <c r="N105" s="726"/>
      <c r="O105" s="726"/>
      <c r="P105" s="726"/>
      <c r="Q105" s="819"/>
      <c r="R105" s="1028"/>
      <c r="S105" s="561"/>
      <c r="T105" s="595"/>
      <c r="U105" s="596"/>
      <c r="V105" s="596"/>
      <c r="W105" s="596"/>
      <c r="X105" s="596"/>
      <c r="Y105" s="596"/>
      <c r="Z105" s="596"/>
      <c r="AA105" s="596"/>
      <c r="AB105" s="596"/>
      <c r="AC105" s="596"/>
      <c r="AD105" s="596"/>
      <c r="AE105" s="596"/>
      <c r="AF105" s="596"/>
      <c r="AG105" s="596"/>
      <c r="AH105" s="596"/>
      <c r="AI105" s="596"/>
      <c r="AJ105" s="596"/>
      <c r="AK105" s="596"/>
      <c r="AL105" s="596"/>
      <c r="AM105" s="596"/>
      <c r="AN105" s="596"/>
      <c r="AO105" s="596"/>
      <c r="AP105" s="596"/>
      <c r="AQ105" s="596"/>
      <c r="AR105" s="596"/>
      <c r="AS105" s="596"/>
      <c r="AT105" s="596"/>
      <c r="AU105" s="596"/>
      <c r="AV105" s="596"/>
      <c r="AW105" s="596"/>
      <c r="AX105" s="596"/>
      <c r="AY105" s="596"/>
      <c r="AZ105" s="596"/>
      <c r="BA105" s="596"/>
      <c r="BB105" s="596"/>
      <c r="BC105" s="596"/>
      <c r="BD105" s="596"/>
      <c r="BE105" s="596"/>
    </row>
    <row r="106" spans="1:259" s="570" customFormat="1" ht="199.95" customHeight="1" thickTop="1" thickBot="1" x14ac:dyDescent="0.25">
      <c r="A106" s="788" t="s">
        <v>258</v>
      </c>
      <c r="B106" s="690"/>
      <c r="C106" s="690"/>
      <c r="D106" s="690"/>
      <c r="E106" s="690"/>
      <c r="F106" s="690"/>
      <c r="G106" s="690"/>
      <c r="H106" s="690"/>
      <c r="I106" s="690"/>
      <c r="J106" s="690"/>
      <c r="K106" s="690"/>
      <c r="L106" s="690"/>
      <c r="M106" s="690"/>
      <c r="N106" s="789"/>
      <c r="O106" s="1298" t="s">
        <v>20</v>
      </c>
      <c r="P106" s="1298" t="s">
        <v>21</v>
      </c>
      <c r="Q106" s="1299" t="s">
        <v>22</v>
      </c>
      <c r="R106" s="1028"/>
      <c r="S106" s="561"/>
      <c r="T106" s="569"/>
      <c r="U106" s="596"/>
      <c r="V106" s="600"/>
      <c r="W106" s="600"/>
      <c r="X106" s="600"/>
      <c r="Y106" s="596"/>
      <c r="Z106" s="596"/>
      <c r="AA106" s="596"/>
      <c r="AB106" s="596"/>
      <c r="AC106" s="596"/>
      <c r="AD106" s="596"/>
      <c r="AE106" s="596"/>
      <c r="AF106" s="596"/>
      <c r="AG106" s="596"/>
      <c r="AH106" s="596"/>
      <c r="AI106" s="596"/>
      <c r="AJ106" s="596"/>
      <c r="AK106" s="596"/>
      <c r="AL106" s="596"/>
      <c r="AM106" s="596"/>
      <c r="AN106" s="596"/>
      <c r="AO106" s="600"/>
      <c r="AP106" s="600"/>
      <c r="AQ106" s="600"/>
      <c r="AR106" s="600"/>
      <c r="AS106" s="600"/>
      <c r="AT106" s="600"/>
      <c r="AU106" s="600"/>
      <c r="AV106" s="600"/>
      <c r="AW106" s="600"/>
      <c r="AX106" s="600"/>
      <c r="AY106" s="600"/>
      <c r="AZ106" s="600"/>
      <c r="BA106" s="600"/>
      <c r="BB106" s="600"/>
      <c r="BC106" s="600"/>
      <c r="BD106" s="600"/>
      <c r="BE106" s="600"/>
    </row>
    <row r="107" spans="1:259" s="201" customFormat="1" ht="69.900000000000006" customHeight="1" thickTop="1" x14ac:dyDescent="0.2">
      <c r="A107" s="790" t="s">
        <v>440</v>
      </c>
      <c r="B107" s="694"/>
      <c r="C107" s="694"/>
      <c r="D107" s="694"/>
      <c r="E107" s="694"/>
      <c r="F107" s="694"/>
      <c r="G107" s="694"/>
      <c r="H107" s="694"/>
      <c r="I107" s="694"/>
      <c r="J107" s="694"/>
      <c r="K107" s="694"/>
      <c r="L107" s="694"/>
      <c r="M107" s="694"/>
      <c r="N107" s="694"/>
      <c r="O107" s="694"/>
      <c r="P107" s="694"/>
      <c r="Q107" s="791"/>
      <c r="R107" s="198"/>
      <c r="S107" s="187"/>
      <c r="T107" s="199"/>
    </row>
    <row r="108" spans="1:259" s="201" customFormat="1" ht="69.900000000000006" customHeight="1" x14ac:dyDescent="0.2">
      <c r="A108" s="792" t="s">
        <v>106</v>
      </c>
      <c r="B108" s="793"/>
      <c r="C108" s="793"/>
      <c r="D108" s="793"/>
      <c r="E108" s="793"/>
      <c r="F108" s="793"/>
      <c r="G108" s="793"/>
      <c r="H108" s="793"/>
      <c r="I108" s="793"/>
      <c r="J108" s="793"/>
      <c r="K108" s="793"/>
      <c r="L108" s="793"/>
      <c r="M108" s="793"/>
      <c r="N108" s="793"/>
      <c r="O108" s="793"/>
      <c r="P108" s="793"/>
      <c r="Q108" s="794"/>
      <c r="R108" s="198"/>
      <c r="S108" s="187"/>
      <c r="T108" s="199"/>
    </row>
    <row r="109" spans="1:259" s="570" customFormat="1" ht="69.599999999999994" customHeight="1" x14ac:dyDescent="0.2">
      <c r="A109" s="742" t="s">
        <v>526</v>
      </c>
      <c r="B109" s="743"/>
      <c r="C109" s="743"/>
      <c r="D109" s="743"/>
      <c r="E109" s="743"/>
      <c r="F109" s="743"/>
      <c r="G109" s="743"/>
      <c r="H109" s="743"/>
      <c r="I109" s="743"/>
      <c r="J109" s="743"/>
      <c r="K109" s="743"/>
      <c r="L109" s="743"/>
      <c r="M109" s="743"/>
      <c r="N109" s="743"/>
      <c r="O109" s="743"/>
      <c r="P109" s="743"/>
      <c r="Q109" s="744"/>
      <c r="R109" s="1028"/>
      <c r="S109" s="561"/>
      <c r="T109" s="595"/>
      <c r="U109" s="596"/>
      <c r="V109" s="600"/>
      <c r="W109" s="600"/>
      <c r="X109" s="600"/>
      <c r="Y109" s="600"/>
      <c r="Z109" s="600"/>
      <c r="AA109" s="600"/>
      <c r="AB109" s="600"/>
      <c r="AC109" s="600"/>
      <c r="AD109" s="600"/>
      <c r="AE109" s="600"/>
      <c r="AF109" s="600"/>
      <c r="AG109" s="600"/>
      <c r="AH109" s="600"/>
      <c r="AI109" s="600"/>
      <c r="AJ109" s="600"/>
      <c r="AK109" s="600"/>
      <c r="AL109" s="600"/>
      <c r="AM109" s="600"/>
      <c r="AN109" s="600"/>
      <c r="AO109" s="600"/>
      <c r="AP109" s="600"/>
      <c r="AQ109" s="600"/>
      <c r="AR109" s="600"/>
      <c r="AS109" s="600"/>
      <c r="AT109" s="600"/>
      <c r="AU109" s="600"/>
      <c r="AV109" s="600"/>
      <c r="AW109" s="600"/>
      <c r="AX109" s="600"/>
      <c r="AY109" s="600"/>
      <c r="AZ109" s="600"/>
      <c r="BA109" s="600"/>
      <c r="BB109" s="600"/>
      <c r="BC109" s="600"/>
      <c r="BD109" s="600"/>
      <c r="BE109" s="600"/>
    </row>
    <row r="110" spans="1:259" s="570" customFormat="1" ht="69.599999999999994" customHeight="1" x14ac:dyDescent="0.2">
      <c r="A110" s="335" t="s">
        <v>100</v>
      </c>
      <c r="B110" s="336"/>
      <c r="C110" s="336"/>
      <c r="D110" s="336"/>
      <c r="E110" s="336"/>
      <c r="F110" s="336"/>
      <c r="G110" s="336"/>
      <c r="H110" s="336"/>
      <c r="I110" s="336"/>
      <c r="J110" s="336"/>
      <c r="K110" s="336"/>
      <c r="L110" s="336"/>
      <c r="M110" s="336"/>
      <c r="N110" s="336"/>
      <c r="O110" s="336"/>
      <c r="P110" s="336"/>
      <c r="Q110" s="337"/>
      <c r="R110" s="1028"/>
      <c r="S110" s="561"/>
      <c r="T110" s="595"/>
      <c r="U110" s="596"/>
      <c r="V110" s="600"/>
      <c r="W110" s="600"/>
      <c r="X110" s="600"/>
      <c r="Y110" s="600"/>
      <c r="Z110" s="600"/>
      <c r="AA110" s="600"/>
      <c r="AB110" s="600"/>
      <c r="AC110" s="600"/>
      <c r="AD110" s="600"/>
      <c r="AE110" s="600"/>
      <c r="AF110" s="600"/>
      <c r="AG110" s="600"/>
      <c r="AH110" s="600"/>
      <c r="AI110" s="600"/>
      <c r="AJ110" s="600"/>
      <c r="AK110" s="600"/>
      <c r="AL110" s="600"/>
      <c r="AM110" s="600"/>
      <c r="AN110" s="600"/>
      <c r="AO110" s="600"/>
      <c r="AP110" s="600"/>
      <c r="AQ110" s="600"/>
      <c r="AR110" s="600"/>
      <c r="AS110" s="600"/>
      <c r="AT110" s="600"/>
      <c r="AU110" s="600"/>
      <c r="AV110" s="600"/>
      <c r="AW110" s="600"/>
      <c r="AX110" s="600"/>
      <c r="AY110" s="600"/>
      <c r="AZ110" s="600"/>
      <c r="BA110" s="600"/>
      <c r="BB110" s="600"/>
      <c r="BC110" s="600"/>
      <c r="BD110" s="600"/>
      <c r="BE110" s="600"/>
    </row>
    <row r="111" spans="1:259" s="546" customFormat="1" ht="69.900000000000006" customHeight="1" x14ac:dyDescent="0.2">
      <c r="A111" s="70" t="s">
        <v>28</v>
      </c>
      <c r="B111" s="72"/>
      <c r="C111" s="72"/>
      <c r="D111" s="72"/>
      <c r="E111" s="72"/>
      <c r="F111" s="72"/>
      <c r="G111" s="72"/>
      <c r="H111" s="72"/>
      <c r="I111" s="72"/>
      <c r="J111" s="72"/>
      <c r="K111" s="72"/>
      <c r="L111" s="72"/>
      <c r="M111" s="72"/>
      <c r="N111" s="72"/>
      <c r="O111" s="72"/>
      <c r="P111" s="72"/>
      <c r="Q111" s="202"/>
      <c r="R111" s="1068"/>
      <c r="S111" s="561"/>
      <c r="T111" s="199"/>
    </row>
    <row r="112" spans="1:259" s="570" customFormat="1" ht="75" customHeight="1" x14ac:dyDescent="0.2">
      <c r="A112" s="1111"/>
      <c r="B112" s="1112"/>
      <c r="C112" s="1112"/>
      <c r="D112" s="1112"/>
      <c r="E112" s="1112"/>
      <c r="F112" s="1112"/>
      <c r="G112" s="1112"/>
      <c r="H112" s="1112"/>
      <c r="I112" s="1112"/>
      <c r="J112" s="1112"/>
      <c r="K112" s="1112"/>
      <c r="L112" s="1113"/>
      <c r="M112" s="1112"/>
      <c r="N112" s="1112"/>
      <c r="O112" s="1112"/>
      <c r="P112" s="1112"/>
      <c r="Q112" s="1114"/>
      <c r="R112" s="1028"/>
      <c r="S112" s="561"/>
      <c r="T112" s="579"/>
      <c r="U112" s="546"/>
    </row>
    <row r="113" spans="1:259" s="570" customFormat="1" ht="75" customHeight="1" thickBot="1" x14ac:dyDescent="0.25">
      <c r="A113" s="1115"/>
      <c r="B113" s="1116"/>
      <c r="C113" s="1116"/>
      <c r="D113" s="1116"/>
      <c r="E113" s="1116"/>
      <c r="F113" s="1116"/>
      <c r="G113" s="1116"/>
      <c r="H113" s="1116"/>
      <c r="I113" s="1116"/>
      <c r="J113" s="1116"/>
      <c r="K113" s="1116"/>
      <c r="L113" s="1117"/>
      <c r="M113" s="1116"/>
      <c r="N113" s="1116"/>
      <c r="O113" s="1116"/>
      <c r="P113" s="1116"/>
      <c r="Q113" s="1118"/>
      <c r="R113" s="1028"/>
      <c r="S113" s="561"/>
      <c r="T113" s="579"/>
      <c r="U113" s="546"/>
    </row>
    <row r="114" spans="1:259" s="546" customFormat="1" ht="69.900000000000006" customHeight="1" thickBot="1" x14ac:dyDescent="0.25">
      <c r="A114" s="584" t="s">
        <v>527</v>
      </c>
      <c r="B114" s="585"/>
      <c r="C114" s="585"/>
      <c r="D114" s="585"/>
      <c r="E114" s="585"/>
      <c r="F114" s="585"/>
      <c r="G114" s="585"/>
      <c r="H114" s="585"/>
      <c r="I114" s="585"/>
      <c r="J114" s="585"/>
      <c r="K114" s="585"/>
      <c r="L114" s="586"/>
      <c r="M114" s="585"/>
      <c r="N114" s="585"/>
      <c r="O114" s="585"/>
      <c r="P114" s="585"/>
      <c r="Q114" s="587"/>
      <c r="R114" s="1028"/>
      <c r="S114" s="561"/>
      <c r="T114" s="728" t="s">
        <v>528</v>
      </c>
      <c r="U114" s="596"/>
      <c r="V114" s="596"/>
      <c r="W114" s="596"/>
      <c r="X114" s="596"/>
      <c r="Y114" s="600"/>
      <c r="Z114" s="600"/>
      <c r="AA114" s="600"/>
      <c r="AB114" s="600"/>
      <c r="AC114" s="600"/>
      <c r="AD114" s="600"/>
      <c r="AE114" s="600"/>
      <c r="AF114" s="600"/>
      <c r="AG114" s="600"/>
      <c r="AH114" s="600"/>
      <c r="AI114" s="600"/>
      <c r="AJ114" s="600"/>
      <c r="AK114" s="600"/>
      <c r="AL114" s="600"/>
      <c r="AM114" s="600"/>
      <c r="AN114" s="600"/>
      <c r="AO114" s="596"/>
      <c r="AP114" s="596"/>
      <c r="AQ114" s="596"/>
      <c r="AR114" s="596"/>
      <c r="AS114" s="596"/>
      <c r="AT114" s="596"/>
      <c r="AU114" s="596"/>
      <c r="AV114" s="596"/>
      <c r="AW114" s="596"/>
      <c r="AX114" s="596"/>
      <c r="AY114" s="596"/>
      <c r="AZ114" s="596"/>
      <c r="BA114" s="596"/>
      <c r="BB114" s="596"/>
      <c r="BC114" s="596"/>
      <c r="BD114" s="596"/>
      <c r="BE114" s="596"/>
    </row>
    <row r="115" spans="1:259" s="570" customFormat="1" ht="132" customHeight="1" thickTop="1" thickBot="1" x14ac:dyDescent="0.25">
      <c r="A115" s="669" t="s">
        <v>529</v>
      </c>
      <c r="B115" s="196"/>
      <c r="C115" s="196"/>
      <c r="D115" s="196"/>
      <c r="E115" s="196"/>
      <c r="F115" s="196"/>
      <c r="G115" s="196"/>
      <c r="H115" s="196"/>
      <c r="I115" s="196"/>
      <c r="J115" s="196"/>
      <c r="K115" s="196"/>
      <c r="L115" s="196"/>
      <c r="M115" s="807"/>
      <c r="N115" s="808" t="s">
        <v>27</v>
      </c>
      <c r="O115" s="1290" t="s">
        <v>20</v>
      </c>
      <c r="P115" s="999" t="s">
        <v>21</v>
      </c>
      <c r="Q115" s="1000" t="s">
        <v>22</v>
      </c>
      <c r="R115" s="1028"/>
      <c r="S115" s="561"/>
      <c r="T115" s="569"/>
      <c r="U115" s="596"/>
      <c r="V115" s="600"/>
      <c r="W115" s="600"/>
      <c r="X115" s="600"/>
      <c r="Y115" s="600"/>
      <c r="Z115" s="600"/>
      <c r="AA115" s="600"/>
      <c r="AB115" s="600"/>
      <c r="AC115" s="600"/>
      <c r="AD115" s="600"/>
      <c r="AE115" s="600"/>
      <c r="AF115" s="600"/>
      <c r="AG115" s="600"/>
      <c r="AH115" s="600"/>
      <c r="AI115" s="600"/>
      <c r="AJ115" s="600"/>
      <c r="AK115" s="600"/>
      <c r="AL115" s="600"/>
      <c r="AM115" s="600"/>
      <c r="AN115" s="600"/>
      <c r="AO115" s="600"/>
      <c r="AP115" s="600"/>
      <c r="AQ115" s="600"/>
      <c r="AR115" s="600"/>
      <c r="AS115" s="600"/>
      <c r="AT115" s="600"/>
      <c r="AU115" s="600"/>
      <c r="AV115" s="600"/>
      <c r="AW115" s="600"/>
      <c r="AX115" s="600"/>
      <c r="AY115" s="600"/>
      <c r="AZ115" s="600"/>
      <c r="BA115" s="600"/>
      <c r="BB115" s="600"/>
      <c r="BC115" s="600"/>
      <c r="BD115" s="600"/>
      <c r="BE115" s="600"/>
    </row>
    <row r="116" spans="1:259" s="546" customFormat="1" ht="69.599999999999994" customHeight="1" thickTop="1" x14ac:dyDescent="0.2">
      <c r="A116" s="692" t="s">
        <v>55</v>
      </c>
      <c r="B116" s="693"/>
      <c r="C116" s="693"/>
      <c r="D116" s="693"/>
      <c r="E116" s="693"/>
      <c r="F116" s="693"/>
      <c r="G116" s="693"/>
      <c r="H116" s="693"/>
      <c r="I116" s="693"/>
      <c r="J116" s="693"/>
      <c r="K116" s="693"/>
      <c r="L116" s="694"/>
      <c r="M116" s="693"/>
      <c r="N116" s="693"/>
      <c r="O116" s="693"/>
      <c r="P116" s="693"/>
      <c r="Q116" s="695"/>
      <c r="R116" s="1068"/>
      <c r="S116" s="561"/>
      <c r="T116" s="199"/>
    </row>
    <row r="117" spans="1:259" s="546" customFormat="1" ht="69.599999999999994" customHeight="1" x14ac:dyDescent="0.2">
      <c r="A117" s="696" t="s">
        <v>106</v>
      </c>
      <c r="B117" s="697"/>
      <c r="C117" s="697"/>
      <c r="D117" s="697"/>
      <c r="E117" s="697"/>
      <c r="F117" s="697"/>
      <c r="G117" s="697"/>
      <c r="H117" s="697"/>
      <c r="I117" s="697"/>
      <c r="J117" s="697"/>
      <c r="K117" s="697"/>
      <c r="L117" s="697"/>
      <c r="M117" s="697"/>
      <c r="N117" s="697"/>
      <c r="O117" s="697"/>
      <c r="P117" s="697"/>
      <c r="Q117" s="698"/>
      <c r="R117" s="198"/>
      <c r="S117" s="187"/>
      <c r="T117" s="199"/>
      <c r="U117" s="201"/>
      <c r="V117" s="201"/>
      <c r="W117" s="201"/>
      <c r="X117" s="201"/>
      <c r="Y117" s="201"/>
      <c r="Z117" s="201"/>
      <c r="AA117" s="201"/>
      <c r="AB117" s="201"/>
      <c r="AC117" s="201"/>
      <c r="AD117" s="201"/>
      <c r="AE117" s="201"/>
      <c r="AF117" s="201"/>
      <c r="AG117" s="201"/>
      <c r="AH117" s="201"/>
      <c r="AI117" s="201"/>
      <c r="AJ117" s="201"/>
      <c r="AK117" s="201"/>
      <c r="AL117" s="201"/>
      <c r="AM117" s="201"/>
      <c r="AN117" s="201"/>
      <c r="AO117" s="201"/>
      <c r="AP117" s="201"/>
      <c r="AQ117" s="201"/>
      <c r="AR117" s="201"/>
      <c r="AS117" s="201"/>
      <c r="AT117" s="201"/>
      <c r="AU117" s="201"/>
      <c r="AV117" s="201"/>
      <c r="AW117" s="201"/>
      <c r="AX117" s="201"/>
      <c r="AY117" s="201"/>
      <c r="AZ117" s="201"/>
      <c r="BA117" s="201"/>
      <c r="BB117" s="201"/>
      <c r="BC117" s="201"/>
      <c r="BD117" s="201"/>
      <c r="BE117" s="201"/>
      <c r="BF117" s="201"/>
      <c r="BG117" s="201"/>
      <c r="BH117" s="201"/>
      <c r="BI117" s="201"/>
      <c r="BJ117" s="201"/>
      <c r="BK117" s="201"/>
      <c r="BL117" s="201"/>
      <c r="BM117" s="201"/>
      <c r="BN117" s="201"/>
      <c r="BO117" s="201"/>
      <c r="BP117" s="201"/>
      <c r="BQ117" s="201"/>
      <c r="BR117" s="201"/>
      <c r="BS117" s="201"/>
      <c r="BT117" s="201"/>
      <c r="BU117" s="201"/>
      <c r="BV117" s="201"/>
      <c r="BW117" s="201"/>
      <c r="BX117" s="201"/>
      <c r="BY117" s="201"/>
      <c r="BZ117" s="201"/>
      <c r="CA117" s="201"/>
      <c r="CB117" s="201"/>
      <c r="CC117" s="201"/>
      <c r="CD117" s="201"/>
      <c r="CE117" s="201"/>
      <c r="CF117" s="201"/>
      <c r="CG117" s="201"/>
      <c r="CH117" s="201"/>
      <c r="CI117" s="201"/>
      <c r="CJ117" s="201"/>
      <c r="CK117" s="201"/>
      <c r="CL117" s="201"/>
      <c r="CM117" s="201"/>
      <c r="CN117" s="201"/>
      <c r="CO117" s="201"/>
      <c r="CP117" s="201"/>
      <c r="CQ117" s="201"/>
      <c r="CR117" s="201"/>
      <c r="CS117" s="201"/>
      <c r="CT117" s="201"/>
      <c r="CU117" s="201"/>
      <c r="CV117" s="201"/>
      <c r="CW117" s="201"/>
      <c r="CX117" s="201"/>
      <c r="CY117" s="201"/>
      <c r="CZ117" s="201"/>
      <c r="DA117" s="201"/>
      <c r="DB117" s="201"/>
      <c r="DC117" s="201"/>
      <c r="DD117" s="201"/>
      <c r="DE117" s="201"/>
      <c r="DF117" s="201"/>
      <c r="DG117" s="201"/>
      <c r="DH117" s="201"/>
      <c r="DI117" s="201"/>
      <c r="DJ117" s="201"/>
      <c r="DK117" s="201"/>
      <c r="DL117" s="201"/>
      <c r="DM117" s="201"/>
      <c r="DN117" s="201"/>
      <c r="DO117" s="201"/>
      <c r="DP117" s="201"/>
      <c r="DQ117" s="201"/>
      <c r="DR117" s="201"/>
      <c r="DS117" s="201"/>
      <c r="DT117" s="201"/>
      <c r="DU117" s="201"/>
      <c r="DV117" s="201"/>
      <c r="DW117" s="201"/>
      <c r="DX117" s="201"/>
      <c r="DY117" s="201"/>
      <c r="DZ117" s="201"/>
      <c r="EA117" s="201"/>
      <c r="EB117" s="201"/>
      <c r="EC117" s="201"/>
      <c r="ED117" s="201"/>
      <c r="EE117" s="201"/>
      <c r="EF117" s="201"/>
      <c r="EG117" s="201"/>
      <c r="EH117" s="201"/>
      <c r="EI117" s="201"/>
      <c r="EJ117" s="201"/>
      <c r="EK117" s="201"/>
      <c r="EL117" s="201"/>
      <c r="EM117" s="201"/>
      <c r="EN117" s="201"/>
      <c r="EO117" s="201"/>
      <c r="EP117" s="201"/>
      <c r="EQ117" s="201"/>
      <c r="ER117" s="201"/>
      <c r="ES117" s="201"/>
      <c r="ET117" s="201"/>
      <c r="EU117" s="201"/>
      <c r="EV117" s="201"/>
      <c r="EW117" s="201"/>
      <c r="EX117" s="201"/>
      <c r="EY117" s="201"/>
      <c r="EZ117" s="201"/>
      <c r="FA117" s="201"/>
      <c r="FB117" s="201"/>
      <c r="FC117" s="201"/>
      <c r="FD117" s="201"/>
      <c r="FE117" s="201"/>
      <c r="FF117" s="201"/>
      <c r="FG117" s="201"/>
      <c r="FH117" s="201"/>
      <c r="FI117" s="201"/>
      <c r="FJ117" s="201"/>
      <c r="FK117" s="201"/>
      <c r="FL117" s="201"/>
      <c r="FM117" s="201"/>
      <c r="FN117" s="201"/>
      <c r="FO117" s="201"/>
      <c r="FP117" s="201"/>
      <c r="FQ117" s="201"/>
      <c r="FR117" s="201"/>
      <c r="FS117" s="201"/>
      <c r="FT117" s="201"/>
      <c r="FU117" s="201"/>
      <c r="FV117" s="201"/>
      <c r="FW117" s="201"/>
      <c r="FX117" s="201"/>
      <c r="FY117" s="201"/>
      <c r="FZ117" s="201"/>
      <c r="GA117" s="201"/>
      <c r="GB117" s="201"/>
      <c r="GC117" s="201"/>
      <c r="GD117" s="201"/>
      <c r="GE117" s="201"/>
      <c r="GF117" s="201"/>
      <c r="GG117" s="201"/>
      <c r="GH117" s="201"/>
      <c r="GI117" s="201"/>
      <c r="GJ117" s="201"/>
      <c r="GK117" s="201"/>
      <c r="GL117" s="201"/>
      <c r="GM117" s="201"/>
      <c r="GN117" s="201"/>
      <c r="GO117" s="201"/>
      <c r="GP117" s="201"/>
      <c r="GQ117" s="201"/>
      <c r="GR117" s="201"/>
      <c r="GS117" s="201"/>
      <c r="GT117" s="201"/>
      <c r="GU117" s="201"/>
      <c r="GV117" s="201"/>
      <c r="GW117" s="201"/>
      <c r="GX117" s="201"/>
      <c r="GY117" s="201"/>
      <c r="GZ117" s="201"/>
      <c r="HA117" s="201"/>
      <c r="HB117" s="201"/>
      <c r="HC117" s="201"/>
      <c r="HD117" s="201"/>
      <c r="HE117" s="201"/>
      <c r="HF117" s="201"/>
      <c r="HG117" s="201"/>
      <c r="HH117" s="201"/>
      <c r="HI117" s="201"/>
      <c r="HJ117" s="201"/>
      <c r="HK117" s="201"/>
      <c r="HL117" s="201"/>
      <c r="HM117" s="201"/>
      <c r="HN117" s="201"/>
      <c r="HO117" s="201"/>
      <c r="HP117" s="201"/>
      <c r="HQ117" s="201"/>
      <c r="HR117" s="201"/>
      <c r="HS117" s="201"/>
      <c r="HT117" s="201"/>
      <c r="HU117" s="201"/>
      <c r="HV117" s="201"/>
      <c r="HW117" s="201"/>
      <c r="HX117" s="201"/>
      <c r="HY117" s="201"/>
      <c r="HZ117" s="201"/>
      <c r="IA117" s="201"/>
      <c r="IB117" s="201"/>
      <c r="IC117" s="201"/>
      <c r="ID117" s="201"/>
      <c r="IE117" s="201"/>
      <c r="IF117" s="201"/>
      <c r="IG117" s="201"/>
      <c r="IH117" s="201"/>
      <c r="II117" s="201"/>
      <c r="IJ117" s="201"/>
      <c r="IK117" s="201"/>
      <c r="IL117" s="201"/>
      <c r="IM117" s="201"/>
      <c r="IN117" s="201"/>
      <c r="IO117" s="201"/>
      <c r="IP117" s="201"/>
      <c r="IQ117" s="201"/>
      <c r="IR117" s="201"/>
      <c r="IS117" s="201"/>
      <c r="IT117" s="201"/>
      <c r="IU117" s="201"/>
      <c r="IV117" s="201"/>
      <c r="IW117" s="201"/>
      <c r="IX117" s="201"/>
      <c r="IY117" s="201"/>
    </row>
    <row r="118" spans="1:259" s="570" customFormat="1" ht="69.599999999999994" customHeight="1" x14ac:dyDescent="0.2">
      <c r="A118" s="905" t="s">
        <v>118</v>
      </c>
      <c r="B118" s="906"/>
      <c r="C118" s="906"/>
      <c r="D118" s="906"/>
      <c r="E118" s="906"/>
      <c r="F118" s="906"/>
      <c r="G118" s="906"/>
      <c r="H118" s="906"/>
      <c r="I118" s="906"/>
      <c r="J118" s="906"/>
      <c r="K118" s="906"/>
      <c r="L118" s="906"/>
      <c r="M118" s="906"/>
      <c r="N118" s="906"/>
      <c r="O118" s="906"/>
      <c r="P118" s="906"/>
      <c r="Q118" s="907"/>
      <c r="R118" s="1028"/>
      <c r="S118" s="561"/>
      <c r="T118" s="595"/>
      <c r="U118" s="596"/>
      <c r="V118" s="600"/>
      <c r="W118" s="600"/>
      <c r="X118" s="600"/>
      <c r="Y118" s="600"/>
      <c r="Z118" s="600"/>
      <c r="AA118" s="600"/>
      <c r="AB118" s="600"/>
      <c r="AC118" s="600"/>
      <c r="AD118" s="600"/>
      <c r="AE118" s="600"/>
      <c r="AF118" s="600"/>
      <c r="AG118" s="600"/>
      <c r="AH118" s="600"/>
      <c r="AI118" s="600"/>
      <c r="AJ118" s="600"/>
      <c r="AK118" s="600"/>
      <c r="AL118" s="600"/>
      <c r="AM118" s="600"/>
      <c r="AN118" s="600"/>
      <c r="AO118" s="600"/>
      <c r="AP118" s="600"/>
      <c r="AQ118" s="600"/>
      <c r="AR118" s="600"/>
      <c r="AS118" s="600"/>
      <c r="AT118" s="600"/>
      <c r="AU118" s="600"/>
      <c r="AV118" s="600"/>
      <c r="AW118" s="600"/>
      <c r="AX118" s="600"/>
      <c r="AY118" s="600"/>
      <c r="AZ118" s="600"/>
      <c r="BA118" s="600"/>
      <c r="BB118" s="600"/>
      <c r="BC118" s="600"/>
      <c r="BD118" s="600"/>
      <c r="BE118" s="600"/>
    </row>
    <row r="119" spans="1:259" s="570" customFormat="1" ht="69.599999999999994" customHeight="1" x14ac:dyDescent="0.2">
      <c r="A119" s="1152" t="s">
        <v>530</v>
      </c>
      <c r="B119" s="813"/>
      <c r="C119" s="813"/>
      <c r="D119" s="813"/>
      <c r="E119" s="813"/>
      <c r="F119" s="813"/>
      <c r="G119" s="813"/>
      <c r="H119" s="813"/>
      <c r="I119" s="813"/>
      <c r="J119" s="813"/>
      <c r="K119" s="813"/>
      <c r="L119" s="813"/>
      <c r="M119" s="813"/>
      <c r="N119" s="813"/>
      <c r="O119" s="813"/>
      <c r="P119" s="813"/>
      <c r="Q119" s="814"/>
      <c r="R119" s="1028"/>
      <c r="S119" s="561"/>
      <c r="T119" s="595"/>
      <c r="U119" s="596"/>
      <c r="V119" s="600"/>
      <c r="W119" s="600"/>
      <c r="X119" s="600"/>
      <c r="Y119" s="600"/>
      <c r="Z119" s="600"/>
      <c r="AA119" s="600"/>
      <c r="AB119" s="600"/>
      <c r="AC119" s="600"/>
      <c r="AD119" s="600"/>
      <c r="AE119" s="600"/>
      <c r="AF119" s="600"/>
      <c r="AG119" s="600"/>
      <c r="AH119" s="600"/>
      <c r="AI119" s="600"/>
      <c r="AJ119" s="600"/>
      <c r="AK119" s="600"/>
      <c r="AL119" s="600"/>
      <c r="AM119" s="600"/>
      <c r="AN119" s="600"/>
      <c r="AO119" s="600"/>
      <c r="AP119" s="600"/>
      <c r="AQ119" s="600"/>
      <c r="AR119" s="600"/>
      <c r="AS119" s="600"/>
      <c r="AT119" s="600"/>
      <c r="AU119" s="600"/>
      <c r="AV119" s="600"/>
      <c r="AW119" s="600"/>
      <c r="AX119" s="600"/>
      <c r="AY119" s="600"/>
      <c r="AZ119" s="600"/>
      <c r="BA119" s="600"/>
      <c r="BB119" s="600"/>
      <c r="BC119" s="600"/>
      <c r="BD119" s="600"/>
      <c r="BE119" s="600"/>
    </row>
    <row r="120" spans="1:259" s="570" customFormat="1" ht="69.599999999999994" customHeight="1" x14ac:dyDescent="0.2">
      <c r="A120" s="779" t="s">
        <v>100</v>
      </c>
      <c r="B120" s="780"/>
      <c r="C120" s="780"/>
      <c r="D120" s="780"/>
      <c r="E120" s="780"/>
      <c r="F120" s="780"/>
      <c r="G120" s="780"/>
      <c r="H120" s="780"/>
      <c r="I120" s="780"/>
      <c r="J120" s="780"/>
      <c r="K120" s="780"/>
      <c r="L120" s="780"/>
      <c r="M120" s="780"/>
      <c r="N120" s="780"/>
      <c r="O120" s="780"/>
      <c r="P120" s="780"/>
      <c r="Q120" s="781"/>
      <c r="R120" s="1028"/>
      <c r="S120" s="561"/>
      <c r="T120" s="595"/>
      <c r="U120" s="596"/>
      <c r="V120" s="600"/>
      <c r="W120" s="600"/>
      <c r="X120" s="600"/>
      <c r="Y120" s="600"/>
      <c r="Z120" s="600"/>
      <c r="AA120" s="600"/>
      <c r="AB120" s="600"/>
      <c r="AC120" s="600"/>
      <c r="AD120" s="600"/>
      <c r="AE120" s="600"/>
      <c r="AF120" s="600"/>
      <c r="AG120" s="600"/>
      <c r="AH120" s="600"/>
      <c r="AI120" s="600"/>
      <c r="AJ120" s="600"/>
      <c r="AK120" s="600"/>
      <c r="AL120" s="600"/>
      <c r="AM120" s="600"/>
      <c r="AN120" s="600"/>
      <c r="AO120" s="600"/>
      <c r="AP120" s="600"/>
      <c r="AQ120" s="600"/>
      <c r="AR120" s="600"/>
      <c r="AS120" s="600"/>
      <c r="AT120" s="600"/>
      <c r="AU120" s="600"/>
      <c r="AV120" s="600"/>
      <c r="AW120" s="600"/>
      <c r="AX120" s="600"/>
      <c r="AY120" s="600"/>
      <c r="AZ120" s="600"/>
      <c r="BA120" s="600"/>
      <c r="BB120" s="600"/>
      <c r="BC120" s="600"/>
      <c r="BD120" s="600"/>
      <c r="BE120" s="600"/>
    </row>
    <row r="121" spans="1:259" s="201" customFormat="1" ht="69.599999999999994" customHeight="1" x14ac:dyDescent="0.2">
      <c r="A121" s="70" t="s">
        <v>28</v>
      </c>
      <c r="B121" s="72"/>
      <c r="C121" s="72"/>
      <c r="D121" s="72"/>
      <c r="E121" s="72"/>
      <c r="F121" s="72"/>
      <c r="G121" s="72"/>
      <c r="H121" s="72"/>
      <c r="I121" s="72"/>
      <c r="J121" s="72"/>
      <c r="K121" s="72"/>
      <c r="L121" s="72"/>
      <c r="M121" s="72"/>
      <c r="N121" s="72"/>
      <c r="O121" s="72"/>
      <c r="P121" s="72"/>
      <c r="Q121" s="202"/>
      <c r="R121" s="198"/>
      <c r="S121" s="187"/>
      <c r="T121" s="199"/>
    </row>
    <row r="122" spans="1:259" s="570" customFormat="1" ht="75" customHeight="1" x14ac:dyDescent="0.2">
      <c r="A122" s="575"/>
      <c r="B122" s="576"/>
      <c r="C122" s="576"/>
      <c r="D122" s="576"/>
      <c r="E122" s="576"/>
      <c r="F122" s="576"/>
      <c r="G122" s="576"/>
      <c r="H122" s="576"/>
      <c r="I122" s="576"/>
      <c r="J122" s="576"/>
      <c r="K122" s="576"/>
      <c r="L122" s="577"/>
      <c r="M122" s="576"/>
      <c r="N122" s="576"/>
      <c r="O122" s="576"/>
      <c r="P122" s="576"/>
      <c r="Q122" s="578"/>
      <c r="R122" s="1028"/>
      <c r="S122" s="561"/>
      <c r="T122" s="579"/>
      <c r="U122" s="546"/>
    </row>
    <row r="123" spans="1:259" s="570" customFormat="1" ht="75" customHeight="1" thickBot="1" x14ac:dyDescent="0.25">
      <c r="A123" s="606"/>
      <c r="B123" s="607"/>
      <c r="C123" s="607"/>
      <c r="D123" s="607"/>
      <c r="E123" s="607"/>
      <c r="F123" s="607"/>
      <c r="G123" s="607"/>
      <c r="H123" s="607"/>
      <c r="I123" s="607"/>
      <c r="J123" s="607"/>
      <c r="K123" s="607"/>
      <c r="L123" s="608"/>
      <c r="M123" s="607"/>
      <c r="N123" s="607"/>
      <c r="O123" s="607"/>
      <c r="P123" s="607"/>
      <c r="Q123" s="609"/>
      <c r="R123" s="1028"/>
      <c r="S123" s="561"/>
      <c r="T123" s="579"/>
      <c r="U123" s="546"/>
    </row>
    <row r="124" spans="1:259" s="546" customFormat="1" ht="69.900000000000006" customHeight="1" thickBot="1" x14ac:dyDescent="0.25">
      <c r="A124" s="724" t="s">
        <v>531</v>
      </c>
      <c r="B124" s="726"/>
      <c r="C124" s="726"/>
      <c r="D124" s="726"/>
      <c r="E124" s="726"/>
      <c r="F124" s="726"/>
      <c r="G124" s="726"/>
      <c r="H124" s="726"/>
      <c r="I124" s="726"/>
      <c r="J124" s="726"/>
      <c r="K124" s="726"/>
      <c r="L124" s="726"/>
      <c r="M124" s="726"/>
      <c r="N124" s="726"/>
      <c r="O124" s="726"/>
      <c r="P124" s="726"/>
      <c r="Q124" s="819"/>
      <c r="R124" s="1028"/>
      <c r="S124" s="561"/>
      <c r="T124" s="595"/>
      <c r="U124" s="596"/>
      <c r="V124" s="596"/>
      <c r="W124" s="596"/>
      <c r="X124" s="596"/>
      <c r="Y124" s="596"/>
      <c r="Z124" s="596"/>
      <c r="AA124" s="596"/>
      <c r="AB124" s="596"/>
      <c r="AC124" s="596"/>
      <c r="AD124" s="596"/>
      <c r="AE124" s="596"/>
      <c r="AF124" s="596"/>
      <c r="AG124" s="596"/>
      <c r="AH124" s="596"/>
      <c r="AI124" s="596"/>
      <c r="AJ124" s="596"/>
      <c r="AK124" s="596"/>
      <c r="AL124" s="596"/>
      <c r="AM124" s="596"/>
      <c r="AN124" s="596"/>
      <c r="AO124" s="596"/>
      <c r="AP124" s="596"/>
      <c r="AQ124" s="596"/>
      <c r="AR124" s="596"/>
      <c r="AS124" s="596"/>
      <c r="AT124" s="596"/>
      <c r="AU124" s="596"/>
      <c r="AV124" s="596"/>
      <c r="AW124" s="596"/>
      <c r="AX124" s="596"/>
      <c r="AY124" s="596"/>
      <c r="AZ124" s="596"/>
      <c r="BA124" s="596"/>
      <c r="BB124" s="596"/>
      <c r="BC124" s="596"/>
      <c r="BD124" s="596"/>
      <c r="BE124" s="596"/>
    </row>
    <row r="125" spans="1:259" s="570" customFormat="1" ht="199.95" customHeight="1" thickTop="1" thickBot="1" x14ac:dyDescent="0.25">
      <c r="A125" s="688" t="s">
        <v>268</v>
      </c>
      <c r="B125" s="690"/>
      <c r="C125" s="690"/>
      <c r="D125" s="690"/>
      <c r="E125" s="690"/>
      <c r="F125" s="690"/>
      <c r="G125" s="690"/>
      <c r="H125" s="690"/>
      <c r="I125" s="690"/>
      <c r="J125" s="690"/>
      <c r="K125" s="690"/>
      <c r="L125" s="690"/>
      <c r="M125" s="789"/>
      <c r="N125" s="1001" t="s">
        <v>27</v>
      </c>
      <c r="O125" s="1298" t="s">
        <v>20</v>
      </c>
      <c r="P125" s="1298" t="s">
        <v>21</v>
      </c>
      <c r="Q125" s="1299" t="s">
        <v>22</v>
      </c>
      <c r="R125" s="1028"/>
      <c r="S125" s="561"/>
      <c r="T125" s="569"/>
      <c r="U125" s="596"/>
      <c r="V125" s="600"/>
      <c r="W125" s="600"/>
      <c r="X125" s="600"/>
      <c r="Y125" s="596"/>
      <c r="Z125" s="596"/>
      <c r="AA125" s="596"/>
      <c r="AB125" s="596"/>
      <c r="AC125" s="596"/>
      <c r="AD125" s="596"/>
      <c r="AE125" s="596"/>
      <c r="AF125" s="596"/>
      <c r="AG125" s="596"/>
      <c r="AH125" s="596"/>
      <c r="AI125" s="596"/>
      <c r="AJ125" s="596"/>
      <c r="AK125" s="596"/>
      <c r="AL125" s="596"/>
      <c r="AM125" s="596"/>
      <c r="AN125" s="596"/>
      <c r="AO125" s="600"/>
      <c r="AP125" s="600"/>
      <c r="AQ125" s="600"/>
      <c r="AR125" s="600"/>
      <c r="AS125" s="600"/>
      <c r="AT125" s="600"/>
      <c r="AU125" s="600"/>
      <c r="AV125" s="600"/>
      <c r="AW125" s="600"/>
      <c r="AX125" s="600"/>
      <c r="AY125" s="600"/>
      <c r="AZ125" s="600"/>
      <c r="BA125" s="600"/>
      <c r="BB125" s="600"/>
      <c r="BC125" s="600"/>
      <c r="BD125" s="600"/>
      <c r="BE125" s="600"/>
    </row>
    <row r="126" spans="1:259" s="546" customFormat="1" ht="69.900000000000006" customHeight="1" thickTop="1" x14ac:dyDescent="0.2">
      <c r="A126" s="790" t="s">
        <v>440</v>
      </c>
      <c r="B126" s="694"/>
      <c r="C126" s="694"/>
      <c r="D126" s="694"/>
      <c r="E126" s="694"/>
      <c r="F126" s="694"/>
      <c r="G126" s="694"/>
      <c r="H126" s="694"/>
      <c r="I126" s="694"/>
      <c r="J126" s="694"/>
      <c r="K126" s="694"/>
      <c r="L126" s="694"/>
      <c r="M126" s="694"/>
      <c r="N126" s="694"/>
      <c r="O126" s="694"/>
      <c r="P126" s="694"/>
      <c r="Q126" s="791"/>
      <c r="R126" s="1068"/>
      <c r="S126" s="561"/>
      <c r="T126" s="199"/>
    </row>
    <row r="127" spans="1:259" s="546" customFormat="1" ht="69.900000000000006" customHeight="1" x14ac:dyDescent="0.2">
      <c r="A127" s="792" t="s">
        <v>106</v>
      </c>
      <c r="B127" s="793"/>
      <c r="C127" s="793"/>
      <c r="D127" s="793"/>
      <c r="E127" s="793"/>
      <c r="F127" s="793"/>
      <c r="G127" s="793"/>
      <c r="H127" s="793"/>
      <c r="I127" s="793"/>
      <c r="J127" s="793"/>
      <c r="K127" s="793"/>
      <c r="L127" s="793"/>
      <c r="M127" s="793"/>
      <c r="N127" s="793"/>
      <c r="O127" s="793"/>
      <c r="P127" s="793"/>
      <c r="Q127" s="794"/>
      <c r="R127" s="198"/>
      <c r="S127" s="187"/>
      <c r="T127" s="199"/>
      <c r="U127" s="201"/>
      <c r="V127" s="201"/>
      <c r="W127" s="201"/>
      <c r="X127" s="201"/>
      <c r="Y127" s="201"/>
      <c r="Z127" s="201"/>
      <c r="AA127" s="201"/>
      <c r="AB127" s="201"/>
      <c r="AC127" s="201"/>
      <c r="AD127" s="201"/>
      <c r="AE127" s="201"/>
      <c r="AF127" s="201"/>
      <c r="AG127" s="201"/>
      <c r="AH127" s="201"/>
      <c r="AI127" s="201"/>
      <c r="AJ127" s="201"/>
      <c r="AK127" s="201"/>
      <c r="AL127" s="201"/>
      <c r="AM127" s="201"/>
      <c r="AN127" s="201"/>
      <c r="AO127" s="201"/>
      <c r="AP127" s="201"/>
      <c r="AQ127" s="201"/>
      <c r="AR127" s="201"/>
      <c r="AS127" s="201"/>
      <c r="AT127" s="201"/>
      <c r="AU127" s="201"/>
      <c r="AV127" s="201"/>
      <c r="AW127" s="201"/>
      <c r="AX127" s="201"/>
      <c r="AY127" s="201"/>
      <c r="AZ127" s="201"/>
      <c r="BA127" s="201"/>
      <c r="BB127" s="201"/>
      <c r="BC127" s="201"/>
      <c r="BD127" s="201"/>
      <c r="BE127" s="201"/>
      <c r="BF127" s="201"/>
      <c r="BG127" s="201"/>
      <c r="BH127" s="201"/>
      <c r="BI127" s="201"/>
      <c r="BJ127" s="201"/>
      <c r="BK127" s="201"/>
      <c r="BL127" s="201"/>
      <c r="BM127" s="201"/>
      <c r="BN127" s="201"/>
      <c r="BO127" s="201"/>
      <c r="BP127" s="201"/>
      <c r="BQ127" s="201"/>
      <c r="BR127" s="201"/>
      <c r="BS127" s="201"/>
      <c r="BT127" s="201"/>
      <c r="BU127" s="201"/>
      <c r="BV127" s="201"/>
      <c r="BW127" s="201"/>
      <c r="BX127" s="201"/>
      <c r="BY127" s="201"/>
      <c r="BZ127" s="201"/>
      <c r="CA127" s="201"/>
      <c r="CB127" s="201"/>
      <c r="CC127" s="201"/>
      <c r="CD127" s="201"/>
      <c r="CE127" s="201"/>
      <c r="CF127" s="201"/>
      <c r="CG127" s="201"/>
      <c r="CH127" s="201"/>
      <c r="CI127" s="201"/>
      <c r="CJ127" s="201"/>
      <c r="CK127" s="201"/>
      <c r="CL127" s="201"/>
      <c r="CM127" s="201"/>
      <c r="CN127" s="201"/>
      <c r="CO127" s="201"/>
      <c r="CP127" s="201"/>
      <c r="CQ127" s="201"/>
      <c r="CR127" s="201"/>
      <c r="CS127" s="201"/>
      <c r="CT127" s="201"/>
      <c r="CU127" s="201"/>
      <c r="CV127" s="201"/>
      <c r="CW127" s="201"/>
      <c r="CX127" s="201"/>
      <c r="CY127" s="201"/>
      <c r="CZ127" s="201"/>
      <c r="DA127" s="201"/>
      <c r="DB127" s="201"/>
      <c r="DC127" s="201"/>
      <c r="DD127" s="201"/>
      <c r="DE127" s="201"/>
      <c r="DF127" s="201"/>
      <c r="DG127" s="201"/>
      <c r="DH127" s="201"/>
      <c r="DI127" s="201"/>
      <c r="DJ127" s="201"/>
      <c r="DK127" s="201"/>
      <c r="DL127" s="201"/>
      <c r="DM127" s="201"/>
      <c r="DN127" s="201"/>
      <c r="DO127" s="201"/>
      <c r="DP127" s="201"/>
      <c r="DQ127" s="201"/>
      <c r="DR127" s="201"/>
      <c r="DS127" s="201"/>
      <c r="DT127" s="201"/>
      <c r="DU127" s="201"/>
      <c r="DV127" s="201"/>
      <c r="DW127" s="201"/>
      <c r="DX127" s="201"/>
      <c r="DY127" s="201"/>
      <c r="DZ127" s="201"/>
      <c r="EA127" s="201"/>
      <c r="EB127" s="201"/>
      <c r="EC127" s="201"/>
      <c r="ED127" s="201"/>
      <c r="EE127" s="201"/>
      <c r="EF127" s="201"/>
      <c r="EG127" s="201"/>
      <c r="EH127" s="201"/>
      <c r="EI127" s="201"/>
      <c r="EJ127" s="201"/>
      <c r="EK127" s="201"/>
      <c r="EL127" s="201"/>
      <c r="EM127" s="201"/>
      <c r="EN127" s="201"/>
      <c r="EO127" s="201"/>
      <c r="EP127" s="201"/>
      <c r="EQ127" s="201"/>
      <c r="ER127" s="201"/>
      <c r="ES127" s="201"/>
      <c r="ET127" s="201"/>
      <c r="EU127" s="201"/>
      <c r="EV127" s="201"/>
      <c r="EW127" s="201"/>
      <c r="EX127" s="201"/>
      <c r="EY127" s="201"/>
      <c r="EZ127" s="201"/>
      <c r="FA127" s="201"/>
      <c r="FB127" s="201"/>
      <c r="FC127" s="201"/>
      <c r="FD127" s="201"/>
      <c r="FE127" s="201"/>
      <c r="FF127" s="201"/>
      <c r="FG127" s="201"/>
      <c r="FH127" s="201"/>
      <c r="FI127" s="201"/>
      <c r="FJ127" s="201"/>
      <c r="FK127" s="201"/>
      <c r="FL127" s="201"/>
      <c r="FM127" s="201"/>
      <c r="FN127" s="201"/>
      <c r="FO127" s="201"/>
      <c r="FP127" s="201"/>
      <c r="FQ127" s="201"/>
      <c r="FR127" s="201"/>
      <c r="FS127" s="201"/>
      <c r="FT127" s="201"/>
      <c r="FU127" s="201"/>
      <c r="FV127" s="201"/>
      <c r="FW127" s="201"/>
      <c r="FX127" s="201"/>
      <c r="FY127" s="201"/>
      <c r="FZ127" s="201"/>
      <c r="GA127" s="201"/>
      <c r="GB127" s="201"/>
      <c r="GC127" s="201"/>
      <c r="GD127" s="201"/>
      <c r="GE127" s="201"/>
      <c r="GF127" s="201"/>
      <c r="GG127" s="201"/>
      <c r="GH127" s="201"/>
      <c r="GI127" s="201"/>
      <c r="GJ127" s="201"/>
      <c r="GK127" s="201"/>
      <c r="GL127" s="201"/>
      <c r="GM127" s="201"/>
      <c r="GN127" s="201"/>
      <c r="GO127" s="201"/>
      <c r="GP127" s="201"/>
      <c r="GQ127" s="201"/>
      <c r="GR127" s="201"/>
      <c r="GS127" s="201"/>
      <c r="GT127" s="201"/>
      <c r="GU127" s="201"/>
      <c r="GV127" s="201"/>
      <c r="GW127" s="201"/>
      <c r="GX127" s="201"/>
      <c r="GY127" s="201"/>
      <c r="GZ127" s="201"/>
      <c r="HA127" s="201"/>
      <c r="HB127" s="201"/>
      <c r="HC127" s="201"/>
      <c r="HD127" s="201"/>
      <c r="HE127" s="201"/>
      <c r="HF127" s="201"/>
      <c r="HG127" s="201"/>
      <c r="HH127" s="201"/>
      <c r="HI127" s="201"/>
      <c r="HJ127" s="201"/>
      <c r="HK127" s="201"/>
      <c r="HL127" s="201"/>
      <c r="HM127" s="201"/>
      <c r="HN127" s="201"/>
      <c r="HO127" s="201"/>
      <c r="HP127" s="201"/>
      <c r="HQ127" s="201"/>
      <c r="HR127" s="201"/>
      <c r="HS127" s="201"/>
      <c r="HT127" s="201"/>
      <c r="HU127" s="201"/>
      <c r="HV127" s="201"/>
      <c r="HW127" s="201"/>
      <c r="HX127" s="201"/>
      <c r="HY127" s="201"/>
      <c r="HZ127" s="201"/>
      <c r="IA127" s="201"/>
      <c r="IB127" s="201"/>
      <c r="IC127" s="201"/>
      <c r="ID127" s="201"/>
      <c r="IE127" s="201"/>
      <c r="IF127" s="201"/>
      <c r="IG127" s="201"/>
      <c r="IH127" s="201"/>
      <c r="II127" s="201"/>
      <c r="IJ127" s="201"/>
      <c r="IK127" s="201"/>
      <c r="IL127" s="201"/>
      <c r="IM127" s="201"/>
      <c r="IN127" s="201"/>
      <c r="IO127" s="201"/>
      <c r="IP127" s="201"/>
      <c r="IQ127" s="201"/>
      <c r="IR127" s="201"/>
      <c r="IS127" s="201"/>
      <c r="IT127" s="201"/>
      <c r="IU127" s="201"/>
      <c r="IV127" s="201"/>
      <c r="IW127" s="201"/>
      <c r="IX127" s="201"/>
      <c r="IY127" s="201"/>
    </row>
    <row r="128" spans="1:259" s="570" customFormat="1" ht="71.400000000000006" customHeight="1" x14ac:dyDescent="0.2">
      <c r="A128" s="1252" t="s">
        <v>532</v>
      </c>
      <c r="B128" s="1253"/>
      <c r="C128" s="1253"/>
      <c r="D128" s="1253"/>
      <c r="E128" s="1253"/>
      <c r="F128" s="1253"/>
      <c r="G128" s="1253"/>
      <c r="H128" s="1253"/>
      <c r="I128" s="1253"/>
      <c r="J128" s="1253"/>
      <c r="K128" s="1253"/>
      <c r="L128" s="1253"/>
      <c r="M128" s="1253"/>
      <c r="N128" s="1253"/>
      <c r="O128" s="1253"/>
      <c r="P128" s="1253"/>
      <c r="Q128" s="1254"/>
      <c r="R128" s="1028"/>
      <c r="S128" s="561"/>
      <c r="T128" s="595"/>
      <c r="U128" s="596"/>
      <c r="V128" s="600"/>
      <c r="W128" s="600"/>
      <c r="X128" s="600"/>
      <c r="Y128" s="600"/>
      <c r="Z128" s="600"/>
      <c r="AA128" s="600"/>
      <c r="AB128" s="600"/>
      <c r="AC128" s="600"/>
      <c r="AD128" s="600"/>
      <c r="AE128" s="600"/>
      <c r="AF128" s="600"/>
      <c r="AG128" s="600"/>
      <c r="AH128" s="600"/>
      <c r="AI128" s="600"/>
      <c r="AJ128" s="600"/>
      <c r="AK128" s="600"/>
      <c r="AL128" s="600"/>
      <c r="AM128" s="600"/>
      <c r="AN128" s="600"/>
      <c r="AO128" s="600"/>
      <c r="AP128" s="600"/>
      <c r="AQ128" s="600"/>
      <c r="AR128" s="600"/>
      <c r="AS128" s="600"/>
      <c r="AT128" s="600"/>
      <c r="AU128" s="600"/>
      <c r="AV128" s="600"/>
      <c r="AW128" s="600"/>
      <c r="AX128" s="600"/>
      <c r="AY128" s="600"/>
      <c r="AZ128" s="600"/>
      <c r="BA128" s="600"/>
      <c r="BB128" s="600"/>
      <c r="BC128" s="600"/>
      <c r="BD128" s="600"/>
      <c r="BE128" s="600"/>
    </row>
    <row r="129" spans="1:57" s="570" customFormat="1" ht="71.400000000000006" customHeight="1" x14ac:dyDescent="0.2">
      <c r="A129" s="1314" t="s">
        <v>530</v>
      </c>
      <c r="B129" s="1315"/>
      <c r="C129" s="1315"/>
      <c r="D129" s="1315"/>
      <c r="E129" s="1315"/>
      <c r="F129" s="1315"/>
      <c r="G129" s="1315"/>
      <c r="H129" s="1315"/>
      <c r="I129" s="1315"/>
      <c r="J129" s="1315"/>
      <c r="K129" s="1315"/>
      <c r="L129" s="1315"/>
      <c r="M129" s="1315"/>
      <c r="N129" s="1315"/>
      <c r="O129" s="1315"/>
      <c r="P129" s="1315"/>
      <c r="Q129" s="1316"/>
      <c r="R129" s="1028"/>
      <c r="S129" s="561"/>
      <c r="T129" s="595"/>
      <c r="U129" s="596"/>
      <c r="V129" s="600"/>
      <c r="W129" s="600"/>
      <c r="X129" s="600"/>
      <c r="Y129" s="600"/>
      <c r="Z129" s="600"/>
      <c r="AA129" s="600"/>
      <c r="AB129" s="600"/>
      <c r="AC129" s="600"/>
      <c r="AD129" s="600"/>
      <c r="AE129" s="600"/>
      <c r="AF129" s="600"/>
      <c r="AG129" s="600"/>
      <c r="AH129" s="600"/>
      <c r="AI129" s="600"/>
      <c r="AJ129" s="600"/>
      <c r="AK129" s="600"/>
      <c r="AL129" s="600"/>
      <c r="AM129" s="600"/>
      <c r="AN129" s="600"/>
      <c r="AO129" s="600"/>
      <c r="AP129" s="600"/>
      <c r="AQ129" s="600"/>
      <c r="AR129" s="600"/>
      <c r="AS129" s="600"/>
      <c r="AT129" s="600"/>
      <c r="AU129" s="600"/>
      <c r="AV129" s="600"/>
      <c r="AW129" s="600"/>
      <c r="AX129" s="600"/>
      <c r="AY129" s="600"/>
      <c r="AZ129" s="600"/>
      <c r="BA129" s="600"/>
      <c r="BB129" s="600"/>
      <c r="BC129" s="600"/>
      <c r="BD129" s="600"/>
      <c r="BE129" s="600"/>
    </row>
    <row r="130" spans="1:57" s="570" customFormat="1" ht="69.599999999999994" customHeight="1" x14ac:dyDescent="0.2">
      <c r="A130" s="335" t="s">
        <v>100</v>
      </c>
      <c r="B130" s="336"/>
      <c r="C130" s="336"/>
      <c r="D130" s="336"/>
      <c r="E130" s="336"/>
      <c r="F130" s="336"/>
      <c r="G130" s="336"/>
      <c r="H130" s="336"/>
      <c r="I130" s="336"/>
      <c r="J130" s="336"/>
      <c r="K130" s="336"/>
      <c r="L130" s="336"/>
      <c r="M130" s="336"/>
      <c r="N130" s="336"/>
      <c r="O130" s="336"/>
      <c r="P130" s="336"/>
      <c r="Q130" s="337"/>
      <c r="R130" s="1028"/>
      <c r="S130" s="561"/>
      <c r="T130" s="595"/>
      <c r="U130" s="596"/>
      <c r="V130" s="600"/>
      <c r="W130" s="600"/>
      <c r="X130" s="600"/>
      <c r="Y130" s="600"/>
      <c r="Z130" s="600"/>
      <c r="AA130" s="600"/>
      <c r="AB130" s="600"/>
      <c r="AC130" s="600"/>
      <c r="AD130" s="600"/>
      <c r="AE130" s="600"/>
      <c r="AF130" s="600"/>
      <c r="AG130" s="600"/>
      <c r="AH130" s="600"/>
      <c r="AI130" s="600"/>
      <c r="AJ130" s="600"/>
      <c r="AK130" s="600"/>
      <c r="AL130" s="600"/>
      <c r="AM130" s="600"/>
      <c r="AN130" s="600"/>
      <c r="AO130" s="600"/>
      <c r="AP130" s="600"/>
      <c r="AQ130" s="600"/>
      <c r="AR130" s="600"/>
      <c r="AS130" s="600"/>
      <c r="AT130" s="600"/>
      <c r="AU130" s="600"/>
      <c r="AV130" s="600"/>
      <c r="AW130" s="600"/>
      <c r="AX130" s="600"/>
      <c r="AY130" s="600"/>
      <c r="AZ130" s="600"/>
      <c r="BA130" s="600"/>
      <c r="BB130" s="600"/>
      <c r="BC130" s="600"/>
      <c r="BD130" s="600"/>
      <c r="BE130" s="600"/>
    </row>
    <row r="131" spans="1:57" s="546" customFormat="1" ht="69.900000000000006" customHeight="1" x14ac:dyDescent="0.2">
      <c r="A131" s="70" t="s">
        <v>28</v>
      </c>
      <c r="B131" s="72"/>
      <c r="C131" s="72"/>
      <c r="D131" s="72"/>
      <c r="E131" s="72"/>
      <c r="F131" s="72"/>
      <c r="G131" s="72"/>
      <c r="H131" s="72"/>
      <c r="I131" s="72"/>
      <c r="J131" s="72"/>
      <c r="K131" s="72"/>
      <c r="L131" s="72"/>
      <c r="M131" s="72"/>
      <c r="N131" s="72"/>
      <c r="O131" s="72"/>
      <c r="P131" s="72"/>
      <c r="Q131" s="202"/>
      <c r="R131" s="1068"/>
      <c r="S131" s="561"/>
      <c r="T131" s="199"/>
    </row>
    <row r="132" spans="1:57" s="570" customFormat="1" ht="75" customHeight="1" x14ac:dyDescent="0.2">
      <c r="A132" s="1111"/>
      <c r="B132" s="1112"/>
      <c r="C132" s="1112"/>
      <c r="D132" s="1112"/>
      <c r="E132" s="1112"/>
      <c r="F132" s="1112"/>
      <c r="G132" s="1112"/>
      <c r="H132" s="1112"/>
      <c r="I132" s="1112"/>
      <c r="J132" s="1112"/>
      <c r="K132" s="1112"/>
      <c r="L132" s="1113"/>
      <c r="M132" s="1112"/>
      <c r="N132" s="1112"/>
      <c r="O132" s="1112"/>
      <c r="P132" s="1112"/>
      <c r="Q132" s="1114"/>
      <c r="R132" s="1028"/>
      <c r="S132" s="561"/>
      <c r="T132" s="579"/>
      <c r="U132" s="546"/>
    </row>
    <row r="133" spans="1:57" s="570" customFormat="1" ht="75" customHeight="1" thickBot="1" x14ac:dyDescent="0.25">
      <c r="A133" s="1115"/>
      <c r="B133" s="1116"/>
      <c r="C133" s="1116"/>
      <c r="D133" s="1116"/>
      <c r="E133" s="1116"/>
      <c r="F133" s="1116"/>
      <c r="G133" s="1116"/>
      <c r="H133" s="1116"/>
      <c r="I133" s="1116"/>
      <c r="J133" s="1116"/>
      <c r="K133" s="1116"/>
      <c r="L133" s="1117"/>
      <c r="M133" s="1116"/>
      <c r="N133" s="1116"/>
      <c r="O133" s="1116"/>
      <c r="P133" s="1116"/>
      <c r="Q133" s="1118"/>
      <c r="R133" s="1028"/>
      <c r="S133" s="561"/>
      <c r="T133" s="579"/>
      <c r="U133" s="546"/>
    </row>
    <row r="134" spans="1:57" s="201" customFormat="1" ht="69.599999999999994" customHeight="1" thickBot="1" x14ac:dyDescent="0.25">
      <c r="A134" s="724" t="s">
        <v>533</v>
      </c>
      <c r="B134" s="726"/>
      <c r="C134" s="726"/>
      <c r="D134" s="726"/>
      <c r="E134" s="726"/>
      <c r="F134" s="726"/>
      <c r="G134" s="726"/>
      <c r="H134" s="726"/>
      <c r="I134" s="726"/>
      <c r="J134" s="726"/>
      <c r="K134" s="726"/>
      <c r="L134" s="726"/>
      <c r="M134" s="726"/>
      <c r="N134" s="726"/>
      <c r="O134" s="726"/>
      <c r="P134" s="726"/>
      <c r="Q134" s="819"/>
      <c r="R134" s="186"/>
      <c r="S134" s="187"/>
      <c r="T134" s="188"/>
      <c r="U134" s="188"/>
      <c r="V134" s="818"/>
      <c r="W134" s="818"/>
      <c r="X134" s="818"/>
      <c r="Y134" s="818"/>
      <c r="Z134" s="818"/>
      <c r="AA134" s="818"/>
      <c r="AB134" s="818"/>
      <c r="AC134" s="818"/>
      <c r="AD134" s="818"/>
      <c r="AE134" s="818"/>
      <c r="AF134" s="818"/>
      <c r="AG134" s="818"/>
      <c r="AH134" s="818"/>
      <c r="AI134" s="818"/>
      <c r="AJ134" s="818"/>
      <c r="AK134" s="818"/>
      <c r="AL134" s="818"/>
      <c r="AM134" s="818"/>
      <c r="AN134" s="818"/>
      <c r="AO134" s="818"/>
      <c r="AP134" s="818"/>
      <c r="AQ134" s="818"/>
      <c r="AR134" s="818"/>
      <c r="AS134" s="818"/>
      <c r="AT134" s="818"/>
      <c r="AU134" s="818"/>
      <c r="AV134" s="818"/>
      <c r="AW134" s="818"/>
      <c r="AX134" s="818"/>
      <c r="AY134" s="818"/>
      <c r="AZ134" s="818"/>
      <c r="BA134" s="818"/>
      <c r="BB134" s="818"/>
      <c r="BC134" s="818"/>
      <c r="BD134" s="818"/>
      <c r="BE134" s="818"/>
    </row>
    <row r="135" spans="1:57" s="191" customFormat="1" ht="370.5" customHeight="1" thickTop="1" thickBot="1" x14ac:dyDescent="0.25">
      <c r="A135" s="788" t="s">
        <v>534</v>
      </c>
      <c r="B135" s="690"/>
      <c r="C135" s="690"/>
      <c r="D135" s="690"/>
      <c r="E135" s="690"/>
      <c r="F135" s="690"/>
      <c r="G135" s="690"/>
      <c r="H135" s="690"/>
      <c r="I135" s="690"/>
      <c r="J135" s="690"/>
      <c r="K135" s="690"/>
      <c r="L135" s="690"/>
      <c r="M135" s="690"/>
      <c r="N135" s="789"/>
      <c r="O135" s="1298" t="s">
        <v>20</v>
      </c>
      <c r="P135" s="1298" t="s">
        <v>21</v>
      </c>
      <c r="Q135" s="1299" t="s">
        <v>22</v>
      </c>
      <c r="R135" s="186"/>
      <c r="S135" s="187"/>
      <c r="T135" s="569"/>
      <c r="U135" s="538"/>
      <c r="V135" s="190"/>
      <c r="W135" s="190"/>
      <c r="X135" s="190"/>
      <c r="Y135" s="818"/>
      <c r="Z135" s="818"/>
      <c r="AA135" s="818"/>
      <c r="AB135" s="818"/>
      <c r="AC135" s="818"/>
      <c r="AD135" s="818"/>
      <c r="AE135" s="818"/>
      <c r="AF135" s="818"/>
      <c r="AG135" s="818"/>
      <c r="AH135" s="818"/>
      <c r="AI135" s="818"/>
      <c r="AJ135" s="818"/>
      <c r="AK135" s="818"/>
      <c r="AL135" s="818"/>
      <c r="AM135" s="818"/>
      <c r="AN135" s="818"/>
      <c r="AO135" s="190"/>
      <c r="AP135" s="190"/>
      <c r="AQ135" s="190"/>
      <c r="AR135" s="190"/>
      <c r="AS135" s="190"/>
      <c r="AT135" s="190"/>
      <c r="AU135" s="190"/>
      <c r="AV135" s="190"/>
      <c r="AW135" s="190"/>
      <c r="AX135" s="190"/>
      <c r="AY135" s="190"/>
      <c r="AZ135" s="190"/>
      <c r="BA135" s="190"/>
      <c r="BB135" s="190"/>
      <c r="BC135" s="190"/>
      <c r="BD135" s="190"/>
      <c r="BE135" s="190"/>
    </row>
    <row r="136" spans="1:57" s="201" customFormat="1" ht="69.599999999999994" customHeight="1" thickTop="1" x14ac:dyDescent="0.2">
      <c r="A136" s="1317" t="s">
        <v>28</v>
      </c>
      <c r="B136" s="643"/>
      <c r="C136" s="643"/>
      <c r="D136" s="643"/>
      <c r="E136" s="643"/>
      <c r="F136" s="643"/>
      <c r="G136" s="643"/>
      <c r="H136" s="643"/>
      <c r="I136" s="643"/>
      <c r="J136" s="643"/>
      <c r="K136" s="643"/>
      <c r="L136" s="643"/>
      <c r="M136" s="643"/>
      <c r="N136" s="643"/>
      <c r="O136" s="643"/>
      <c r="P136" s="643"/>
      <c r="Q136" s="1318"/>
      <c r="R136" s="198"/>
      <c r="S136" s="187"/>
      <c r="T136" s="199"/>
    </row>
    <row r="137" spans="1:57" s="570" customFormat="1" ht="75" customHeight="1" x14ac:dyDescent="0.2">
      <c r="A137" s="575"/>
      <c r="B137" s="576"/>
      <c r="C137" s="576"/>
      <c r="D137" s="576"/>
      <c r="E137" s="576"/>
      <c r="F137" s="576"/>
      <c r="G137" s="576"/>
      <c r="H137" s="576"/>
      <c r="I137" s="576"/>
      <c r="J137" s="576"/>
      <c r="K137" s="576"/>
      <c r="L137" s="577"/>
      <c r="M137" s="576"/>
      <c r="N137" s="576"/>
      <c r="O137" s="576"/>
      <c r="P137" s="576"/>
      <c r="Q137" s="578"/>
      <c r="R137" s="1028"/>
      <c r="S137" s="561"/>
      <c r="T137" s="579"/>
      <c r="U137" s="546"/>
    </row>
    <row r="138" spans="1:57" s="570" customFormat="1" ht="75" customHeight="1" thickBot="1" x14ac:dyDescent="0.25">
      <c r="A138" s="606"/>
      <c r="B138" s="607"/>
      <c r="C138" s="607"/>
      <c r="D138" s="607"/>
      <c r="E138" s="607"/>
      <c r="F138" s="607"/>
      <c r="G138" s="607"/>
      <c r="H138" s="607"/>
      <c r="I138" s="607"/>
      <c r="J138" s="607"/>
      <c r="K138" s="607"/>
      <c r="L138" s="608"/>
      <c r="M138" s="607"/>
      <c r="N138" s="607"/>
      <c r="O138" s="607"/>
      <c r="P138" s="607"/>
      <c r="Q138" s="609"/>
      <c r="R138" s="1028"/>
      <c r="S138" s="561"/>
      <c r="T138" s="579"/>
      <c r="U138" s="546"/>
    </row>
    <row r="139" spans="1:57" s="546" customFormat="1" ht="69.900000000000006" customHeight="1" thickBot="1" x14ac:dyDescent="0.25">
      <c r="A139" s="558" t="s">
        <v>307</v>
      </c>
      <c r="B139" s="559"/>
      <c r="C139" s="559"/>
      <c r="D139" s="559"/>
      <c r="E139" s="559"/>
      <c r="F139" s="559"/>
      <c r="G139" s="559"/>
      <c r="H139" s="559"/>
      <c r="I139" s="559"/>
      <c r="J139" s="559"/>
      <c r="K139" s="559"/>
      <c r="L139" s="559"/>
      <c r="M139" s="559"/>
      <c r="N139" s="559"/>
      <c r="O139" s="559"/>
      <c r="P139" s="559"/>
      <c r="Q139" s="560"/>
      <c r="R139" s="1028"/>
      <c r="S139" s="561"/>
      <c r="T139" s="595"/>
      <c r="U139" s="596"/>
      <c r="V139" s="596"/>
      <c r="W139" s="596"/>
      <c r="X139" s="596"/>
      <c r="Y139" s="600"/>
      <c r="Z139" s="600"/>
      <c r="AA139" s="600"/>
      <c r="AB139" s="600"/>
      <c r="AC139" s="600"/>
      <c r="AD139" s="600"/>
      <c r="AE139" s="600"/>
      <c r="AF139" s="600"/>
      <c r="AG139" s="600"/>
      <c r="AH139" s="600"/>
      <c r="AI139" s="600"/>
      <c r="AJ139" s="600"/>
      <c r="AK139" s="600"/>
      <c r="AL139" s="600"/>
      <c r="AM139" s="600"/>
      <c r="AN139" s="600"/>
      <c r="AO139" s="596"/>
      <c r="AP139" s="596"/>
      <c r="AQ139" s="596"/>
      <c r="AR139" s="596"/>
      <c r="AS139" s="596"/>
      <c r="AT139" s="596"/>
      <c r="AU139" s="596"/>
      <c r="AV139" s="596"/>
      <c r="AW139" s="596"/>
      <c r="AX139" s="596"/>
      <c r="AY139" s="596"/>
      <c r="AZ139" s="596"/>
      <c r="BA139" s="596"/>
      <c r="BB139" s="596"/>
      <c r="BC139" s="596"/>
      <c r="BD139" s="596"/>
      <c r="BE139" s="596"/>
    </row>
    <row r="140" spans="1:57" s="546" customFormat="1" ht="69.900000000000006" customHeight="1" thickBot="1" x14ac:dyDescent="0.25">
      <c r="A140" s="584" t="s">
        <v>535</v>
      </c>
      <c r="B140" s="593"/>
      <c r="C140" s="593"/>
      <c r="D140" s="593"/>
      <c r="E140" s="593"/>
      <c r="F140" s="593"/>
      <c r="G140" s="593"/>
      <c r="H140" s="593"/>
      <c r="I140" s="593"/>
      <c r="J140" s="593"/>
      <c r="K140" s="593"/>
      <c r="L140" s="586"/>
      <c r="M140" s="593"/>
      <c r="N140" s="593"/>
      <c r="O140" s="593"/>
      <c r="P140" s="593"/>
      <c r="Q140" s="594"/>
      <c r="R140" s="1028"/>
      <c r="S140" s="561"/>
      <c r="T140" s="595"/>
      <c r="U140" s="596"/>
      <c r="V140" s="596"/>
      <c r="W140" s="596"/>
      <c r="X140" s="596"/>
      <c r="Y140" s="596"/>
      <c r="Z140" s="596"/>
      <c r="AA140" s="596"/>
      <c r="AB140" s="596"/>
      <c r="AC140" s="596"/>
      <c r="AD140" s="596"/>
      <c r="AE140" s="596"/>
      <c r="AF140" s="596"/>
      <c r="AG140" s="596"/>
      <c r="AH140" s="596"/>
      <c r="AI140" s="596"/>
      <c r="AJ140" s="596"/>
      <c r="AK140" s="596"/>
      <c r="AL140" s="596"/>
      <c r="AM140" s="596"/>
      <c r="AN140" s="596"/>
      <c r="AO140" s="596"/>
      <c r="AP140" s="596"/>
      <c r="AQ140" s="596"/>
      <c r="AR140" s="596"/>
      <c r="AS140" s="596"/>
      <c r="AT140" s="596"/>
      <c r="AU140" s="596"/>
      <c r="AV140" s="596"/>
      <c r="AW140" s="596"/>
      <c r="AX140" s="596"/>
      <c r="AY140" s="596"/>
      <c r="AZ140" s="596"/>
      <c r="BA140" s="596"/>
      <c r="BB140" s="596"/>
      <c r="BC140" s="596"/>
      <c r="BD140" s="596"/>
      <c r="BE140" s="596"/>
    </row>
    <row r="141" spans="1:57" s="570" customFormat="1" ht="335.25" customHeight="1" thickTop="1" thickBot="1" x14ac:dyDescent="0.25">
      <c r="A141" s="1319" t="s">
        <v>536</v>
      </c>
      <c r="B141" s="1320"/>
      <c r="C141" s="1320"/>
      <c r="D141" s="1320"/>
      <c r="E141" s="1320"/>
      <c r="F141" s="1320"/>
      <c r="G141" s="1320"/>
      <c r="H141" s="1320"/>
      <c r="I141" s="1320"/>
      <c r="J141" s="1320"/>
      <c r="K141" s="1320"/>
      <c r="L141" s="1320"/>
      <c r="M141" s="1321"/>
      <c r="N141" s="1157" t="s">
        <v>27</v>
      </c>
      <c r="O141" s="1322" t="s">
        <v>20</v>
      </c>
      <c r="P141" s="685" t="s">
        <v>21</v>
      </c>
      <c r="Q141" s="1323" t="s">
        <v>22</v>
      </c>
      <c r="R141" s="1028"/>
      <c r="S141" s="561"/>
      <c r="T141" s="569"/>
      <c r="U141" s="596"/>
      <c r="V141" s="600"/>
      <c r="W141" s="600"/>
      <c r="X141" s="600"/>
      <c r="Y141" s="596"/>
      <c r="Z141" s="596"/>
      <c r="AA141" s="596"/>
      <c r="AB141" s="596"/>
      <c r="AC141" s="596"/>
      <c r="AD141" s="596"/>
      <c r="AE141" s="596"/>
      <c r="AF141" s="596"/>
      <c r="AG141" s="596"/>
      <c r="AH141" s="596"/>
      <c r="AI141" s="596"/>
      <c r="AJ141" s="596"/>
      <c r="AK141" s="596"/>
      <c r="AL141" s="596"/>
      <c r="AM141" s="596"/>
      <c r="AN141" s="596"/>
      <c r="AO141" s="600"/>
      <c r="AP141" s="600"/>
      <c r="AQ141" s="600"/>
      <c r="AR141" s="600"/>
      <c r="AS141" s="600"/>
      <c r="AT141" s="600"/>
      <c r="AU141" s="600"/>
      <c r="AV141" s="600"/>
      <c r="AW141" s="600"/>
      <c r="AX141" s="600"/>
      <c r="AY141" s="600"/>
      <c r="AZ141" s="600"/>
      <c r="BA141" s="600"/>
      <c r="BB141" s="600"/>
      <c r="BC141" s="600"/>
      <c r="BD141" s="600"/>
      <c r="BE141" s="600"/>
    </row>
    <row r="142" spans="1:57" s="546" customFormat="1" ht="69.900000000000006" customHeight="1" thickTop="1" x14ac:dyDescent="0.2">
      <c r="A142" s="70" t="s">
        <v>28</v>
      </c>
      <c r="B142" s="72"/>
      <c r="C142" s="72"/>
      <c r="D142" s="72"/>
      <c r="E142" s="72"/>
      <c r="F142" s="72"/>
      <c r="G142" s="72"/>
      <c r="H142" s="72"/>
      <c r="I142" s="72"/>
      <c r="J142" s="72"/>
      <c r="K142" s="72"/>
      <c r="L142" s="72"/>
      <c r="M142" s="72"/>
      <c r="N142" s="72"/>
      <c r="O142" s="72"/>
      <c r="P142" s="72"/>
      <c r="Q142" s="202"/>
      <c r="R142" s="1068"/>
      <c r="S142" s="561"/>
      <c r="T142" s="199"/>
    </row>
    <row r="143" spans="1:57" s="570" customFormat="1" ht="75" customHeight="1" x14ac:dyDescent="0.2">
      <c r="A143" s="575"/>
      <c r="B143" s="576"/>
      <c r="C143" s="576"/>
      <c r="D143" s="576"/>
      <c r="E143" s="576"/>
      <c r="F143" s="576"/>
      <c r="G143" s="576"/>
      <c r="H143" s="576"/>
      <c r="I143" s="576"/>
      <c r="J143" s="576"/>
      <c r="K143" s="576"/>
      <c r="L143" s="577"/>
      <c r="M143" s="576"/>
      <c r="N143" s="576"/>
      <c r="O143" s="576"/>
      <c r="P143" s="576"/>
      <c r="Q143" s="578"/>
      <c r="R143" s="1028"/>
      <c r="S143" s="561"/>
      <c r="T143" s="579"/>
      <c r="U143" s="546"/>
    </row>
    <row r="144" spans="1:57" s="570" customFormat="1" ht="75" customHeight="1" thickBot="1" x14ac:dyDescent="0.25">
      <c r="A144" s="606"/>
      <c r="B144" s="607"/>
      <c r="C144" s="607"/>
      <c r="D144" s="607"/>
      <c r="E144" s="607"/>
      <c r="F144" s="607"/>
      <c r="G144" s="607"/>
      <c r="H144" s="607"/>
      <c r="I144" s="607"/>
      <c r="J144" s="607"/>
      <c r="K144" s="607"/>
      <c r="L144" s="608"/>
      <c r="M144" s="607"/>
      <c r="N144" s="607"/>
      <c r="O144" s="607"/>
      <c r="P144" s="607"/>
      <c r="Q144" s="609"/>
      <c r="R144" s="1028"/>
      <c r="S144" s="561"/>
      <c r="T144" s="579"/>
      <c r="U144" s="546"/>
    </row>
    <row r="145" spans="1:57" s="546" customFormat="1" ht="69.900000000000006" customHeight="1" thickBot="1" x14ac:dyDescent="0.25">
      <c r="A145" s="584" t="s">
        <v>537</v>
      </c>
      <c r="B145" s="593"/>
      <c r="C145" s="593"/>
      <c r="D145" s="593"/>
      <c r="E145" s="593"/>
      <c r="F145" s="593"/>
      <c r="G145" s="593"/>
      <c r="H145" s="593"/>
      <c r="I145" s="593"/>
      <c r="J145" s="593"/>
      <c r="K145" s="593"/>
      <c r="L145" s="586"/>
      <c r="M145" s="593"/>
      <c r="N145" s="593"/>
      <c r="O145" s="593"/>
      <c r="P145" s="593"/>
      <c r="Q145" s="594"/>
      <c r="R145" s="1028"/>
      <c r="S145" s="561"/>
      <c r="T145" s="595"/>
      <c r="U145" s="596"/>
      <c r="V145" s="596"/>
      <c r="W145" s="596"/>
      <c r="X145" s="596"/>
      <c r="Y145" s="600"/>
      <c r="Z145" s="600"/>
      <c r="AA145" s="600"/>
      <c r="AB145" s="600"/>
      <c r="AC145" s="600"/>
      <c r="AD145" s="600"/>
      <c r="AE145" s="600"/>
      <c r="AF145" s="600"/>
      <c r="AG145" s="600"/>
      <c r="AH145" s="600"/>
      <c r="AI145" s="600"/>
      <c r="AJ145" s="600"/>
      <c r="AK145" s="600"/>
      <c r="AL145" s="600"/>
      <c r="AM145" s="600"/>
      <c r="AN145" s="600"/>
      <c r="AO145" s="596"/>
      <c r="AP145" s="596"/>
      <c r="AQ145" s="596"/>
      <c r="AR145" s="596"/>
      <c r="AS145" s="596"/>
      <c r="AT145" s="596"/>
      <c r="AU145" s="596"/>
      <c r="AV145" s="596"/>
      <c r="AW145" s="596"/>
      <c r="AX145" s="596"/>
      <c r="AY145" s="596"/>
      <c r="AZ145" s="596"/>
      <c r="BA145" s="596"/>
      <c r="BB145" s="596"/>
      <c r="BC145" s="596"/>
      <c r="BD145" s="596"/>
      <c r="BE145" s="596"/>
    </row>
    <row r="146" spans="1:57" s="570" customFormat="1" ht="263.39999999999998" customHeight="1" thickTop="1" thickBot="1" x14ac:dyDescent="0.25">
      <c r="A146" s="566" t="s">
        <v>538</v>
      </c>
      <c r="B146" s="568"/>
      <c r="C146" s="568"/>
      <c r="D146" s="568"/>
      <c r="E146" s="568"/>
      <c r="F146" s="568"/>
      <c r="G146" s="568"/>
      <c r="H146" s="568"/>
      <c r="I146" s="568"/>
      <c r="J146" s="568"/>
      <c r="K146" s="568"/>
      <c r="L146" s="568"/>
      <c r="M146" s="568"/>
      <c r="N146" s="1182"/>
      <c r="O146" s="1322" t="s">
        <v>20</v>
      </c>
      <c r="P146" s="685" t="s">
        <v>21</v>
      </c>
      <c r="Q146" s="1323" t="s">
        <v>22</v>
      </c>
      <c r="R146" s="1028"/>
      <c r="S146" s="561"/>
      <c r="T146" s="569"/>
      <c r="U146" s="538"/>
      <c r="V146" s="600"/>
      <c r="W146" s="600"/>
      <c r="X146" s="600"/>
      <c r="Y146" s="600"/>
      <c r="Z146" s="600"/>
      <c r="AA146" s="600"/>
      <c r="AB146" s="600"/>
      <c r="AC146" s="600"/>
      <c r="AD146" s="600"/>
      <c r="AE146" s="600"/>
      <c r="AF146" s="600"/>
      <c r="AG146" s="600"/>
      <c r="AH146" s="600"/>
      <c r="AI146" s="600"/>
      <c r="AJ146" s="600"/>
      <c r="AK146" s="600"/>
      <c r="AL146" s="600"/>
      <c r="AM146" s="600"/>
      <c r="AN146" s="600"/>
      <c r="AO146" s="600"/>
      <c r="AP146" s="600"/>
      <c r="AQ146" s="600"/>
      <c r="AR146" s="600"/>
      <c r="AS146" s="600"/>
      <c r="AT146" s="600"/>
      <c r="AU146" s="600"/>
      <c r="AV146" s="600"/>
      <c r="AW146" s="600"/>
      <c r="AX146" s="600"/>
      <c r="AY146" s="600"/>
      <c r="AZ146" s="600"/>
      <c r="BA146" s="600"/>
      <c r="BB146" s="600"/>
      <c r="BC146" s="600"/>
      <c r="BD146" s="600"/>
      <c r="BE146" s="600"/>
    </row>
    <row r="147" spans="1:57" s="570" customFormat="1" ht="132" customHeight="1" thickTop="1" thickBot="1" x14ac:dyDescent="0.25">
      <c r="A147" s="1183" t="s">
        <v>539</v>
      </c>
      <c r="B147" s="245"/>
      <c r="C147" s="245"/>
      <c r="D147" s="245"/>
      <c r="E147" s="245"/>
      <c r="F147" s="245"/>
      <c r="G147" s="245"/>
      <c r="H147" s="245"/>
      <c r="I147" s="245"/>
      <c r="J147" s="245"/>
      <c r="K147" s="245"/>
      <c r="L147" s="245"/>
      <c r="M147" s="245"/>
      <c r="N147" s="1184"/>
      <c r="O147" s="1293" t="s">
        <v>24</v>
      </c>
      <c r="P147" s="1293" t="s">
        <v>25</v>
      </c>
      <c r="Q147" s="1294" t="s">
        <v>22</v>
      </c>
      <c r="R147" s="1028"/>
      <c r="S147" s="561"/>
      <c r="T147" s="569"/>
      <c r="U147" s="596"/>
      <c r="V147" s="600"/>
      <c r="W147" s="600"/>
      <c r="X147" s="600"/>
      <c r="Y147" s="600"/>
      <c r="Z147" s="600"/>
      <c r="AA147" s="600"/>
      <c r="AB147" s="600"/>
      <c r="AC147" s="600"/>
      <c r="AD147" s="600"/>
      <c r="AE147" s="600"/>
      <c r="AF147" s="600"/>
      <c r="AG147" s="600"/>
      <c r="AH147" s="600"/>
      <c r="AI147" s="600"/>
      <c r="AJ147" s="600"/>
      <c r="AK147" s="600"/>
      <c r="AL147" s="600"/>
      <c r="AM147" s="600"/>
      <c r="AN147" s="600"/>
      <c r="AO147" s="600"/>
      <c r="AP147" s="600"/>
      <c r="AQ147" s="600"/>
      <c r="AR147" s="600"/>
      <c r="AS147" s="600"/>
      <c r="AT147" s="600"/>
      <c r="AU147" s="600"/>
      <c r="AV147" s="600"/>
      <c r="AW147" s="600"/>
      <c r="AX147" s="600"/>
      <c r="AY147" s="600"/>
      <c r="AZ147" s="600"/>
      <c r="BA147" s="600"/>
      <c r="BB147" s="600"/>
      <c r="BC147" s="600"/>
      <c r="BD147" s="600"/>
      <c r="BE147" s="600"/>
    </row>
    <row r="148" spans="1:57" s="546" customFormat="1" ht="69.900000000000006" customHeight="1" thickTop="1" x14ac:dyDescent="0.2">
      <c r="A148" s="70" t="s">
        <v>28</v>
      </c>
      <c r="B148" s="72"/>
      <c r="C148" s="72"/>
      <c r="D148" s="72"/>
      <c r="E148" s="72"/>
      <c r="F148" s="72"/>
      <c r="G148" s="72"/>
      <c r="H148" s="72"/>
      <c r="I148" s="72"/>
      <c r="J148" s="72"/>
      <c r="K148" s="72"/>
      <c r="L148" s="72"/>
      <c r="M148" s="72"/>
      <c r="N148" s="72"/>
      <c r="O148" s="72"/>
      <c r="P148" s="72"/>
      <c r="Q148" s="202"/>
      <c r="R148" s="1068"/>
      <c r="S148" s="561"/>
      <c r="T148" s="199"/>
    </row>
    <row r="149" spans="1:57" s="570" customFormat="1" ht="75" customHeight="1" x14ac:dyDescent="0.2">
      <c r="A149" s="575"/>
      <c r="B149" s="576"/>
      <c r="C149" s="576"/>
      <c r="D149" s="576"/>
      <c r="E149" s="576"/>
      <c r="F149" s="576"/>
      <c r="G149" s="576"/>
      <c r="H149" s="576"/>
      <c r="I149" s="576"/>
      <c r="J149" s="576"/>
      <c r="K149" s="576"/>
      <c r="L149" s="577"/>
      <c r="M149" s="576"/>
      <c r="N149" s="576"/>
      <c r="O149" s="576"/>
      <c r="P149" s="576"/>
      <c r="Q149" s="578"/>
      <c r="R149" s="1028"/>
      <c r="S149" s="561"/>
      <c r="T149" s="579"/>
      <c r="U149" s="546"/>
    </row>
    <row r="150" spans="1:57" s="570" customFormat="1" ht="75" customHeight="1" thickBot="1" x14ac:dyDescent="0.25">
      <c r="A150" s="606"/>
      <c r="B150" s="607"/>
      <c r="C150" s="607"/>
      <c r="D150" s="607"/>
      <c r="E150" s="607"/>
      <c r="F150" s="607"/>
      <c r="G150" s="607"/>
      <c r="H150" s="607"/>
      <c r="I150" s="607"/>
      <c r="J150" s="607"/>
      <c r="K150" s="607"/>
      <c r="L150" s="608"/>
      <c r="M150" s="607"/>
      <c r="N150" s="607"/>
      <c r="O150" s="607"/>
      <c r="P150" s="607"/>
      <c r="Q150" s="609"/>
      <c r="R150" s="1028"/>
      <c r="S150" s="561"/>
      <c r="T150" s="579"/>
      <c r="U150" s="546"/>
    </row>
    <row r="151" spans="1:57" s="546" customFormat="1" ht="69.900000000000006" customHeight="1" thickBot="1" x14ac:dyDescent="0.25">
      <c r="A151" s="584" t="s">
        <v>540</v>
      </c>
      <c r="B151" s="593"/>
      <c r="C151" s="593"/>
      <c r="D151" s="593"/>
      <c r="E151" s="593"/>
      <c r="F151" s="593"/>
      <c r="G151" s="593"/>
      <c r="H151" s="593"/>
      <c r="I151" s="593"/>
      <c r="J151" s="593"/>
      <c r="K151" s="593"/>
      <c r="L151" s="586"/>
      <c r="M151" s="593"/>
      <c r="N151" s="593"/>
      <c r="O151" s="593"/>
      <c r="P151" s="593"/>
      <c r="Q151" s="594"/>
      <c r="R151" s="1028"/>
      <c r="S151" s="561"/>
      <c r="T151" s="555" t="s">
        <v>541</v>
      </c>
      <c r="U151" s="596"/>
      <c r="V151" s="596"/>
      <c r="W151" s="596"/>
      <c r="X151" s="596"/>
      <c r="Y151" s="600"/>
      <c r="Z151" s="600"/>
      <c r="AA151" s="600"/>
      <c r="AB151" s="600"/>
      <c r="AC151" s="600"/>
      <c r="AD151" s="600"/>
      <c r="AE151" s="600"/>
      <c r="AF151" s="600"/>
      <c r="AG151" s="600"/>
      <c r="AH151" s="600"/>
      <c r="AI151" s="600"/>
      <c r="AJ151" s="600"/>
      <c r="AK151" s="600"/>
      <c r="AL151" s="600"/>
      <c r="AM151" s="600"/>
      <c r="AN151" s="600"/>
      <c r="AO151" s="596"/>
      <c r="AP151" s="596"/>
      <c r="AQ151" s="596"/>
      <c r="AR151" s="596"/>
      <c r="AS151" s="596"/>
      <c r="AT151" s="596"/>
      <c r="AU151" s="596"/>
      <c r="AV151" s="596"/>
      <c r="AW151" s="596"/>
      <c r="AX151" s="596"/>
      <c r="AY151" s="596"/>
      <c r="AZ151" s="596"/>
      <c r="BA151" s="596"/>
      <c r="BB151" s="596"/>
      <c r="BC151" s="596"/>
      <c r="BD151" s="596"/>
      <c r="BE151" s="596"/>
    </row>
    <row r="152" spans="1:57" s="570" customFormat="1" ht="140.1" customHeight="1" thickTop="1" thickBot="1" x14ac:dyDescent="0.25">
      <c r="A152" s="588" t="s">
        <v>542</v>
      </c>
      <c r="B152" s="443"/>
      <c r="C152" s="443"/>
      <c r="D152" s="443"/>
      <c r="E152" s="443"/>
      <c r="F152" s="443"/>
      <c r="G152" s="443"/>
      <c r="H152" s="443"/>
      <c r="I152" s="443"/>
      <c r="J152" s="443"/>
      <c r="K152" s="443"/>
      <c r="L152" s="443"/>
      <c r="M152" s="443"/>
      <c r="N152" s="908"/>
      <c r="O152" s="1290" t="s">
        <v>20</v>
      </c>
      <c r="P152" s="999" t="s">
        <v>21</v>
      </c>
      <c r="Q152" s="1000" t="s">
        <v>22</v>
      </c>
      <c r="R152" s="1028"/>
      <c r="S152" s="561"/>
      <c r="T152" s="569"/>
      <c r="V152" s="600"/>
      <c r="W152" s="600"/>
      <c r="X152" s="600"/>
      <c r="Y152" s="596"/>
      <c r="Z152" s="596"/>
      <c r="AA152" s="596"/>
      <c r="AB152" s="596"/>
      <c r="AC152" s="596"/>
      <c r="AD152" s="596"/>
      <c r="AE152" s="596"/>
      <c r="AF152" s="596"/>
      <c r="AG152" s="596"/>
      <c r="AH152" s="596"/>
      <c r="AI152" s="596"/>
      <c r="AJ152" s="596"/>
      <c r="AK152" s="596"/>
      <c r="AL152" s="596"/>
      <c r="AM152" s="596"/>
      <c r="AN152" s="596"/>
      <c r="AO152" s="600"/>
      <c r="AP152" s="600"/>
      <c r="AQ152" s="600"/>
      <c r="AR152" s="600"/>
      <c r="AS152" s="600"/>
      <c r="AT152" s="600"/>
      <c r="AU152" s="600"/>
      <c r="AV152" s="600"/>
      <c r="AW152" s="600"/>
      <c r="AX152" s="600"/>
      <c r="AY152" s="600"/>
      <c r="AZ152" s="600"/>
      <c r="BA152" s="600"/>
      <c r="BB152" s="600"/>
      <c r="BC152" s="600"/>
      <c r="BD152" s="600"/>
      <c r="BE152" s="600"/>
    </row>
    <row r="153" spans="1:57" s="546" customFormat="1" ht="69.900000000000006" customHeight="1" thickTop="1" x14ac:dyDescent="0.2">
      <c r="A153" s="70" t="s">
        <v>28</v>
      </c>
      <c r="B153" s="72"/>
      <c r="C153" s="72"/>
      <c r="D153" s="72"/>
      <c r="E153" s="72"/>
      <c r="F153" s="72"/>
      <c r="G153" s="72"/>
      <c r="H153" s="72"/>
      <c r="I153" s="72"/>
      <c r="J153" s="72"/>
      <c r="K153" s="72"/>
      <c r="L153" s="72"/>
      <c r="M153" s="72"/>
      <c r="N153" s="72"/>
      <c r="O153" s="72"/>
      <c r="P153" s="72"/>
      <c r="Q153" s="202"/>
      <c r="R153" s="1068"/>
      <c r="S153" s="561"/>
      <c r="T153" s="199"/>
    </row>
    <row r="154" spans="1:57" s="570" customFormat="1" ht="75" customHeight="1" x14ac:dyDescent="0.2">
      <c r="A154" s="575"/>
      <c r="B154" s="576"/>
      <c r="C154" s="576"/>
      <c r="D154" s="576"/>
      <c r="E154" s="576"/>
      <c r="F154" s="576"/>
      <c r="G154" s="576"/>
      <c r="H154" s="576"/>
      <c r="I154" s="576"/>
      <c r="J154" s="576"/>
      <c r="K154" s="576"/>
      <c r="L154" s="577"/>
      <c r="M154" s="576"/>
      <c r="N154" s="576"/>
      <c r="O154" s="576"/>
      <c r="P154" s="576"/>
      <c r="Q154" s="578"/>
      <c r="R154" s="1028"/>
      <c r="S154" s="561"/>
      <c r="T154" s="579"/>
      <c r="U154" s="546"/>
    </row>
    <row r="155" spans="1:57" s="570" customFormat="1" ht="75" customHeight="1" thickBot="1" x14ac:dyDescent="0.25">
      <c r="A155" s="606"/>
      <c r="B155" s="607"/>
      <c r="C155" s="607"/>
      <c r="D155" s="607"/>
      <c r="E155" s="607"/>
      <c r="F155" s="607"/>
      <c r="G155" s="607"/>
      <c r="H155" s="607"/>
      <c r="I155" s="607"/>
      <c r="J155" s="607"/>
      <c r="K155" s="607"/>
      <c r="L155" s="608"/>
      <c r="M155" s="607"/>
      <c r="N155" s="607"/>
      <c r="O155" s="607"/>
      <c r="P155" s="607"/>
      <c r="Q155" s="609"/>
      <c r="R155" s="1028"/>
      <c r="S155" s="561"/>
      <c r="T155" s="579"/>
      <c r="U155" s="546"/>
    </row>
    <row r="156" spans="1:57" s="546" customFormat="1" ht="69.900000000000006" customHeight="1" thickBot="1" x14ac:dyDescent="0.25">
      <c r="A156" s="584" t="s">
        <v>543</v>
      </c>
      <c r="B156" s="593"/>
      <c r="C156" s="593"/>
      <c r="D156" s="593"/>
      <c r="E156" s="593"/>
      <c r="F156" s="593"/>
      <c r="G156" s="593"/>
      <c r="H156" s="593"/>
      <c r="I156" s="593"/>
      <c r="J156" s="593"/>
      <c r="K156" s="593"/>
      <c r="L156" s="586"/>
      <c r="M156" s="593"/>
      <c r="N156" s="593"/>
      <c r="O156" s="593"/>
      <c r="P156" s="593"/>
      <c r="Q156" s="594"/>
      <c r="R156" s="1028"/>
      <c r="S156" s="561"/>
      <c r="T156" s="595"/>
      <c r="U156" s="596"/>
      <c r="V156" s="596"/>
      <c r="W156" s="596"/>
      <c r="X156" s="596"/>
      <c r="Y156" s="600"/>
      <c r="Z156" s="600"/>
      <c r="AA156" s="600"/>
      <c r="AB156" s="600"/>
      <c r="AC156" s="600"/>
      <c r="AD156" s="600"/>
      <c r="AE156" s="600"/>
      <c r="AF156" s="600"/>
      <c r="AG156" s="600"/>
      <c r="AH156" s="600"/>
      <c r="AI156" s="600"/>
      <c r="AJ156" s="600"/>
      <c r="AK156" s="600"/>
      <c r="AL156" s="600"/>
      <c r="AM156" s="600"/>
      <c r="AN156" s="600"/>
      <c r="AO156" s="596"/>
      <c r="AP156" s="596"/>
      <c r="AQ156" s="596"/>
      <c r="AR156" s="596"/>
      <c r="AS156" s="596"/>
      <c r="AT156" s="596"/>
      <c r="AU156" s="596"/>
      <c r="AV156" s="596"/>
      <c r="AW156" s="596"/>
      <c r="AX156" s="596"/>
      <c r="AY156" s="596"/>
      <c r="AZ156" s="596"/>
      <c r="BA156" s="596"/>
      <c r="BB156" s="596"/>
      <c r="BC156" s="596"/>
      <c r="BD156" s="596"/>
      <c r="BE156" s="596"/>
    </row>
    <row r="157" spans="1:57" s="570" customFormat="1" ht="132" customHeight="1" thickTop="1" thickBot="1" x14ac:dyDescent="0.25">
      <c r="A157" s="669" t="s">
        <v>544</v>
      </c>
      <c r="B157" s="196"/>
      <c r="C157" s="196"/>
      <c r="D157" s="196"/>
      <c r="E157" s="196"/>
      <c r="F157" s="196"/>
      <c r="G157" s="196"/>
      <c r="H157" s="196"/>
      <c r="I157" s="196"/>
      <c r="J157" s="196"/>
      <c r="K157" s="196"/>
      <c r="L157" s="196"/>
      <c r="M157" s="670"/>
      <c r="N157" s="808" t="s">
        <v>27</v>
      </c>
      <c r="O157" s="1290" t="s">
        <v>20</v>
      </c>
      <c r="P157" s="999" t="s">
        <v>21</v>
      </c>
      <c r="Q157" s="1000" t="s">
        <v>22</v>
      </c>
      <c r="R157" s="1028"/>
      <c r="S157" s="561"/>
      <c r="T157" s="569"/>
      <c r="U157" s="596"/>
      <c r="V157" s="600"/>
      <c r="W157" s="600"/>
      <c r="X157" s="600"/>
      <c r="Y157" s="600"/>
      <c r="Z157" s="600"/>
      <c r="AA157" s="600"/>
      <c r="AB157" s="600"/>
      <c r="AC157" s="600"/>
      <c r="AD157" s="600"/>
      <c r="AE157" s="600"/>
      <c r="AF157" s="600"/>
      <c r="AG157" s="600"/>
      <c r="AH157" s="600"/>
      <c r="AI157" s="600"/>
      <c r="AJ157" s="600"/>
      <c r="AK157" s="600"/>
      <c r="AL157" s="600"/>
      <c r="AM157" s="600"/>
      <c r="AN157" s="600"/>
      <c r="AO157" s="600"/>
      <c r="AP157" s="600"/>
      <c r="AQ157" s="600"/>
      <c r="AR157" s="600"/>
      <c r="AS157" s="600"/>
      <c r="AT157" s="600"/>
      <c r="AU157" s="600"/>
      <c r="AV157" s="600"/>
      <c r="AW157" s="600"/>
      <c r="AX157" s="600"/>
      <c r="AY157" s="600"/>
      <c r="AZ157" s="600"/>
      <c r="BA157" s="600"/>
      <c r="BB157" s="600"/>
      <c r="BC157" s="600"/>
      <c r="BD157" s="600"/>
      <c r="BE157" s="600"/>
    </row>
    <row r="158" spans="1:57" s="546" customFormat="1" ht="69.900000000000006" customHeight="1" thickTop="1" x14ac:dyDescent="0.2">
      <c r="A158" s="833" t="s">
        <v>141</v>
      </c>
      <c r="B158" s="834"/>
      <c r="C158" s="834"/>
      <c r="D158" s="834"/>
      <c r="E158" s="834"/>
      <c r="F158" s="834"/>
      <c r="G158" s="834"/>
      <c r="H158" s="834"/>
      <c r="I158" s="834"/>
      <c r="J158" s="834"/>
      <c r="K158" s="834"/>
      <c r="L158" s="835"/>
      <c r="M158" s="834"/>
      <c r="N158" s="834"/>
      <c r="O158" s="834"/>
      <c r="P158" s="834"/>
      <c r="Q158" s="836"/>
      <c r="R158" s="1068"/>
      <c r="S158" s="561"/>
      <c r="T158" s="199"/>
      <c r="U158" s="538"/>
    </row>
    <row r="159" spans="1:57" s="546" customFormat="1" ht="69.900000000000006" customHeight="1" x14ac:dyDescent="0.2">
      <c r="A159" s="696" t="s">
        <v>142</v>
      </c>
      <c r="B159" s="697"/>
      <c r="C159" s="697"/>
      <c r="D159" s="697"/>
      <c r="E159" s="697"/>
      <c r="F159" s="697"/>
      <c r="G159" s="697"/>
      <c r="H159" s="697"/>
      <c r="I159" s="697"/>
      <c r="J159" s="697"/>
      <c r="K159" s="697"/>
      <c r="L159" s="697"/>
      <c r="M159" s="697"/>
      <c r="N159" s="697"/>
      <c r="O159" s="697"/>
      <c r="P159" s="697"/>
      <c r="Q159" s="698"/>
      <c r="R159" s="1068"/>
      <c r="S159" s="561"/>
      <c r="T159" s="199"/>
    </row>
    <row r="160" spans="1:57" s="546" customFormat="1" ht="69.900000000000006" customHeight="1" x14ac:dyDescent="0.2">
      <c r="A160" s="925" t="s">
        <v>143</v>
      </c>
      <c r="B160" s="926"/>
      <c r="C160" s="926"/>
      <c r="D160" s="926"/>
      <c r="E160" s="926"/>
      <c r="F160" s="926"/>
      <c r="G160" s="926"/>
      <c r="H160" s="926"/>
      <c r="I160" s="926"/>
      <c r="J160" s="926"/>
      <c r="K160" s="926"/>
      <c r="L160" s="926"/>
      <c r="M160" s="926"/>
      <c r="N160" s="926"/>
      <c r="O160" s="926"/>
      <c r="P160" s="926"/>
      <c r="Q160" s="927"/>
      <c r="R160" s="1068"/>
      <c r="S160" s="561"/>
      <c r="T160" s="199"/>
    </row>
    <row r="161" spans="1:259" s="570" customFormat="1" ht="69.599999999999994" customHeight="1" x14ac:dyDescent="0.2">
      <c r="A161" s="905" t="s">
        <v>144</v>
      </c>
      <c r="B161" s="906"/>
      <c r="C161" s="906"/>
      <c r="D161" s="906"/>
      <c r="E161" s="906"/>
      <c r="F161" s="906"/>
      <c r="G161" s="906"/>
      <c r="H161" s="906"/>
      <c r="I161" s="906"/>
      <c r="J161" s="906"/>
      <c r="K161" s="906"/>
      <c r="L161" s="906"/>
      <c r="M161" s="906"/>
      <c r="N161" s="906"/>
      <c r="O161" s="906"/>
      <c r="P161" s="906"/>
      <c r="Q161" s="907"/>
      <c r="R161" s="1028"/>
      <c r="S161" s="561"/>
      <c r="T161" s="595"/>
      <c r="U161" s="668"/>
      <c r="V161" s="600"/>
      <c r="W161" s="600"/>
      <c r="X161" s="600"/>
      <c r="Y161" s="600"/>
      <c r="Z161" s="600"/>
      <c r="AA161" s="600"/>
      <c r="AB161" s="600"/>
      <c r="AC161" s="600"/>
      <c r="AD161" s="600"/>
      <c r="AE161" s="600"/>
      <c r="AF161" s="600"/>
      <c r="AG161" s="600"/>
      <c r="AH161" s="600"/>
      <c r="AI161" s="600"/>
      <c r="AJ161" s="600"/>
      <c r="AK161" s="600"/>
      <c r="AL161" s="600"/>
      <c r="AM161" s="600"/>
      <c r="AN161" s="600"/>
      <c r="AO161" s="600"/>
      <c r="AP161" s="600"/>
      <c r="AQ161" s="600"/>
      <c r="AR161" s="600"/>
      <c r="AS161" s="600"/>
      <c r="AT161" s="600"/>
      <c r="AU161" s="600"/>
      <c r="AV161" s="600"/>
      <c r="AW161" s="600"/>
      <c r="AX161" s="600"/>
      <c r="AY161" s="600"/>
      <c r="AZ161" s="600"/>
      <c r="BA161" s="600"/>
      <c r="BB161" s="600"/>
      <c r="BC161" s="600"/>
      <c r="BD161" s="600"/>
      <c r="BE161" s="600"/>
    </row>
    <row r="162" spans="1:259" s="570" customFormat="1" ht="69.599999999999994" customHeight="1" x14ac:dyDescent="0.2">
      <c r="A162" s="779" t="s">
        <v>145</v>
      </c>
      <c r="B162" s="780"/>
      <c r="C162" s="780"/>
      <c r="D162" s="780"/>
      <c r="E162" s="780"/>
      <c r="F162" s="780"/>
      <c r="G162" s="780"/>
      <c r="H162" s="780"/>
      <c r="I162" s="780"/>
      <c r="J162" s="780"/>
      <c r="K162" s="780"/>
      <c r="L162" s="780"/>
      <c r="M162" s="780"/>
      <c r="N162" s="780"/>
      <c r="O162" s="780"/>
      <c r="P162" s="780"/>
      <c r="Q162" s="781"/>
      <c r="R162" s="1028"/>
      <c r="S162" s="561"/>
      <c r="T162" s="595"/>
      <c r="U162" s="668"/>
      <c r="V162" s="600"/>
      <c r="W162" s="600"/>
      <c r="X162" s="600"/>
      <c r="Y162" s="600"/>
      <c r="Z162" s="600"/>
      <c r="AA162" s="600"/>
      <c r="AB162" s="600"/>
      <c r="AC162" s="600"/>
      <c r="AD162" s="600"/>
      <c r="AE162" s="600"/>
      <c r="AF162" s="600"/>
      <c r="AG162" s="600"/>
      <c r="AH162" s="600"/>
      <c r="AI162" s="600"/>
      <c r="AJ162" s="600"/>
      <c r="AK162" s="600"/>
      <c r="AL162" s="600"/>
      <c r="AM162" s="600"/>
      <c r="AN162" s="600"/>
      <c r="AO162" s="600"/>
      <c r="AP162" s="600"/>
      <c r="AQ162" s="600"/>
      <c r="AR162" s="600"/>
      <c r="AS162" s="600"/>
      <c r="AT162" s="600"/>
      <c r="AU162" s="600"/>
      <c r="AV162" s="600"/>
      <c r="AW162" s="600"/>
      <c r="AX162" s="600"/>
      <c r="AY162" s="600"/>
      <c r="AZ162" s="600"/>
      <c r="BA162" s="600"/>
      <c r="BB162" s="600"/>
      <c r="BC162" s="600"/>
      <c r="BD162" s="600"/>
      <c r="BE162" s="600"/>
    </row>
    <row r="163" spans="1:259" s="546" customFormat="1" ht="69.900000000000006" customHeight="1" x14ac:dyDescent="0.2">
      <c r="A163" s="925" t="s">
        <v>146</v>
      </c>
      <c r="B163" s="926"/>
      <c r="C163" s="926"/>
      <c r="D163" s="926"/>
      <c r="E163" s="926"/>
      <c r="F163" s="926"/>
      <c r="G163" s="926"/>
      <c r="H163" s="926"/>
      <c r="I163" s="926"/>
      <c r="J163" s="926"/>
      <c r="K163" s="926"/>
      <c r="L163" s="926"/>
      <c r="M163" s="926"/>
      <c r="N163" s="926"/>
      <c r="O163" s="926"/>
      <c r="P163" s="926"/>
      <c r="Q163" s="927"/>
      <c r="R163" s="1068"/>
      <c r="S163" s="561"/>
      <c r="T163" s="199"/>
    </row>
    <row r="164" spans="1:259" s="570" customFormat="1" ht="70.2" customHeight="1" x14ac:dyDescent="0.2">
      <c r="A164" s="699" t="s">
        <v>147</v>
      </c>
      <c r="B164" s="700"/>
      <c r="C164" s="700"/>
      <c r="D164" s="700"/>
      <c r="E164" s="700"/>
      <c r="F164" s="700"/>
      <c r="G164" s="700"/>
      <c r="H164" s="700"/>
      <c r="I164" s="701"/>
      <c r="J164" s="841"/>
      <c r="K164" s="841"/>
      <c r="L164" s="841"/>
      <c r="M164" s="841"/>
      <c r="N164" s="841"/>
      <c r="O164" s="841"/>
      <c r="P164" s="841"/>
      <c r="Q164" s="913"/>
      <c r="R164" s="1028"/>
      <c r="S164" s="561"/>
      <c r="T164" s="595"/>
      <c r="U164" s="596"/>
      <c r="V164" s="600"/>
      <c r="W164" s="600"/>
      <c r="X164" s="600"/>
      <c r="Y164" s="600"/>
      <c r="Z164" s="600"/>
      <c r="AA164" s="600"/>
      <c r="AB164" s="600"/>
      <c r="AC164" s="600"/>
      <c r="AD164" s="600"/>
      <c r="AE164" s="600"/>
      <c r="AF164" s="600"/>
      <c r="AG164" s="600"/>
      <c r="AH164" s="600"/>
      <c r="AI164" s="600"/>
      <c r="AJ164" s="600"/>
      <c r="AK164" s="600"/>
      <c r="AL164" s="600"/>
      <c r="AM164" s="600"/>
      <c r="AN164" s="600"/>
      <c r="AO164" s="600"/>
      <c r="AP164" s="600"/>
      <c r="AQ164" s="600"/>
      <c r="AR164" s="600"/>
      <c r="AS164" s="600"/>
      <c r="AT164" s="600"/>
      <c r="AU164" s="600"/>
      <c r="AV164" s="600"/>
      <c r="AW164" s="600"/>
      <c r="AX164" s="600"/>
      <c r="AY164" s="600"/>
      <c r="AZ164" s="600"/>
      <c r="BA164" s="600"/>
      <c r="BB164" s="600"/>
      <c r="BC164" s="600"/>
      <c r="BD164" s="600"/>
      <c r="BE164" s="600"/>
    </row>
    <row r="165" spans="1:259" s="570" customFormat="1" ht="70.2" customHeight="1" x14ac:dyDescent="0.2">
      <c r="A165" s="707" t="s">
        <v>148</v>
      </c>
      <c r="B165" s="708"/>
      <c r="C165" s="708"/>
      <c r="D165" s="708"/>
      <c r="E165" s="708"/>
      <c r="F165" s="708"/>
      <c r="G165" s="708"/>
      <c r="H165" s="708"/>
      <c r="I165" s="709"/>
      <c r="J165" s="572" t="s">
        <v>149</v>
      </c>
      <c r="K165" s="710"/>
      <c r="L165" s="710"/>
      <c r="M165" s="710"/>
      <c r="N165" s="710"/>
      <c r="O165" s="710"/>
      <c r="P165" s="710"/>
      <c r="Q165" s="711"/>
      <c r="R165" s="1028"/>
      <c r="S165" s="561"/>
      <c r="T165" s="595"/>
      <c r="U165" s="596"/>
      <c r="V165" s="600"/>
      <c r="W165" s="600"/>
      <c r="X165" s="600"/>
      <c r="Y165" s="600"/>
      <c r="Z165" s="600"/>
      <c r="AA165" s="600"/>
      <c r="AB165" s="600"/>
      <c r="AC165" s="600"/>
      <c r="AD165" s="600"/>
      <c r="AE165" s="600"/>
      <c r="AF165" s="600"/>
      <c r="AG165" s="600"/>
      <c r="AH165" s="600"/>
      <c r="AI165" s="600"/>
      <c r="AJ165" s="600"/>
      <c r="AK165" s="600"/>
      <c r="AL165" s="600"/>
      <c r="AM165" s="600"/>
      <c r="AN165" s="600"/>
      <c r="AO165" s="600"/>
      <c r="AP165" s="600"/>
      <c r="AQ165" s="600"/>
      <c r="AR165" s="600"/>
      <c r="AS165" s="600"/>
      <c r="AT165" s="600"/>
      <c r="AU165" s="600"/>
      <c r="AV165" s="600"/>
      <c r="AW165" s="600"/>
      <c r="AX165" s="600"/>
      <c r="AY165" s="600"/>
      <c r="AZ165" s="600"/>
      <c r="BA165" s="600"/>
      <c r="BB165" s="600"/>
      <c r="BC165" s="600"/>
      <c r="BD165" s="600"/>
      <c r="BE165" s="600"/>
    </row>
    <row r="166" spans="1:259" s="570" customFormat="1" ht="70.2" customHeight="1" x14ac:dyDescent="0.2">
      <c r="A166" s="715"/>
      <c r="B166" s="716"/>
      <c r="C166" s="716"/>
      <c r="D166" s="716"/>
      <c r="E166" s="716"/>
      <c r="F166" s="716"/>
      <c r="G166" s="716"/>
      <c r="H166" s="716"/>
      <c r="I166" s="717"/>
      <c r="J166" s="843" t="s">
        <v>150</v>
      </c>
      <c r="K166" s="878"/>
      <c r="L166" s="914" t="s">
        <v>151</v>
      </c>
      <c r="M166" s="572"/>
      <c r="N166" s="710"/>
      <c r="O166" s="710"/>
      <c r="P166" s="710"/>
      <c r="Q166" s="711"/>
      <c r="R166" s="1028"/>
      <c r="S166" s="561"/>
      <c r="T166" s="595"/>
      <c r="U166" s="596"/>
      <c r="V166" s="600"/>
      <c r="W166" s="600"/>
      <c r="X166" s="600"/>
      <c r="Y166" s="600"/>
      <c r="Z166" s="600"/>
      <c r="AA166" s="600"/>
      <c r="AB166" s="600"/>
      <c r="AC166" s="600"/>
      <c r="AD166" s="600"/>
      <c r="AE166" s="600"/>
      <c r="AF166" s="600"/>
      <c r="AG166" s="600"/>
      <c r="AH166" s="600"/>
      <c r="AI166" s="600"/>
      <c r="AJ166" s="600"/>
      <c r="AK166" s="600"/>
      <c r="AL166" s="600"/>
      <c r="AM166" s="600"/>
      <c r="AN166" s="600"/>
      <c r="AO166" s="600"/>
      <c r="AP166" s="600"/>
      <c r="AQ166" s="600"/>
      <c r="AR166" s="600"/>
      <c r="AS166" s="600"/>
      <c r="AT166" s="600"/>
      <c r="AU166" s="600"/>
      <c r="AV166" s="600"/>
      <c r="AW166" s="600"/>
      <c r="AX166" s="600"/>
      <c r="AY166" s="600"/>
      <c r="AZ166" s="600"/>
      <c r="BA166" s="600"/>
      <c r="BB166" s="600"/>
      <c r="BC166" s="600"/>
      <c r="BD166" s="600"/>
      <c r="BE166" s="600"/>
    </row>
    <row r="167" spans="1:259" s="570" customFormat="1" ht="70.2" customHeight="1" x14ac:dyDescent="0.2">
      <c r="A167" s="928" t="s">
        <v>152</v>
      </c>
      <c r="B167" s="929"/>
      <c r="C167" s="929"/>
      <c r="D167" s="929"/>
      <c r="E167" s="929"/>
      <c r="F167" s="929"/>
      <c r="G167" s="929"/>
      <c r="H167" s="929"/>
      <c r="I167" s="930"/>
      <c r="J167" s="849"/>
      <c r="K167" s="849"/>
      <c r="L167" s="849"/>
      <c r="M167" s="849"/>
      <c r="N167" s="849"/>
      <c r="O167" s="849"/>
      <c r="P167" s="849"/>
      <c r="Q167" s="931"/>
      <c r="R167" s="1028"/>
      <c r="S167" s="561"/>
      <c r="T167" s="595"/>
      <c r="U167" s="596"/>
      <c r="V167" s="600"/>
      <c r="W167" s="600"/>
      <c r="X167" s="600"/>
      <c r="Y167" s="600"/>
      <c r="Z167" s="600"/>
      <c r="AA167" s="600"/>
      <c r="AB167" s="600"/>
      <c r="AC167" s="600"/>
      <c r="AD167" s="600"/>
      <c r="AE167" s="600"/>
      <c r="AF167" s="600"/>
      <c r="AG167" s="600"/>
      <c r="AH167" s="600"/>
      <c r="AI167" s="600"/>
      <c r="AJ167" s="600"/>
      <c r="AK167" s="600"/>
      <c r="AL167" s="600"/>
      <c r="AM167" s="600"/>
      <c r="AN167" s="600"/>
      <c r="AO167" s="600"/>
      <c r="AP167" s="600"/>
      <c r="AQ167" s="600"/>
      <c r="AR167" s="600"/>
      <c r="AS167" s="600"/>
      <c r="AT167" s="600"/>
      <c r="AU167" s="600"/>
      <c r="AV167" s="600"/>
      <c r="AW167" s="600"/>
      <c r="AX167" s="600"/>
      <c r="AY167" s="600"/>
      <c r="AZ167" s="600"/>
      <c r="BA167" s="600"/>
      <c r="BB167" s="600"/>
      <c r="BC167" s="600"/>
      <c r="BD167" s="600"/>
      <c r="BE167" s="600"/>
    </row>
    <row r="168" spans="1:259" s="570" customFormat="1" ht="70.2" customHeight="1" x14ac:dyDescent="0.2">
      <c r="A168" s="928" t="s">
        <v>153</v>
      </c>
      <c r="B168" s="929"/>
      <c r="C168" s="929"/>
      <c r="D168" s="929"/>
      <c r="E168" s="929"/>
      <c r="F168" s="929"/>
      <c r="G168" s="929"/>
      <c r="H168" s="929"/>
      <c r="I168" s="930"/>
      <c r="J168" s="849"/>
      <c r="K168" s="849"/>
      <c r="L168" s="849"/>
      <c r="M168" s="849"/>
      <c r="N168" s="849"/>
      <c r="O168" s="849"/>
      <c r="P168" s="849"/>
      <c r="Q168" s="931"/>
      <c r="R168" s="186"/>
      <c r="S168" s="187"/>
      <c r="T168" s="188"/>
      <c r="U168" s="818"/>
      <c r="V168" s="190"/>
      <c r="W168" s="190"/>
      <c r="X168" s="190"/>
      <c r="Y168" s="190"/>
      <c r="Z168" s="190"/>
      <c r="AA168" s="190"/>
      <c r="AB168" s="190"/>
      <c r="AC168" s="190"/>
      <c r="AD168" s="190"/>
      <c r="AE168" s="190"/>
      <c r="AF168" s="190"/>
      <c r="AG168" s="190"/>
      <c r="AH168" s="190"/>
      <c r="AI168" s="190"/>
      <c r="AJ168" s="190"/>
      <c r="AK168" s="190"/>
      <c r="AL168" s="190"/>
      <c r="AM168" s="190"/>
      <c r="AN168" s="190"/>
      <c r="AO168" s="190"/>
      <c r="AP168" s="190"/>
      <c r="AQ168" s="190"/>
      <c r="AR168" s="190"/>
      <c r="AS168" s="190"/>
      <c r="AT168" s="190"/>
      <c r="AU168" s="190"/>
      <c r="AV168" s="190"/>
      <c r="AW168" s="190"/>
      <c r="AX168" s="190"/>
      <c r="AY168" s="190"/>
      <c r="AZ168" s="190"/>
      <c r="BA168" s="190"/>
      <c r="BB168" s="190"/>
      <c r="BC168" s="190"/>
      <c r="BD168" s="190"/>
      <c r="BE168" s="190"/>
      <c r="BF168" s="191"/>
      <c r="BG168" s="191"/>
      <c r="BH168" s="191"/>
      <c r="BI168" s="191"/>
      <c r="BJ168" s="191"/>
      <c r="BK168" s="191"/>
      <c r="BL168" s="191"/>
      <c r="BM168" s="191"/>
      <c r="BN168" s="191"/>
      <c r="BO168" s="191"/>
      <c r="BP168" s="191"/>
      <c r="BQ168" s="191"/>
      <c r="BR168" s="191"/>
      <c r="BS168" s="191"/>
      <c r="BT168" s="191"/>
      <c r="BU168" s="191"/>
      <c r="BV168" s="191"/>
      <c r="BW168" s="191"/>
      <c r="BX168" s="191"/>
      <c r="BY168" s="191"/>
      <c r="BZ168" s="191"/>
      <c r="CA168" s="191"/>
      <c r="CB168" s="191"/>
      <c r="CC168" s="191"/>
      <c r="CD168" s="191"/>
      <c r="CE168" s="191"/>
      <c r="CF168" s="191"/>
      <c r="CG168" s="191"/>
      <c r="CH168" s="191"/>
      <c r="CI168" s="191"/>
      <c r="CJ168" s="191"/>
      <c r="CK168" s="191"/>
      <c r="CL168" s="191"/>
      <c r="CM168" s="191"/>
      <c r="CN168" s="191"/>
      <c r="CO168" s="191"/>
      <c r="CP168" s="191"/>
      <c r="CQ168" s="191"/>
      <c r="CR168" s="191"/>
      <c r="CS168" s="191"/>
      <c r="CT168" s="191"/>
      <c r="CU168" s="191"/>
      <c r="CV168" s="191"/>
      <c r="CW168" s="191"/>
      <c r="CX168" s="191"/>
      <c r="CY168" s="191"/>
      <c r="CZ168" s="191"/>
      <c r="DA168" s="191"/>
      <c r="DB168" s="191"/>
      <c r="DC168" s="191"/>
      <c r="DD168" s="191"/>
      <c r="DE168" s="191"/>
      <c r="DF168" s="191"/>
      <c r="DG168" s="191"/>
      <c r="DH168" s="191"/>
      <c r="DI168" s="191"/>
      <c r="DJ168" s="191"/>
      <c r="DK168" s="191"/>
      <c r="DL168" s="191"/>
      <c r="DM168" s="191"/>
      <c r="DN168" s="191"/>
      <c r="DO168" s="191"/>
      <c r="DP168" s="191"/>
      <c r="DQ168" s="191"/>
      <c r="DR168" s="191"/>
      <c r="DS168" s="191"/>
      <c r="DT168" s="191"/>
      <c r="DU168" s="191"/>
      <c r="DV168" s="191"/>
      <c r="DW168" s="191"/>
      <c r="DX168" s="191"/>
      <c r="DY168" s="191"/>
      <c r="DZ168" s="191"/>
      <c r="EA168" s="191"/>
      <c r="EB168" s="191"/>
      <c r="EC168" s="191"/>
      <c r="ED168" s="191"/>
      <c r="EE168" s="191"/>
      <c r="EF168" s="191"/>
      <c r="EG168" s="191"/>
      <c r="EH168" s="191"/>
      <c r="EI168" s="191"/>
      <c r="EJ168" s="191"/>
      <c r="EK168" s="191"/>
      <c r="EL168" s="191"/>
      <c r="EM168" s="191"/>
      <c r="EN168" s="191"/>
      <c r="EO168" s="191"/>
      <c r="EP168" s="191"/>
      <c r="EQ168" s="191"/>
      <c r="ER168" s="191"/>
      <c r="ES168" s="191"/>
      <c r="ET168" s="191"/>
      <c r="EU168" s="191"/>
      <c r="EV168" s="191"/>
      <c r="EW168" s="191"/>
      <c r="EX168" s="191"/>
      <c r="EY168" s="191"/>
      <c r="EZ168" s="191"/>
      <c r="FA168" s="191"/>
      <c r="FB168" s="191"/>
      <c r="FC168" s="191"/>
      <c r="FD168" s="191"/>
      <c r="FE168" s="191"/>
      <c r="FF168" s="191"/>
      <c r="FG168" s="191"/>
      <c r="FH168" s="191"/>
      <c r="FI168" s="191"/>
      <c r="FJ168" s="191"/>
      <c r="FK168" s="191"/>
      <c r="FL168" s="191"/>
      <c r="FM168" s="191"/>
      <c r="FN168" s="191"/>
      <c r="FO168" s="191"/>
      <c r="FP168" s="191"/>
      <c r="FQ168" s="191"/>
      <c r="FR168" s="191"/>
      <c r="FS168" s="191"/>
      <c r="FT168" s="191"/>
      <c r="FU168" s="191"/>
      <c r="FV168" s="191"/>
      <c r="FW168" s="191"/>
      <c r="FX168" s="191"/>
      <c r="FY168" s="191"/>
      <c r="FZ168" s="191"/>
      <c r="GA168" s="191"/>
      <c r="GB168" s="191"/>
      <c r="GC168" s="191"/>
      <c r="GD168" s="191"/>
      <c r="GE168" s="191"/>
      <c r="GF168" s="191"/>
      <c r="GG168" s="191"/>
      <c r="GH168" s="191"/>
      <c r="GI168" s="191"/>
      <c r="GJ168" s="191"/>
      <c r="GK168" s="191"/>
      <c r="GL168" s="191"/>
      <c r="GM168" s="191"/>
      <c r="GN168" s="191"/>
      <c r="GO168" s="191"/>
      <c r="GP168" s="191"/>
      <c r="GQ168" s="191"/>
      <c r="GR168" s="191"/>
      <c r="GS168" s="191"/>
      <c r="GT168" s="191"/>
      <c r="GU168" s="191"/>
      <c r="GV168" s="191"/>
      <c r="GW168" s="191"/>
      <c r="GX168" s="191"/>
      <c r="GY168" s="191"/>
      <c r="GZ168" s="191"/>
      <c r="HA168" s="191"/>
      <c r="HB168" s="191"/>
      <c r="HC168" s="191"/>
      <c r="HD168" s="191"/>
      <c r="HE168" s="191"/>
      <c r="HF168" s="191"/>
      <c r="HG168" s="191"/>
      <c r="HH168" s="191"/>
      <c r="HI168" s="191"/>
      <c r="HJ168" s="191"/>
      <c r="HK168" s="191"/>
      <c r="HL168" s="191"/>
      <c r="HM168" s="191"/>
      <c r="HN168" s="191"/>
      <c r="HO168" s="191"/>
      <c r="HP168" s="191"/>
      <c r="HQ168" s="191"/>
      <c r="HR168" s="191"/>
      <c r="HS168" s="191"/>
      <c r="HT168" s="191"/>
      <c r="HU168" s="191"/>
      <c r="HV168" s="191"/>
      <c r="HW168" s="191"/>
      <c r="HX168" s="191"/>
      <c r="HY168" s="191"/>
      <c r="HZ168" s="191"/>
      <c r="IA168" s="191"/>
      <c r="IB168" s="191"/>
      <c r="IC168" s="191"/>
      <c r="ID168" s="191"/>
      <c r="IE168" s="191"/>
      <c r="IF168" s="191"/>
      <c r="IG168" s="191"/>
      <c r="IH168" s="191"/>
      <c r="II168" s="191"/>
      <c r="IJ168" s="191"/>
      <c r="IK168" s="191"/>
      <c r="IL168" s="191"/>
      <c r="IM168" s="191"/>
      <c r="IN168" s="191"/>
      <c r="IO168" s="191"/>
      <c r="IP168" s="191"/>
      <c r="IQ168" s="191"/>
      <c r="IR168" s="191"/>
      <c r="IS168" s="191"/>
      <c r="IT168" s="191"/>
      <c r="IU168" s="191"/>
      <c r="IV168" s="191"/>
      <c r="IW168" s="191"/>
      <c r="IX168" s="191"/>
      <c r="IY168" s="191"/>
    </row>
    <row r="169" spans="1:259" s="570" customFormat="1" ht="70.2" customHeight="1" x14ac:dyDescent="0.2">
      <c r="A169" s="707" t="s">
        <v>154</v>
      </c>
      <c r="B169" s="708"/>
      <c r="C169" s="708"/>
      <c r="D169" s="708"/>
      <c r="E169" s="708"/>
      <c r="F169" s="708"/>
      <c r="G169" s="708"/>
      <c r="H169" s="708"/>
      <c r="I169" s="709"/>
      <c r="J169" s="915" t="s">
        <v>155</v>
      </c>
      <c r="K169" s="572" t="s">
        <v>156</v>
      </c>
      <c r="L169" s="710"/>
      <c r="M169" s="710"/>
      <c r="N169" s="710"/>
      <c r="O169" s="710"/>
      <c r="P169" s="710"/>
      <c r="Q169" s="711"/>
      <c r="R169" s="186"/>
      <c r="S169" s="187"/>
      <c r="T169" s="188"/>
      <c r="U169" s="818"/>
      <c r="V169" s="190"/>
      <c r="W169" s="190"/>
      <c r="X169" s="190"/>
      <c r="Y169" s="190"/>
      <c r="Z169" s="190"/>
      <c r="AA169" s="190"/>
      <c r="AB169" s="190"/>
      <c r="AC169" s="190"/>
      <c r="AD169" s="190"/>
      <c r="AE169" s="190"/>
      <c r="AF169" s="190"/>
      <c r="AG169" s="190"/>
      <c r="AH169" s="190"/>
      <c r="AI169" s="190"/>
      <c r="AJ169" s="190"/>
      <c r="AK169" s="190"/>
      <c r="AL169" s="190"/>
      <c r="AM169" s="190"/>
      <c r="AN169" s="190"/>
      <c r="AO169" s="190"/>
      <c r="AP169" s="190"/>
      <c r="AQ169" s="190"/>
      <c r="AR169" s="190"/>
      <c r="AS169" s="190"/>
      <c r="AT169" s="190"/>
      <c r="AU169" s="190"/>
      <c r="AV169" s="190"/>
      <c r="AW169" s="190"/>
      <c r="AX169" s="190"/>
      <c r="AY169" s="190"/>
      <c r="AZ169" s="190"/>
      <c r="BA169" s="190"/>
      <c r="BB169" s="190"/>
      <c r="BC169" s="190"/>
      <c r="BD169" s="190"/>
      <c r="BE169" s="190"/>
      <c r="BF169" s="191"/>
      <c r="BG169" s="191"/>
      <c r="BH169" s="191"/>
      <c r="BI169" s="191"/>
      <c r="BJ169" s="191"/>
      <c r="BK169" s="191"/>
      <c r="BL169" s="191"/>
      <c r="BM169" s="191"/>
      <c r="BN169" s="191"/>
      <c r="BO169" s="191"/>
      <c r="BP169" s="191"/>
      <c r="BQ169" s="191"/>
      <c r="BR169" s="191"/>
      <c r="BS169" s="191"/>
      <c r="BT169" s="191"/>
      <c r="BU169" s="191"/>
      <c r="BV169" s="191"/>
      <c r="BW169" s="191"/>
      <c r="BX169" s="191"/>
      <c r="BY169" s="191"/>
      <c r="BZ169" s="191"/>
      <c r="CA169" s="191"/>
      <c r="CB169" s="191"/>
      <c r="CC169" s="191"/>
      <c r="CD169" s="191"/>
      <c r="CE169" s="191"/>
      <c r="CF169" s="191"/>
      <c r="CG169" s="191"/>
      <c r="CH169" s="191"/>
      <c r="CI169" s="191"/>
      <c r="CJ169" s="191"/>
      <c r="CK169" s="191"/>
      <c r="CL169" s="191"/>
      <c r="CM169" s="191"/>
      <c r="CN169" s="191"/>
      <c r="CO169" s="191"/>
      <c r="CP169" s="191"/>
      <c r="CQ169" s="191"/>
      <c r="CR169" s="191"/>
      <c r="CS169" s="191"/>
      <c r="CT169" s="191"/>
      <c r="CU169" s="191"/>
      <c r="CV169" s="191"/>
      <c r="CW169" s="191"/>
      <c r="CX169" s="191"/>
      <c r="CY169" s="191"/>
      <c r="CZ169" s="191"/>
      <c r="DA169" s="191"/>
      <c r="DB169" s="191"/>
      <c r="DC169" s="191"/>
      <c r="DD169" s="191"/>
      <c r="DE169" s="191"/>
      <c r="DF169" s="191"/>
      <c r="DG169" s="191"/>
      <c r="DH169" s="191"/>
      <c r="DI169" s="191"/>
      <c r="DJ169" s="191"/>
      <c r="DK169" s="191"/>
      <c r="DL169" s="191"/>
      <c r="DM169" s="191"/>
      <c r="DN169" s="191"/>
      <c r="DO169" s="191"/>
      <c r="DP169" s="191"/>
      <c r="DQ169" s="191"/>
      <c r="DR169" s="191"/>
      <c r="DS169" s="191"/>
      <c r="DT169" s="191"/>
      <c r="DU169" s="191"/>
      <c r="DV169" s="191"/>
      <c r="DW169" s="191"/>
      <c r="DX169" s="191"/>
      <c r="DY169" s="191"/>
      <c r="DZ169" s="191"/>
      <c r="EA169" s="191"/>
      <c r="EB169" s="191"/>
      <c r="EC169" s="191"/>
      <c r="ED169" s="191"/>
      <c r="EE169" s="191"/>
      <c r="EF169" s="191"/>
      <c r="EG169" s="191"/>
      <c r="EH169" s="191"/>
      <c r="EI169" s="191"/>
      <c r="EJ169" s="191"/>
      <c r="EK169" s="191"/>
      <c r="EL169" s="191"/>
      <c r="EM169" s="191"/>
      <c r="EN169" s="191"/>
      <c r="EO169" s="191"/>
      <c r="EP169" s="191"/>
      <c r="EQ169" s="191"/>
      <c r="ER169" s="191"/>
      <c r="ES169" s="191"/>
      <c r="ET169" s="191"/>
      <c r="EU169" s="191"/>
      <c r="EV169" s="191"/>
      <c r="EW169" s="191"/>
      <c r="EX169" s="191"/>
      <c r="EY169" s="191"/>
      <c r="EZ169" s="191"/>
      <c r="FA169" s="191"/>
      <c r="FB169" s="191"/>
      <c r="FC169" s="191"/>
      <c r="FD169" s="191"/>
      <c r="FE169" s="191"/>
      <c r="FF169" s="191"/>
      <c r="FG169" s="191"/>
      <c r="FH169" s="191"/>
      <c r="FI169" s="191"/>
      <c r="FJ169" s="191"/>
      <c r="FK169" s="191"/>
      <c r="FL169" s="191"/>
      <c r="FM169" s="191"/>
      <c r="FN169" s="191"/>
      <c r="FO169" s="191"/>
      <c r="FP169" s="191"/>
      <c r="FQ169" s="191"/>
      <c r="FR169" s="191"/>
      <c r="FS169" s="191"/>
      <c r="FT169" s="191"/>
      <c r="FU169" s="191"/>
      <c r="FV169" s="191"/>
      <c r="FW169" s="191"/>
      <c r="FX169" s="191"/>
      <c r="FY169" s="191"/>
      <c r="FZ169" s="191"/>
      <c r="GA169" s="191"/>
      <c r="GB169" s="191"/>
      <c r="GC169" s="191"/>
      <c r="GD169" s="191"/>
      <c r="GE169" s="191"/>
      <c r="GF169" s="191"/>
      <c r="GG169" s="191"/>
      <c r="GH169" s="191"/>
      <c r="GI169" s="191"/>
      <c r="GJ169" s="191"/>
      <c r="GK169" s="191"/>
      <c r="GL169" s="191"/>
      <c r="GM169" s="191"/>
      <c r="GN169" s="191"/>
      <c r="GO169" s="191"/>
      <c r="GP169" s="191"/>
      <c r="GQ169" s="191"/>
      <c r="GR169" s="191"/>
      <c r="GS169" s="191"/>
      <c r="GT169" s="191"/>
      <c r="GU169" s="191"/>
      <c r="GV169" s="191"/>
      <c r="GW169" s="191"/>
      <c r="GX169" s="191"/>
      <c r="GY169" s="191"/>
      <c r="GZ169" s="191"/>
      <c r="HA169" s="191"/>
      <c r="HB169" s="191"/>
      <c r="HC169" s="191"/>
      <c r="HD169" s="191"/>
      <c r="HE169" s="191"/>
      <c r="HF169" s="191"/>
      <c r="HG169" s="191"/>
      <c r="HH169" s="191"/>
      <c r="HI169" s="191"/>
      <c r="HJ169" s="191"/>
      <c r="HK169" s="191"/>
      <c r="HL169" s="191"/>
      <c r="HM169" s="191"/>
      <c r="HN169" s="191"/>
      <c r="HO169" s="191"/>
      <c r="HP169" s="191"/>
      <c r="HQ169" s="191"/>
      <c r="HR169" s="191"/>
      <c r="HS169" s="191"/>
      <c r="HT169" s="191"/>
      <c r="HU169" s="191"/>
      <c r="HV169" s="191"/>
      <c r="HW169" s="191"/>
      <c r="HX169" s="191"/>
      <c r="HY169" s="191"/>
      <c r="HZ169" s="191"/>
      <c r="IA169" s="191"/>
      <c r="IB169" s="191"/>
      <c r="IC169" s="191"/>
      <c r="ID169" s="191"/>
      <c r="IE169" s="191"/>
      <c r="IF169" s="191"/>
      <c r="IG169" s="191"/>
      <c r="IH169" s="191"/>
      <c r="II169" s="191"/>
      <c r="IJ169" s="191"/>
      <c r="IK169" s="191"/>
      <c r="IL169" s="191"/>
      <c r="IM169" s="191"/>
      <c r="IN169" s="191"/>
      <c r="IO169" s="191"/>
      <c r="IP169" s="191"/>
      <c r="IQ169" s="191"/>
      <c r="IR169" s="191"/>
      <c r="IS169" s="191"/>
      <c r="IT169" s="191"/>
      <c r="IU169" s="191"/>
      <c r="IV169" s="191"/>
      <c r="IW169" s="191"/>
      <c r="IX169" s="191"/>
      <c r="IY169" s="191"/>
    </row>
    <row r="170" spans="1:259" s="570" customFormat="1" ht="70.2" customHeight="1" x14ac:dyDescent="0.2">
      <c r="A170" s="712"/>
      <c r="B170" s="713"/>
      <c r="C170" s="713"/>
      <c r="D170" s="713"/>
      <c r="E170" s="713"/>
      <c r="F170" s="713"/>
      <c r="G170" s="713"/>
      <c r="H170" s="713"/>
      <c r="I170" s="714"/>
      <c r="J170" s="572" t="s">
        <v>157</v>
      </c>
      <c r="K170" s="710"/>
      <c r="L170" s="710"/>
      <c r="M170" s="710"/>
      <c r="N170" s="710"/>
      <c r="O170" s="710"/>
      <c r="P170" s="710"/>
      <c r="Q170" s="711"/>
      <c r="R170" s="186"/>
      <c r="S170" s="187"/>
      <c r="T170" s="188"/>
      <c r="U170" s="818"/>
      <c r="V170" s="190"/>
      <c r="W170" s="190"/>
      <c r="X170" s="190"/>
      <c r="Y170" s="190"/>
      <c r="Z170" s="190"/>
      <c r="AA170" s="190"/>
      <c r="AB170" s="190"/>
      <c r="AC170" s="190"/>
      <c r="AD170" s="190"/>
      <c r="AE170" s="190"/>
      <c r="AF170" s="190"/>
      <c r="AG170" s="190"/>
      <c r="AH170" s="190"/>
      <c r="AI170" s="190"/>
      <c r="AJ170" s="190"/>
      <c r="AK170" s="190"/>
      <c r="AL170" s="190"/>
      <c r="AM170" s="190"/>
      <c r="AN170" s="190"/>
      <c r="AO170" s="190"/>
      <c r="AP170" s="190"/>
      <c r="AQ170" s="190"/>
      <c r="AR170" s="190"/>
      <c r="AS170" s="190"/>
      <c r="AT170" s="190"/>
      <c r="AU170" s="190"/>
      <c r="AV170" s="190"/>
      <c r="AW170" s="190"/>
      <c r="AX170" s="190"/>
      <c r="AY170" s="190"/>
      <c r="AZ170" s="190"/>
      <c r="BA170" s="190"/>
      <c r="BB170" s="190"/>
      <c r="BC170" s="190"/>
      <c r="BD170" s="190"/>
      <c r="BE170" s="190"/>
      <c r="BF170" s="191"/>
      <c r="BG170" s="191"/>
      <c r="BH170" s="191"/>
      <c r="BI170" s="191"/>
      <c r="BJ170" s="191"/>
      <c r="BK170" s="191"/>
      <c r="BL170" s="191"/>
      <c r="BM170" s="191"/>
      <c r="BN170" s="191"/>
      <c r="BO170" s="191"/>
      <c r="BP170" s="191"/>
      <c r="BQ170" s="191"/>
      <c r="BR170" s="191"/>
      <c r="BS170" s="191"/>
      <c r="BT170" s="191"/>
      <c r="BU170" s="191"/>
      <c r="BV170" s="191"/>
      <c r="BW170" s="191"/>
      <c r="BX170" s="191"/>
      <c r="BY170" s="191"/>
      <c r="BZ170" s="191"/>
      <c r="CA170" s="191"/>
      <c r="CB170" s="191"/>
      <c r="CC170" s="191"/>
      <c r="CD170" s="191"/>
      <c r="CE170" s="191"/>
      <c r="CF170" s="191"/>
      <c r="CG170" s="191"/>
      <c r="CH170" s="191"/>
      <c r="CI170" s="191"/>
      <c r="CJ170" s="191"/>
      <c r="CK170" s="191"/>
      <c r="CL170" s="191"/>
      <c r="CM170" s="191"/>
      <c r="CN170" s="191"/>
      <c r="CO170" s="191"/>
      <c r="CP170" s="191"/>
      <c r="CQ170" s="191"/>
      <c r="CR170" s="191"/>
      <c r="CS170" s="191"/>
      <c r="CT170" s="191"/>
      <c r="CU170" s="191"/>
      <c r="CV170" s="191"/>
      <c r="CW170" s="191"/>
      <c r="CX170" s="191"/>
      <c r="CY170" s="191"/>
      <c r="CZ170" s="191"/>
      <c r="DA170" s="191"/>
      <c r="DB170" s="191"/>
      <c r="DC170" s="191"/>
      <c r="DD170" s="191"/>
      <c r="DE170" s="191"/>
      <c r="DF170" s="191"/>
      <c r="DG170" s="191"/>
      <c r="DH170" s="191"/>
      <c r="DI170" s="191"/>
      <c r="DJ170" s="191"/>
      <c r="DK170" s="191"/>
      <c r="DL170" s="191"/>
      <c r="DM170" s="191"/>
      <c r="DN170" s="191"/>
      <c r="DO170" s="191"/>
      <c r="DP170" s="191"/>
      <c r="DQ170" s="191"/>
      <c r="DR170" s="191"/>
      <c r="DS170" s="191"/>
      <c r="DT170" s="191"/>
      <c r="DU170" s="191"/>
      <c r="DV170" s="191"/>
      <c r="DW170" s="191"/>
      <c r="DX170" s="191"/>
      <c r="DY170" s="191"/>
      <c r="DZ170" s="191"/>
      <c r="EA170" s="191"/>
      <c r="EB170" s="191"/>
      <c r="EC170" s="191"/>
      <c r="ED170" s="191"/>
      <c r="EE170" s="191"/>
      <c r="EF170" s="191"/>
      <c r="EG170" s="191"/>
      <c r="EH170" s="191"/>
      <c r="EI170" s="191"/>
      <c r="EJ170" s="191"/>
      <c r="EK170" s="191"/>
      <c r="EL170" s="191"/>
      <c r="EM170" s="191"/>
      <c r="EN170" s="191"/>
      <c r="EO170" s="191"/>
      <c r="EP170" s="191"/>
      <c r="EQ170" s="191"/>
      <c r="ER170" s="191"/>
      <c r="ES170" s="191"/>
      <c r="ET170" s="191"/>
      <c r="EU170" s="191"/>
      <c r="EV170" s="191"/>
      <c r="EW170" s="191"/>
      <c r="EX170" s="191"/>
      <c r="EY170" s="191"/>
      <c r="EZ170" s="191"/>
      <c r="FA170" s="191"/>
      <c r="FB170" s="191"/>
      <c r="FC170" s="191"/>
      <c r="FD170" s="191"/>
      <c r="FE170" s="191"/>
      <c r="FF170" s="191"/>
      <c r="FG170" s="191"/>
      <c r="FH170" s="191"/>
      <c r="FI170" s="191"/>
      <c r="FJ170" s="191"/>
      <c r="FK170" s="191"/>
      <c r="FL170" s="191"/>
      <c r="FM170" s="191"/>
      <c r="FN170" s="191"/>
      <c r="FO170" s="191"/>
      <c r="FP170" s="191"/>
      <c r="FQ170" s="191"/>
      <c r="FR170" s="191"/>
      <c r="FS170" s="191"/>
      <c r="FT170" s="191"/>
      <c r="FU170" s="191"/>
      <c r="FV170" s="191"/>
      <c r="FW170" s="191"/>
      <c r="FX170" s="191"/>
      <c r="FY170" s="191"/>
      <c r="FZ170" s="191"/>
      <c r="GA170" s="191"/>
      <c r="GB170" s="191"/>
      <c r="GC170" s="191"/>
      <c r="GD170" s="191"/>
      <c r="GE170" s="191"/>
      <c r="GF170" s="191"/>
      <c r="GG170" s="191"/>
      <c r="GH170" s="191"/>
      <c r="GI170" s="191"/>
      <c r="GJ170" s="191"/>
      <c r="GK170" s="191"/>
      <c r="GL170" s="191"/>
      <c r="GM170" s="191"/>
      <c r="GN170" s="191"/>
      <c r="GO170" s="191"/>
      <c r="GP170" s="191"/>
      <c r="GQ170" s="191"/>
      <c r="GR170" s="191"/>
      <c r="GS170" s="191"/>
      <c r="GT170" s="191"/>
      <c r="GU170" s="191"/>
      <c r="GV170" s="191"/>
      <c r="GW170" s="191"/>
      <c r="GX170" s="191"/>
      <c r="GY170" s="191"/>
      <c r="GZ170" s="191"/>
      <c r="HA170" s="191"/>
      <c r="HB170" s="191"/>
      <c r="HC170" s="191"/>
      <c r="HD170" s="191"/>
      <c r="HE170" s="191"/>
      <c r="HF170" s="191"/>
      <c r="HG170" s="191"/>
      <c r="HH170" s="191"/>
      <c r="HI170" s="191"/>
      <c r="HJ170" s="191"/>
      <c r="HK170" s="191"/>
      <c r="HL170" s="191"/>
      <c r="HM170" s="191"/>
      <c r="HN170" s="191"/>
      <c r="HO170" s="191"/>
      <c r="HP170" s="191"/>
      <c r="HQ170" s="191"/>
      <c r="HR170" s="191"/>
      <c r="HS170" s="191"/>
      <c r="HT170" s="191"/>
      <c r="HU170" s="191"/>
      <c r="HV170" s="191"/>
      <c r="HW170" s="191"/>
      <c r="HX170" s="191"/>
      <c r="HY170" s="191"/>
      <c r="HZ170" s="191"/>
      <c r="IA170" s="191"/>
      <c r="IB170" s="191"/>
      <c r="IC170" s="191"/>
      <c r="ID170" s="191"/>
      <c r="IE170" s="191"/>
      <c r="IF170" s="191"/>
      <c r="IG170" s="191"/>
      <c r="IH170" s="191"/>
      <c r="II170" s="191"/>
      <c r="IJ170" s="191"/>
      <c r="IK170" s="191"/>
      <c r="IL170" s="191"/>
      <c r="IM170" s="191"/>
      <c r="IN170" s="191"/>
      <c r="IO170" s="191"/>
      <c r="IP170" s="191"/>
      <c r="IQ170" s="191"/>
      <c r="IR170" s="191"/>
      <c r="IS170" s="191"/>
      <c r="IT170" s="191"/>
      <c r="IU170" s="191"/>
      <c r="IV170" s="191"/>
      <c r="IW170" s="191"/>
      <c r="IX170" s="191"/>
      <c r="IY170" s="191"/>
    </row>
    <row r="171" spans="1:259" s="570" customFormat="1" ht="70.2" customHeight="1" x14ac:dyDescent="0.2">
      <c r="A171" s="715"/>
      <c r="B171" s="716"/>
      <c r="C171" s="716"/>
      <c r="D171" s="716"/>
      <c r="E171" s="716"/>
      <c r="F171" s="716"/>
      <c r="G171" s="716"/>
      <c r="H171" s="716"/>
      <c r="I171" s="717"/>
      <c r="J171" s="843" t="s">
        <v>158</v>
      </c>
      <c r="K171" s="878"/>
      <c r="L171" s="914" t="s">
        <v>151</v>
      </c>
      <c r="M171" s="572"/>
      <c r="N171" s="710"/>
      <c r="O171" s="710"/>
      <c r="P171" s="710"/>
      <c r="Q171" s="711"/>
      <c r="R171" s="186"/>
      <c r="S171" s="187"/>
      <c r="T171" s="188"/>
      <c r="U171" s="818"/>
      <c r="V171" s="190"/>
      <c r="W171" s="190"/>
      <c r="X171" s="190"/>
      <c r="Y171" s="190"/>
      <c r="Z171" s="190"/>
      <c r="AA171" s="190"/>
      <c r="AB171" s="190"/>
      <c r="AC171" s="190"/>
      <c r="AD171" s="190"/>
      <c r="AE171" s="190"/>
      <c r="AF171" s="190"/>
      <c r="AG171" s="190"/>
      <c r="AH171" s="190"/>
      <c r="AI171" s="190"/>
      <c r="AJ171" s="190"/>
      <c r="AK171" s="190"/>
      <c r="AL171" s="190"/>
      <c r="AM171" s="190"/>
      <c r="AN171" s="190"/>
      <c r="AO171" s="190"/>
      <c r="AP171" s="190"/>
      <c r="AQ171" s="190"/>
      <c r="AR171" s="190"/>
      <c r="AS171" s="190"/>
      <c r="AT171" s="190"/>
      <c r="AU171" s="190"/>
      <c r="AV171" s="190"/>
      <c r="AW171" s="190"/>
      <c r="AX171" s="190"/>
      <c r="AY171" s="190"/>
      <c r="AZ171" s="190"/>
      <c r="BA171" s="190"/>
      <c r="BB171" s="190"/>
      <c r="BC171" s="190"/>
      <c r="BD171" s="190"/>
      <c r="BE171" s="190"/>
      <c r="BF171" s="191"/>
      <c r="BG171" s="191"/>
      <c r="BH171" s="191"/>
      <c r="BI171" s="191"/>
      <c r="BJ171" s="191"/>
      <c r="BK171" s="191"/>
      <c r="BL171" s="191"/>
      <c r="BM171" s="191"/>
      <c r="BN171" s="191"/>
      <c r="BO171" s="191"/>
      <c r="BP171" s="191"/>
      <c r="BQ171" s="191"/>
      <c r="BR171" s="191"/>
      <c r="BS171" s="191"/>
      <c r="BT171" s="191"/>
      <c r="BU171" s="191"/>
      <c r="BV171" s="191"/>
      <c r="BW171" s="191"/>
      <c r="BX171" s="191"/>
      <c r="BY171" s="191"/>
      <c r="BZ171" s="191"/>
      <c r="CA171" s="191"/>
      <c r="CB171" s="191"/>
      <c r="CC171" s="191"/>
      <c r="CD171" s="191"/>
      <c r="CE171" s="191"/>
      <c r="CF171" s="191"/>
      <c r="CG171" s="191"/>
      <c r="CH171" s="191"/>
      <c r="CI171" s="191"/>
      <c r="CJ171" s="191"/>
      <c r="CK171" s="191"/>
      <c r="CL171" s="191"/>
      <c r="CM171" s="191"/>
      <c r="CN171" s="191"/>
      <c r="CO171" s="191"/>
      <c r="CP171" s="191"/>
      <c r="CQ171" s="191"/>
      <c r="CR171" s="191"/>
      <c r="CS171" s="191"/>
      <c r="CT171" s="191"/>
      <c r="CU171" s="191"/>
      <c r="CV171" s="191"/>
      <c r="CW171" s="191"/>
      <c r="CX171" s="191"/>
      <c r="CY171" s="191"/>
      <c r="CZ171" s="191"/>
      <c r="DA171" s="191"/>
      <c r="DB171" s="191"/>
      <c r="DC171" s="191"/>
      <c r="DD171" s="191"/>
      <c r="DE171" s="191"/>
      <c r="DF171" s="191"/>
      <c r="DG171" s="191"/>
      <c r="DH171" s="191"/>
      <c r="DI171" s="191"/>
      <c r="DJ171" s="191"/>
      <c r="DK171" s="191"/>
      <c r="DL171" s="191"/>
      <c r="DM171" s="191"/>
      <c r="DN171" s="191"/>
      <c r="DO171" s="191"/>
      <c r="DP171" s="191"/>
      <c r="DQ171" s="191"/>
      <c r="DR171" s="191"/>
      <c r="DS171" s="191"/>
      <c r="DT171" s="191"/>
      <c r="DU171" s="191"/>
      <c r="DV171" s="191"/>
      <c r="DW171" s="191"/>
      <c r="DX171" s="191"/>
      <c r="DY171" s="191"/>
      <c r="DZ171" s="191"/>
      <c r="EA171" s="191"/>
      <c r="EB171" s="191"/>
      <c r="EC171" s="191"/>
      <c r="ED171" s="191"/>
      <c r="EE171" s="191"/>
      <c r="EF171" s="191"/>
      <c r="EG171" s="191"/>
      <c r="EH171" s="191"/>
      <c r="EI171" s="191"/>
      <c r="EJ171" s="191"/>
      <c r="EK171" s="191"/>
      <c r="EL171" s="191"/>
      <c r="EM171" s="191"/>
      <c r="EN171" s="191"/>
      <c r="EO171" s="191"/>
      <c r="EP171" s="191"/>
      <c r="EQ171" s="191"/>
      <c r="ER171" s="191"/>
      <c r="ES171" s="191"/>
      <c r="ET171" s="191"/>
      <c r="EU171" s="191"/>
      <c r="EV171" s="191"/>
      <c r="EW171" s="191"/>
      <c r="EX171" s="191"/>
      <c r="EY171" s="191"/>
      <c r="EZ171" s="191"/>
      <c r="FA171" s="191"/>
      <c r="FB171" s="191"/>
      <c r="FC171" s="191"/>
      <c r="FD171" s="191"/>
      <c r="FE171" s="191"/>
      <c r="FF171" s="191"/>
      <c r="FG171" s="191"/>
      <c r="FH171" s="191"/>
      <c r="FI171" s="191"/>
      <c r="FJ171" s="191"/>
      <c r="FK171" s="191"/>
      <c r="FL171" s="191"/>
      <c r="FM171" s="191"/>
      <c r="FN171" s="191"/>
      <c r="FO171" s="191"/>
      <c r="FP171" s="191"/>
      <c r="FQ171" s="191"/>
      <c r="FR171" s="191"/>
      <c r="FS171" s="191"/>
      <c r="FT171" s="191"/>
      <c r="FU171" s="191"/>
      <c r="FV171" s="191"/>
      <c r="FW171" s="191"/>
      <c r="FX171" s="191"/>
      <c r="FY171" s="191"/>
      <c r="FZ171" s="191"/>
      <c r="GA171" s="191"/>
      <c r="GB171" s="191"/>
      <c r="GC171" s="191"/>
      <c r="GD171" s="191"/>
      <c r="GE171" s="191"/>
      <c r="GF171" s="191"/>
      <c r="GG171" s="191"/>
      <c r="GH171" s="191"/>
      <c r="GI171" s="191"/>
      <c r="GJ171" s="191"/>
      <c r="GK171" s="191"/>
      <c r="GL171" s="191"/>
      <c r="GM171" s="191"/>
      <c r="GN171" s="191"/>
      <c r="GO171" s="191"/>
      <c r="GP171" s="191"/>
      <c r="GQ171" s="191"/>
      <c r="GR171" s="191"/>
      <c r="GS171" s="191"/>
      <c r="GT171" s="191"/>
      <c r="GU171" s="191"/>
      <c r="GV171" s="191"/>
      <c r="GW171" s="191"/>
      <c r="GX171" s="191"/>
      <c r="GY171" s="191"/>
      <c r="GZ171" s="191"/>
      <c r="HA171" s="191"/>
      <c r="HB171" s="191"/>
      <c r="HC171" s="191"/>
      <c r="HD171" s="191"/>
      <c r="HE171" s="191"/>
      <c r="HF171" s="191"/>
      <c r="HG171" s="191"/>
      <c r="HH171" s="191"/>
      <c r="HI171" s="191"/>
      <c r="HJ171" s="191"/>
      <c r="HK171" s="191"/>
      <c r="HL171" s="191"/>
      <c r="HM171" s="191"/>
      <c r="HN171" s="191"/>
      <c r="HO171" s="191"/>
      <c r="HP171" s="191"/>
      <c r="HQ171" s="191"/>
      <c r="HR171" s="191"/>
      <c r="HS171" s="191"/>
      <c r="HT171" s="191"/>
      <c r="HU171" s="191"/>
      <c r="HV171" s="191"/>
      <c r="HW171" s="191"/>
      <c r="HX171" s="191"/>
      <c r="HY171" s="191"/>
      <c r="HZ171" s="191"/>
      <c r="IA171" s="191"/>
      <c r="IB171" s="191"/>
      <c r="IC171" s="191"/>
      <c r="ID171" s="191"/>
      <c r="IE171" s="191"/>
      <c r="IF171" s="191"/>
      <c r="IG171" s="191"/>
      <c r="IH171" s="191"/>
      <c r="II171" s="191"/>
      <c r="IJ171" s="191"/>
      <c r="IK171" s="191"/>
      <c r="IL171" s="191"/>
      <c r="IM171" s="191"/>
      <c r="IN171" s="191"/>
      <c r="IO171" s="191"/>
      <c r="IP171" s="191"/>
      <c r="IQ171" s="191"/>
      <c r="IR171" s="191"/>
      <c r="IS171" s="191"/>
      <c r="IT171" s="191"/>
      <c r="IU171" s="191"/>
      <c r="IV171" s="191"/>
      <c r="IW171" s="191"/>
      <c r="IX171" s="191"/>
      <c r="IY171" s="191"/>
    </row>
    <row r="172" spans="1:259" s="570" customFormat="1" ht="70.2" customHeight="1" x14ac:dyDescent="0.2">
      <c r="A172" s="928" t="s">
        <v>159</v>
      </c>
      <c r="B172" s="929"/>
      <c r="C172" s="929"/>
      <c r="D172" s="929"/>
      <c r="E172" s="929"/>
      <c r="F172" s="929"/>
      <c r="G172" s="929"/>
      <c r="H172" s="929"/>
      <c r="I172" s="930"/>
      <c r="J172" s="849"/>
      <c r="K172" s="849"/>
      <c r="L172" s="849"/>
      <c r="M172" s="849"/>
      <c r="N172" s="849"/>
      <c r="O172" s="849"/>
      <c r="P172" s="849"/>
      <c r="Q172" s="931"/>
      <c r="R172" s="186"/>
      <c r="S172" s="187"/>
      <c r="T172" s="188"/>
      <c r="U172" s="818"/>
      <c r="V172" s="190"/>
      <c r="W172" s="190"/>
      <c r="X172" s="190"/>
      <c r="Y172" s="190"/>
      <c r="Z172" s="190"/>
      <c r="AA172" s="190"/>
      <c r="AB172" s="190"/>
      <c r="AC172" s="190"/>
      <c r="AD172" s="190"/>
      <c r="AE172" s="190"/>
      <c r="AF172" s="190"/>
      <c r="AG172" s="190"/>
      <c r="AH172" s="190"/>
      <c r="AI172" s="190"/>
      <c r="AJ172" s="190"/>
      <c r="AK172" s="190"/>
      <c r="AL172" s="190"/>
      <c r="AM172" s="190"/>
      <c r="AN172" s="190"/>
      <c r="AO172" s="190"/>
      <c r="AP172" s="190"/>
      <c r="AQ172" s="190"/>
      <c r="AR172" s="190"/>
      <c r="AS172" s="190"/>
      <c r="AT172" s="190"/>
      <c r="AU172" s="190"/>
      <c r="AV172" s="190"/>
      <c r="AW172" s="190"/>
      <c r="AX172" s="190"/>
      <c r="AY172" s="190"/>
      <c r="AZ172" s="190"/>
      <c r="BA172" s="190"/>
      <c r="BB172" s="190"/>
      <c r="BC172" s="190"/>
      <c r="BD172" s="190"/>
      <c r="BE172" s="190"/>
      <c r="BF172" s="191"/>
      <c r="BG172" s="191"/>
      <c r="BH172" s="191"/>
      <c r="BI172" s="191"/>
      <c r="BJ172" s="191"/>
      <c r="BK172" s="191"/>
      <c r="BL172" s="191"/>
      <c r="BM172" s="191"/>
      <c r="BN172" s="191"/>
      <c r="BO172" s="191"/>
      <c r="BP172" s="191"/>
      <c r="BQ172" s="191"/>
      <c r="BR172" s="191"/>
      <c r="BS172" s="191"/>
      <c r="BT172" s="191"/>
      <c r="BU172" s="191"/>
      <c r="BV172" s="191"/>
      <c r="BW172" s="191"/>
      <c r="BX172" s="191"/>
      <c r="BY172" s="191"/>
      <c r="BZ172" s="191"/>
      <c r="CA172" s="191"/>
      <c r="CB172" s="191"/>
      <c r="CC172" s="191"/>
      <c r="CD172" s="191"/>
      <c r="CE172" s="191"/>
      <c r="CF172" s="191"/>
      <c r="CG172" s="191"/>
      <c r="CH172" s="191"/>
      <c r="CI172" s="191"/>
      <c r="CJ172" s="191"/>
      <c r="CK172" s="191"/>
      <c r="CL172" s="191"/>
      <c r="CM172" s="191"/>
      <c r="CN172" s="191"/>
      <c r="CO172" s="191"/>
      <c r="CP172" s="191"/>
      <c r="CQ172" s="191"/>
      <c r="CR172" s="191"/>
      <c r="CS172" s="191"/>
      <c r="CT172" s="191"/>
      <c r="CU172" s="191"/>
      <c r="CV172" s="191"/>
      <c r="CW172" s="191"/>
      <c r="CX172" s="191"/>
      <c r="CY172" s="191"/>
      <c r="CZ172" s="191"/>
      <c r="DA172" s="191"/>
      <c r="DB172" s="191"/>
      <c r="DC172" s="191"/>
      <c r="DD172" s="191"/>
      <c r="DE172" s="191"/>
      <c r="DF172" s="191"/>
      <c r="DG172" s="191"/>
      <c r="DH172" s="191"/>
      <c r="DI172" s="191"/>
      <c r="DJ172" s="191"/>
      <c r="DK172" s="191"/>
      <c r="DL172" s="191"/>
      <c r="DM172" s="191"/>
      <c r="DN172" s="191"/>
      <c r="DO172" s="191"/>
      <c r="DP172" s="191"/>
      <c r="DQ172" s="191"/>
      <c r="DR172" s="191"/>
      <c r="DS172" s="191"/>
      <c r="DT172" s="191"/>
      <c r="DU172" s="191"/>
      <c r="DV172" s="191"/>
      <c r="DW172" s="191"/>
      <c r="DX172" s="191"/>
      <c r="DY172" s="191"/>
      <c r="DZ172" s="191"/>
      <c r="EA172" s="191"/>
      <c r="EB172" s="191"/>
      <c r="EC172" s="191"/>
      <c r="ED172" s="191"/>
      <c r="EE172" s="191"/>
      <c r="EF172" s="191"/>
      <c r="EG172" s="191"/>
      <c r="EH172" s="191"/>
      <c r="EI172" s="191"/>
      <c r="EJ172" s="191"/>
      <c r="EK172" s="191"/>
      <c r="EL172" s="191"/>
      <c r="EM172" s="191"/>
      <c r="EN172" s="191"/>
      <c r="EO172" s="191"/>
      <c r="EP172" s="191"/>
      <c r="EQ172" s="191"/>
      <c r="ER172" s="191"/>
      <c r="ES172" s="191"/>
      <c r="ET172" s="191"/>
      <c r="EU172" s="191"/>
      <c r="EV172" s="191"/>
      <c r="EW172" s="191"/>
      <c r="EX172" s="191"/>
      <c r="EY172" s="191"/>
      <c r="EZ172" s="191"/>
      <c r="FA172" s="191"/>
      <c r="FB172" s="191"/>
      <c r="FC172" s="191"/>
      <c r="FD172" s="191"/>
      <c r="FE172" s="191"/>
      <c r="FF172" s="191"/>
      <c r="FG172" s="191"/>
      <c r="FH172" s="191"/>
      <c r="FI172" s="191"/>
      <c r="FJ172" s="191"/>
      <c r="FK172" s="191"/>
      <c r="FL172" s="191"/>
      <c r="FM172" s="191"/>
      <c r="FN172" s="191"/>
      <c r="FO172" s="191"/>
      <c r="FP172" s="191"/>
      <c r="FQ172" s="191"/>
      <c r="FR172" s="191"/>
      <c r="FS172" s="191"/>
      <c r="FT172" s="191"/>
      <c r="FU172" s="191"/>
      <c r="FV172" s="191"/>
      <c r="FW172" s="191"/>
      <c r="FX172" s="191"/>
      <c r="FY172" s="191"/>
      <c r="FZ172" s="191"/>
      <c r="GA172" s="191"/>
      <c r="GB172" s="191"/>
      <c r="GC172" s="191"/>
      <c r="GD172" s="191"/>
      <c r="GE172" s="191"/>
      <c r="GF172" s="191"/>
      <c r="GG172" s="191"/>
      <c r="GH172" s="191"/>
      <c r="GI172" s="191"/>
      <c r="GJ172" s="191"/>
      <c r="GK172" s="191"/>
      <c r="GL172" s="191"/>
      <c r="GM172" s="191"/>
      <c r="GN172" s="191"/>
      <c r="GO172" s="191"/>
      <c r="GP172" s="191"/>
      <c r="GQ172" s="191"/>
      <c r="GR172" s="191"/>
      <c r="GS172" s="191"/>
      <c r="GT172" s="191"/>
      <c r="GU172" s="191"/>
      <c r="GV172" s="191"/>
      <c r="GW172" s="191"/>
      <c r="GX172" s="191"/>
      <c r="GY172" s="191"/>
      <c r="GZ172" s="191"/>
      <c r="HA172" s="191"/>
      <c r="HB172" s="191"/>
      <c r="HC172" s="191"/>
      <c r="HD172" s="191"/>
      <c r="HE172" s="191"/>
      <c r="HF172" s="191"/>
      <c r="HG172" s="191"/>
      <c r="HH172" s="191"/>
      <c r="HI172" s="191"/>
      <c r="HJ172" s="191"/>
      <c r="HK172" s="191"/>
      <c r="HL172" s="191"/>
      <c r="HM172" s="191"/>
      <c r="HN172" s="191"/>
      <c r="HO172" s="191"/>
      <c r="HP172" s="191"/>
      <c r="HQ172" s="191"/>
      <c r="HR172" s="191"/>
      <c r="HS172" s="191"/>
      <c r="HT172" s="191"/>
      <c r="HU172" s="191"/>
      <c r="HV172" s="191"/>
      <c r="HW172" s="191"/>
      <c r="HX172" s="191"/>
      <c r="HY172" s="191"/>
      <c r="HZ172" s="191"/>
      <c r="IA172" s="191"/>
      <c r="IB172" s="191"/>
      <c r="IC172" s="191"/>
      <c r="ID172" s="191"/>
      <c r="IE172" s="191"/>
      <c r="IF172" s="191"/>
      <c r="IG172" s="191"/>
      <c r="IH172" s="191"/>
      <c r="II172" s="191"/>
      <c r="IJ172" s="191"/>
      <c r="IK172" s="191"/>
      <c r="IL172" s="191"/>
      <c r="IM172" s="191"/>
      <c r="IN172" s="191"/>
      <c r="IO172" s="191"/>
      <c r="IP172" s="191"/>
      <c r="IQ172" s="191"/>
      <c r="IR172" s="191"/>
      <c r="IS172" s="191"/>
      <c r="IT172" s="191"/>
      <c r="IU172" s="191"/>
      <c r="IV172" s="191"/>
      <c r="IW172" s="191"/>
      <c r="IX172" s="191"/>
      <c r="IY172" s="191"/>
    </row>
    <row r="173" spans="1:259" s="570" customFormat="1" ht="70.2" customHeight="1" x14ac:dyDescent="0.2">
      <c r="A173" s="707" t="s">
        <v>160</v>
      </c>
      <c r="B173" s="708"/>
      <c r="C173" s="708"/>
      <c r="D173" s="708"/>
      <c r="E173" s="708"/>
      <c r="F173" s="708"/>
      <c r="G173" s="708"/>
      <c r="H173" s="708"/>
      <c r="I173" s="709"/>
      <c r="J173" s="946"/>
      <c r="K173" s="708"/>
      <c r="L173" s="708"/>
      <c r="M173" s="708"/>
      <c r="N173" s="708"/>
      <c r="O173" s="708"/>
      <c r="P173" s="708"/>
      <c r="Q173" s="947"/>
      <c r="R173" s="1028"/>
      <c r="S173" s="561"/>
      <c r="T173" s="595"/>
      <c r="U173" s="596"/>
      <c r="V173" s="600"/>
      <c r="W173" s="600"/>
      <c r="X173" s="600"/>
      <c r="Y173" s="600"/>
      <c r="Z173" s="600"/>
      <c r="AA173" s="600"/>
      <c r="AB173" s="600"/>
      <c r="AC173" s="600"/>
      <c r="AD173" s="600"/>
      <c r="AE173" s="600"/>
      <c r="AF173" s="600"/>
      <c r="AG173" s="600"/>
      <c r="AH173" s="600"/>
      <c r="AI173" s="600"/>
      <c r="AJ173" s="600"/>
      <c r="AK173" s="600"/>
      <c r="AL173" s="600"/>
      <c r="AM173" s="600"/>
      <c r="AN173" s="600"/>
      <c r="AO173" s="600"/>
      <c r="AP173" s="600"/>
      <c r="AQ173" s="600"/>
      <c r="AR173" s="600"/>
      <c r="AS173" s="600"/>
      <c r="AT173" s="600"/>
      <c r="AU173" s="600"/>
      <c r="AV173" s="600"/>
      <c r="AW173" s="600"/>
      <c r="AX173" s="600"/>
      <c r="AY173" s="600"/>
      <c r="AZ173" s="600"/>
      <c r="BA173" s="600"/>
      <c r="BB173" s="600"/>
      <c r="BC173" s="600"/>
      <c r="BD173" s="600"/>
      <c r="BE173" s="600"/>
    </row>
    <row r="174" spans="1:259" s="546" customFormat="1" ht="69.900000000000006" customHeight="1" x14ac:dyDescent="0.2">
      <c r="A174" s="70" t="s">
        <v>28</v>
      </c>
      <c r="B174" s="72"/>
      <c r="C174" s="72"/>
      <c r="D174" s="72"/>
      <c r="E174" s="72"/>
      <c r="F174" s="72"/>
      <c r="G174" s="72"/>
      <c r="H174" s="72"/>
      <c r="I174" s="72"/>
      <c r="J174" s="72"/>
      <c r="K174" s="72"/>
      <c r="L174" s="72"/>
      <c r="M174" s="72"/>
      <c r="N174" s="72"/>
      <c r="O174" s="72"/>
      <c r="P174" s="72"/>
      <c r="Q174" s="202"/>
      <c r="R174" s="1068"/>
      <c r="S174" s="561"/>
      <c r="T174" s="199"/>
    </row>
    <row r="175" spans="1:259" s="570" customFormat="1" ht="75" customHeight="1" x14ac:dyDescent="0.2">
      <c r="A175" s="575"/>
      <c r="B175" s="576"/>
      <c r="C175" s="576"/>
      <c r="D175" s="576"/>
      <c r="E175" s="576"/>
      <c r="F175" s="576"/>
      <c r="G175" s="576"/>
      <c r="H175" s="576"/>
      <c r="I175" s="576"/>
      <c r="J175" s="576"/>
      <c r="K175" s="576"/>
      <c r="L175" s="577"/>
      <c r="M175" s="576"/>
      <c r="N175" s="576"/>
      <c r="O175" s="576"/>
      <c r="P175" s="576"/>
      <c r="Q175" s="578"/>
      <c r="R175" s="1028"/>
      <c r="S175" s="561"/>
      <c r="T175" s="579"/>
      <c r="U175" s="546"/>
    </row>
    <row r="176" spans="1:259" s="570" customFormat="1" ht="75" customHeight="1" thickBot="1" x14ac:dyDescent="0.25">
      <c r="A176" s="606"/>
      <c r="B176" s="607"/>
      <c r="C176" s="607"/>
      <c r="D176" s="607"/>
      <c r="E176" s="607"/>
      <c r="F176" s="607"/>
      <c r="G176" s="607"/>
      <c r="H176" s="607"/>
      <c r="I176" s="607"/>
      <c r="J176" s="607"/>
      <c r="K176" s="607"/>
      <c r="L176" s="608"/>
      <c r="M176" s="607"/>
      <c r="N176" s="607"/>
      <c r="O176" s="607"/>
      <c r="P176" s="607"/>
      <c r="Q176" s="609"/>
      <c r="R176" s="1028"/>
      <c r="S176" s="561"/>
      <c r="T176" s="579"/>
      <c r="U176" s="546"/>
    </row>
    <row r="177" spans="1:259" s="546" customFormat="1" ht="69.900000000000006" customHeight="1" thickBot="1" x14ac:dyDescent="0.25">
      <c r="A177" s="724" t="s">
        <v>545</v>
      </c>
      <c r="B177" s="726"/>
      <c r="C177" s="726"/>
      <c r="D177" s="726"/>
      <c r="E177" s="726"/>
      <c r="F177" s="726"/>
      <c r="G177" s="726"/>
      <c r="H177" s="726"/>
      <c r="I177" s="726"/>
      <c r="J177" s="726"/>
      <c r="K177" s="726"/>
      <c r="L177" s="726"/>
      <c r="M177" s="726"/>
      <c r="N177" s="726"/>
      <c r="O177" s="726"/>
      <c r="P177" s="726"/>
      <c r="Q177" s="819"/>
      <c r="R177" s="1028"/>
      <c r="S177" s="561"/>
      <c r="T177" s="595"/>
      <c r="U177" s="596"/>
      <c r="V177" s="596"/>
      <c r="W177" s="596"/>
      <c r="X177" s="596"/>
      <c r="Y177" s="600"/>
      <c r="Z177" s="600"/>
      <c r="AA177" s="600"/>
      <c r="AB177" s="600"/>
      <c r="AC177" s="600"/>
      <c r="AD177" s="600"/>
      <c r="AE177" s="600"/>
      <c r="AF177" s="600"/>
      <c r="AG177" s="600"/>
      <c r="AH177" s="600"/>
      <c r="AI177" s="600"/>
      <c r="AJ177" s="600"/>
      <c r="AK177" s="600"/>
      <c r="AL177" s="600"/>
      <c r="AM177" s="600"/>
      <c r="AN177" s="600"/>
      <c r="AO177" s="596"/>
      <c r="AP177" s="596"/>
      <c r="AQ177" s="596"/>
      <c r="AR177" s="596"/>
      <c r="AS177" s="596"/>
      <c r="AT177" s="596"/>
      <c r="AU177" s="596"/>
      <c r="AV177" s="596"/>
      <c r="AW177" s="596"/>
      <c r="AX177" s="596"/>
      <c r="AY177" s="596"/>
      <c r="AZ177" s="596"/>
      <c r="BA177" s="596"/>
      <c r="BB177" s="596"/>
      <c r="BC177" s="596"/>
      <c r="BD177" s="596"/>
      <c r="BE177" s="596"/>
    </row>
    <row r="178" spans="1:259" s="570" customFormat="1" ht="140.1" customHeight="1" thickTop="1" thickBot="1" x14ac:dyDescent="0.25">
      <c r="A178" s="1324" t="s">
        <v>546</v>
      </c>
      <c r="B178" s="1325"/>
      <c r="C178" s="1325"/>
      <c r="D178" s="1325"/>
      <c r="E178" s="1325"/>
      <c r="F178" s="1325"/>
      <c r="G178" s="1325"/>
      <c r="H178" s="1325"/>
      <c r="I178" s="1325"/>
      <c r="J178" s="1325"/>
      <c r="K178" s="1325"/>
      <c r="L178" s="1325"/>
      <c r="M178" s="1325"/>
      <c r="N178" s="912"/>
      <c r="O178" s="1326" t="s">
        <v>20</v>
      </c>
      <c r="P178" s="999" t="s">
        <v>21</v>
      </c>
      <c r="Q178" s="1327" t="s">
        <v>22</v>
      </c>
      <c r="R178" s="1028"/>
      <c r="S178" s="561"/>
      <c r="T178" s="569"/>
      <c r="U178" s="596"/>
      <c r="V178" s="600"/>
      <c r="W178" s="600"/>
      <c r="X178" s="600"/>
      <c r="Y178" s="600"/>
      <c r="Z178" s="600"/>
      <c r="AA178" s="600"/>
      <c r="AB178" s="600"/>
      <c r="AC178" s="600"/>
      <c r="AD178" s="600"/>
      <c r="AE178" s="600"/>
      <c r="AF178" s="600"/>
      <c r="AG178" s="600"/>
      <c r="AH178" s="600"/>
      <c r="AI178" s="600"/>
      <c r="AJ178" s="600"/>
      <c r="AK178" s="600"/>
      <c r="AL178" s="600"/>
      <c r="AM178" s="600"/>
      <c r="AN178" s="600"/>
      <c r="AO178" s="600"/>
      <c r="AP178" s="600"/>
      <c r="AQ178" s="600"/>
      <c r="AR178" s="600"/>
      <c r="AS178" s="600"/>
      <c r="AT178" s="600"/>
      <c r="AU178" s="600"/>
      <c r="AV178" s="600"/>
      <c r="AW178" s="600"/>
      <c r="AX178" s="600"/>
      <c r="AY178" s="600"/>
      <c r="AZ178" s="600"/>
      <c r="BA178" s="600"/>
      <c r="BB178" s="600"/>
      <c r="BC178" s="600"/>
      <c r="BD178" s="600"/>
      <c r="BE178" s="600"/>
    </row>
    <row r="179" spans="1:259" s="570" customFormat="1" ht="132" customHeight="1" thickTop="1" thickBot="1" x14ac:dyDescent="0.25">
      <c r="A179" s="788" t="s">
        <v>547</v>
      </c>
      <c r="B179" s="690"/>
      <c r="C179" s="690"/>
      <c r="D179" s="690"/>
      <c r="E179" s="690"/>
      <c r="F179" s="690"/>
      <c r="G179" s="690"/>
      <c r="H179" s="690"/>
      <c r="I179" s="690"/>
      <c r="J179" s="690"/>
      <c r="K179" s="690"/>
      <c r="L179" s="690"/>
      <c r="M179" s="690"/>
      <c r="N179" s="789"/>
      <c r="O179" s="1328" t="s">
        <v>20</v>
      </c>
      <c r="P179" s="1329" t="s">
        <v>21</v>
      </c>
      <c r="Q179" s="1132" t="s">
        <v>22</v>
      </c>
      <c r="R179" s="1028"/>
      <c r="S179" s="561"/>
      <c r="T179" s="569"/>
      <c r="U179" s="596"/>
      <c r="V179" s="600"/>
      <c r="W179" s="600"/>
      <c r="X179" s="600"/>
      <c r="Y179" s="600"/>
      <c r="Z179" s="600"/>
      <c r="AA179" s="600"/>
      <c r="AB179" s="600"/>
      <c r="AC179" s="600"/>
      <c r="AD179" s="600"/>
      <c r="AE179" s="600"/>
      <c r="AF179" s="600"/>
      <c r="AG179" s="600"/>
      <c r="AH179" s="600"/>
      <c r="AI179" s="600"/>
      <c r="AJ179" s="600"/>
      <c r="AK179" s="600"/>
      <c r="AL179" s="600"/>
      <c r="AM179" s="600"/>
      <c r="AN179" s="600"/>
      <c r="AO179" s="600"/>
      <c r="AP179" s="600"/>
      <c r="AQ179" s="600"/>
      <c r="AR179" s="600"/>
      <c r="AS179" s="600"/>
      <c r="AT179" s="600"/>
      <c r="AU179" s="600"/>
      <c r="AV179" s="600"/>
      <c r="AW179" s="600"/>
      <c r="AX179" s="600"/>
      <c r="AY179" s="600"/>
      <c r="AZ179" s="600"/>
      <c r="BA179" s="600"/>
      <c r="BB179" s="600"/>
      <c r="BC179" s="600"/>
      <c r="BD179" s="600"/>
      <c r="BE179" s="600"/>
    </row>
    <row r="180" spans="1:259" s="546" customFormat="1" ht="69.599999999999994" customHeight="1" thickTop="1" x14ac:dyDescent="0.2">
      <c r="A180" s="790" t="s">
        <v>141</v>
      </c>
      <c r="B180" s="694"/>
      <c r="C180" s="694"/>
      <c r="D180" s="694"/>
      <c r="E180" s="694"/>
      <c r="F180" s="694"/>
      <c r="G180" s="694"/>
      <c r="H180" s="694"/>
      <c r="I180" s="694"/>
      <c r="J180" s="694"/>
      <c r="K180" s="694"/>
      <c r="L180" s="694"/>
      <c r="M180" s="694"/>
      <c r="N180" s="694"/>
      <c r="O180" s="694"/>
      <c r="P180" s="694"/>
      <c r="Q180" s="791"/>
      <c r="R180" s="1068"/>
      <c r="S180" s="561"/>
      <c r="T180" s="199"/>
      <c r="U180" s="538"/>
    </row>
    <row r="181" spans="1:259" s="546" customFormat="1" ht="69.599999999999994" customHeight="1" x14ac:dyDescent="0.2">
      <c r="A181" s="792" t="s">
        <v>164</v>
      </c>
      <c r="B181" s="793"/>
      <c r="C181" s="793"/>
      <c r="D181" s="793"/>
      <c r="E181" s="793"/>
      <c r="F181" s="793"/>
      <c r="G181" s="793"/>
      <c r="H181" s="793"/>
      <c r="I181" s="793"/>
      <c r="J181" s="793"/>
      <c r="K181" s="793"/>
      <c r="L181" s="793"/>
      <c r="M181" s="793"/>
      <c r="N181" s="793"/>
      <c r="O181" s="793"/>
      <c r="P181" s="793"/>
      <c r="Q181" s="794"/>
      <c r="R181" s="198"/>
      <c r="S181" s="187"/>
      <c r="T181" s="199"/>
      <c r="U181" s="201"/>
      <c r="V181" s="201"/>
      <c r="W181" s="201"/>
      <c r="X181" s="201"/>
      <c r="Y181" s="201"/>
      <c r="Z181" s="201"/>
      <c r="AA181" s="201"/>
      <c r="AB181" s="201"/>
      <c r="AC181" s="201"/>
      <c r="AD181" s="201"/>
      <c r="AE181" s="201"/>
      <c r="AF181" s="201"/>
      <c r="AG181" s="201"/>
      <c r="AH181" s="201"/>
      <c r="AI181" s="201"/>
      <c r="AJ181" s="201"/>
      <c r="AK181" s="201"/>
      <c r="AL181" s="201"/>
      <c r="AM181" s="201"/>
      <c r="AN181" s="201"/>
      <c r="AO181" s="201"/>
      <c r="AP181" s="201"/>
      <c r="AQ181" s="201"/>
      <c r="AR181" s="201"/>
      <c r="AS181" s="201"/>
      <c r="AT181" s="201"/>
      <c r="AU181" s="201"/>
      <c r="AV181" s="201"/>
      <c r="AW181" s="201"/>
      <c r="AX181" s="201"/>
      <c r="AY181" s="201"/>
      <c r="AZ181" s="201"/>
      <c r="BA181" s="201"/>
      <c r="BB181" s="201"/>
      <c r="BC181" s="201"/>
      <c r="BD181" s="201"/>
      <c r="BE181" s="201"/>
      <c r="BF181" s="201"/>
      <c r="BG181" s="201"/>
      <c r="BH181" s="201"/>
      <c r="BI181" s="201"/>
      <c r="BJ181" s="201"/>
      <c r="BK181" s="201"/>
      <c r="BL181" s="201"/>
      <c r="BM181" s="201"/>
      <c r="BN181" s="201"/>
      <c r="BO181" s="201"/>
      <c r="BP181" s="201"/>
      <c r="BQ181" s="201"/>
      <c r="BR181" s="201"/>
      <c r="BS181" s="201"/>
      <c r="BT181" s="201"/>
      <c r="BU181" s="201"/>
      <c r="BV181" s="201"/>
      <c r="BW181" s="201"/>
      <c r="BX181" s="201"/>
      <c r="BY181" s="201"/>
      <c r="BZ181" s="201"/>
      <c r="CA181" s="201"/>
      <c r="CB181" s="201"/>
      <c r="CC181" s="201"/>
      <c r="CD181" s="201"/>
      <c r="CE181" s="201"/>
      <c r="CF181" s="201"/>
      <c r="CG181" s="201"/>
      <c r="CH181" s="201"/>
      <c r="CI181" s="201"/>
      <c r="CJ181" s="201"/>
      <c r="CK181" s="201"/>
      <c r="CL181" s="201"/>
      <c r="CM181" s="201"/>
      <c r="CN181" s="201"/>
      <c r="CO181" s="201"/>
      <c r="CP181" s="201"/>
      <c r="CQ181" s="201"/>
      <c r="CR181" s="201"/>
      <c r="CS181" s="201"/>
      <c r="CT181" s="201"/>
      <c r="CU181" s="201"/>
      <c r="CV181" s="201"/>
      <c r="CW181" s="201"/>
      <c r="CX181" s="201"/>
      <c r="CY181" s="201"/>
      <c r="CZ181" s="201"/>
      <c r="DA181" s="201"/>
      <c r="DB181" s="201"/>
      <c r="DC181" s="201"/>
      <c r="DD181" s="201"/>
      <c r="DE181" s="201"/>
      <c r="DF181" s="201"/>
      <c r="DG181" s="201"/>
      <c r="DH181" s="201"/>
      <c r="DI181" s="201"/>
      <c r="DJ181" s="201"/>
      <c r="DK181" s="201"/>
      <c r="DL181" s="201"/>
      <c r="DM181" s="201"/>
      <c r="DN181" s="201"/>
      <c r="DO181" s="201"/>
      <c r="DP181" s="201"/>
      <c r="DQ181" s="201"/>
      <c r="DR181" s="201"/>
      <c r="DS181" s="201"/>
      <c r="DT181" s="201"/>
      <c r="DU181" s="201"/>
      <c r="DV181" s="201"/>
      <c r="DW181" s="201"/>
      <c r="DX181" s="201"/>
      <c r="DY181" s="201"/>
      <c r="DZ181" s="201"/>
      <c r="EA181" s="201"/>
      <c r="EB181" s="201"/>
      <c r="EC181" s="201"/>
      <c r="ED181" s="201"/>
      <c r="EE181" s="201"/>
      <c r="EF181" s="201"/>
      <c r="EG181" s="201"/>
      <c r="EH181" s="201"/>
      <c r="EI181" s="201"/>
      <c r="EJ181" s="201"/>
      <c r="EK181" s="201"/>
      <c r="EL181" s="201"/>
      <c r="EM181" s="201"/>
      <c r="EN181" s="201"/>
      <c r="EO181" s="201"/>
      <c r="EP181" s="201"/>
      <c r="EQ181" s="201"/>
      <c r="ER181" s="201"/>
      <c r="ES181" s="201"/>
      <c r="ET181" s="201"/>
      <c r="EU181" s="201"/>
      <c r="EV181" s="201"/>
      <c r="EW181" s="201"/>
      <c r="EX181" s="201"/>
      <c r="EY181" s="201"/>
      <c r="EZ181" s="201"/>
      <c r="FA181" s="201"/>
      <c r="FB181" s="201"/>
      <c r="FC181" s="201"/>
      <c r="FD181" s="201"/>
      <c r="FE181" s="201"/>
      <c r="FF181" s="201"/>
      <c r="FG181" s="201"/>
      <c r="FH181" s="201"/>
      <c r="FI181" s="201"/>
      <c r="FJ181" s="201"/>
      <c r="FK181" s="201"/>
      <c r="FL181" s="201"/>
      <c r="FM181" s="201"/>
      <c r="FN181" s="201"/>
      <c r="FO181" s="201"/>
      <c r="FP181" s="201"/>
      <c r="FQ181" s="201"/>
      <c r="FR181" s="201"/>
      <c r="FS181" s="201"/>
      <c r="FT181" s="201"/>
      <c r="FU181" s="201"/>
      <c r="FV181" s="201"/>
      <c r="FW181" s="201"/>
      <c r="FX181" s="201"/>
      <c r="FY181" s="201"/>
      <c r="FZ181" s="201"/>
      <c r="GA181" s="201"/>
      <c r="GB181" s="201"/>
      <c r="GC181" s="201"/>
      <c r="GD181" s="201"/>
      <c r="GE181" s="201"/>
      <c r="GF181" s="201"/>
      <c r="GG181" s="201"/>
      <c r="GH181" s="201"/>
      <c r="GI181" s="201"/>
      <c r="GJ181" s="201"/>
      <c r="GK181" s="201"/>
      <c r="GL181" s="201"/>
      <c r="GM181" s="201"/>
      <c r="GN181" s="201"/>
      <c r="GO181" s="201"/>
      <c r="GP181" s="201"/>
      <c r="GQ181" s="201"/>
      <c r="GR181" s="201"/>
      <c r="GS181" s="201"/>
      <c r="GT181" s="201"/>
      <c r="GU181" s="201"/>
      <c r="GV181" s="201"/>
      <c r="GW181" s="201"/>
      <c r="GX181" s="201"/>
      <c r="GY181" s="201"/>
      <c r="GZ181" s="201"/>
      <c r="HA181" s="201"/>
      <c r="HB181" s="201"/>
      <c r="HC181" s="201"/>
      <c r="HD181" s="201"/>
      <c r="HE181" s="201"/>
      <c r="HF181" s="201"/>
      <c r="HG181" s="201"/>
      <c r="HH181" s="201"/>
      <c r="HI181" s="201"/>
      <c r="HJ181" s="201"/>
      <c r="HK181" s="201"/>
      <c r="HL181" s="201"/>
      <c r="HM181" s="201"/>
      <c r="HN181" s="201"/>
      <c r="HO181" s="201"/>
      <c r="HP181" s="201"/>
      <c r="HQ181" s="201"/>
      <c r="HR181" s="201"/>
      <c r="HS181" s="201"/>
      <c r="HT181" s="201"/>
      <c r="HU181" s="201"/>
      <c r="HV181" s="201"/>
      <c r="HW181" s="201"/>
      <c r="HX181" s="201"/>
      <c r="HY181" s="201"/>
      <c r="HZ181" s="201"/>
      <c r="IA181" s="201"/>
      <c r="IB181" s="201"/>
      <c r="IC181" s="201"/>
      <c r="ID181" s="201"/>
      <c r="IE181" s="201"/>
      <c r="IF181" s="201"/>
      <c r="IG181" s="201"/>
      <c r="IH181" s="201"/>
      <c r="II181" s="201"/>
      <c r="IJ181" s="201"/>
      <c r="IK181" s="201"/>
      <c r="IL181" s="201"/>
      <c r="IM181" s="201"/>
      <c r="IN181" s="201"/>
      <c r="IO181" s="201"/>
      <c r="IP181" s="201"/>
      <c r="IQ181" s="201"/>
      <c r="IR181" s="201"/>
      <c r="IS181" s="201"/>
      <c r="IT181" s="201"/>
      <c r="IU181" s="201"/>
      <c r="IV181" s="201"/>
      <c r="IW181" s="201"/>
      <c r="IX181" s="201"/>
      <c r="IY181" s="201"/>
    </row>
    <row r="182" spans="1:259" s="191" customFormat="1" ht="69.900000000000006" customHeight="1" x14ac:dyDescent="0.2">
      <c r="A182" s="1201" t="s">
        <v>165</v>
      </c>
      <c r="B182" s="1202"/>
      <c r="C182" s="1202"/>
      <c r="D182" s="1202"/>
      <c r="E182" s="1202"/>
      <c r="F182" s="1202"/>
      <c r="G182" s="1202"/>
      <c r="H182" s="1202"/>
      <c r="I182" s="1202"/>
      <c r="J182" s="1203"/>
      <c r="K182" s="1330"/>
      <c r="L182" s="1330"/>
      <c r="M182" s="1330"/>
      <c r="N182" s="1330"/>
      <c r="O182" s="1330"/>
      <c r="P182" s="1330"/>
      <c r="Q182" s="1331"/>
      <c r="R182" s="186"/>
      <c r="S182" s="187"/>
      <c r="T182" s="188"/>
      <c r="U182" s="818"/>
      <c r="V182" s="190"/>
      <c r="W182" s="190"/>
      <c r="X182" s="190"/>
      <c r="Y182" s="190"/>
      <c r="Z182" s="190"/>
      <c r="AA182" s="190"/>
      <c r="AB182" s="190"/>
      <c r="AC182" s="190"/>
      <c r="AD182" s="190"/>
      <c r="AE182" s="190"/>
      <c r="AF182" s="190"/>
      <c r="AG182" s="190"/>
      <c r="AH182" s="190"/>
      <c r="AI182" s="190"/>
      <c r="AJ182" s="190"/>
      <c r="AK182" s="190"/>
      <c r="AL182" s="190"/>
      <c r="AM182" s="190"/>
      <c r="AN182" s="190"/>
      <c r="AO182" s="190"/>
      <c r="AP182" s="190"/>
      <c r="AQ182" s="190"/>
      <c r="AR182" s="190"/>
      <c r="AS182" s="190"/>
      <c r="AT182" s="190"/>
      <c r="AU182" s="190"/>
      <c r="AV182" s="190"/>
      <c r="AW182" s="190"/>
      <c r="AX182" s="190"/>
      <c r="AY182" s="190"/>
      <c r="AZ182" s="190"/>
      <c r="BA182" s="190"/>
      <c r="BB182" s="190"/>
      <c r="BC182" s="190"/>
      <c r="BD182" s="190"/>
      <c r="BE182" s="190"/>
    </row>
    <row r="183" spans="1:259" s="191" customFormat="1" ht="69.599999999999994" customHeight="1" x14ac:dyDescent="0.2">
      <c r="A183" s="1332" t="s">
        <v>166</v>
      </c>
      <c r="B183" s="1333"/>
      <c r="C183" s="1333"/>
      <c r="D183" s="1333"/>
      <c r="E183" s="1333"/>
      <c r="F183" s="1333"/>
      <c r="G183" s="1333"/>
      <c r="H183" s="1333"/>
      <c r="I183" s="1333"/>
      <c r="J183" s="1334"/>
      <c r="K183" s="1335" t="s">
        <v>167</v>
      </c>
      <c r="L183" s="1336"/>
      <c r="M183" s="1337" t="s">
        <v>168</v>
      </c>
      <c r="N183" s="816"/>
      <c r="O183" s="816"/>
      <c r="P183" s="816"/>
      <c r="Q183" s="1338"/>
      <c r="R183" s="186"/>
      <c r="S183" s="187"/>
      <c r="T183" s="188"/>
      <c r="U183" s="818"/>
      <c r="V183" s="190"/>
      <c r="W183" s="190"/>
      <c r="X183" s="190"/>
      <c r="Y183" s="190"/>
      <c r="Z183" s="190"/>
      <c r="AA183" s="190"/>
      <c r="AB183" s="190"/>
      <c r="AC183" s="190"/>
      <c r="AD183" s="190"/>
      <c r="AE183" s="190"/>
      <c r="AF183" s="190"/>
      <c r="AG183" s="190"/>
      <c r="AH183" s="190"/>
      <c r="AI183" s="190"/>
      <c r="AJ183" s="190"/>
      <c r="AK183" s="190"/>
      <c r="AL183" s="190"/>
      <c r="AM183" s="190"/>
      <c r="AN183" s="190"/>
      <c r="AO183" s="190"/>
      <c r="AP183" s="190"/>
      <c r="AQ183" s="190"/>
      <c r="AR183" s="190"/>
      <c r="AS183" s="190"/>
      <c r="AT183" s="190"/>
      <c r="AU183" s="190"/>
      <c r="AV183" s="190"/>
      <c r="AW183" s="190"/>
      <c r="AX183" s="190"/>
      <c r="AY183" s="190"/>
      <c r="AZ183" s="190"/>
      <c r="BA183" s="190"/>
      <c r="BB183" s="190"/>
      <c r="BC183" s="190"/>
      <c r="BD183" s="190"/>
      <c r="BE183" s="190"/>
    </row>
    <row r="184" spans="1:259" s="191" customFormat="1" ht="69.599999999999994" customHeight="1" x14ac:dyDescent="0.2">
      <c r="A184" s="1339"/>
      <c r="B184" s="1340"/>
      <c r="C184" s="1340"/>
      <c r="D184" s="1340"/>
      <c r="E184" s="1340"/>
      <c r="F184" s="1340"/>
      <c r="G184" s="1340"/>
      <c r="H184" s="1340"/>
      <c r="I184" s="1340"/>
      <c r="J184" s="1341"/>
      <c r="K184" s="1342"/>
      <c r="L184" s="1343"/>
      <c r="M184" s="1344" t="s">
        <v>169</v>
      </c>
      <c r="N184" s="1194"/>
      <c r="O184" s="1194"/>
      <c r="P184" s="1194"/>
      <c r="Q184" s="1345"/>
      <c r="R184" s="186"/>
      <c r="S184" s="187"/>
      <c r="T184" s="188"/>
      <c r="U184" s="818"/>
      <c r="V184" s="190"/>
      <c r="W184" s="190"/>
      <c r="X184" s="190"/>
      <c r="Y184" s="190"/>
      <c r="Z184" s="190"/>
      <c r="AA184" s="190"/>
      <c r="AB184" s="190"/>
      <c r="AC184" s="190"/>
      <c r="AD184" s="190"/>
      <c r="AE184" s="190"/>
      <c r="AF184" s="190"/>
      <c r="AG184" s="190"/>
      <c r="AH184" s="190"/>
      <c r="AI184" s="190"/>
      <c r="AJ184" s="190"/>
      <c r="AK184" s="190"/>
      <c r="AL184" s="190"/>
      <c r="AM184" s="190"/>
      <c r="AN184" s="190"/>
      <c r="AO184" s="190"/>
      <c r="AP184" s="190"/>
      <c r="AQ184" s="190"/>
      <c r="AR184" s="190"/>
      <c r="AS184" s="190"/>
      <c r="AT184" s="190"/>
      <c r="AU184" s="190"/>
      <c r="AV184" s="190"/>
      <c r="AW184" s="190"/>
      <c r="AX184" s="190"/>
      <c r="AY184" s="190"/>
      <c r="AZ184" s="190"/>
      <c r="BA184" s="190"/>
      <c r="BB184" s="190"/>
      <c r="BC184" s="190"/>
      <c r="BD184" s="190"/>
      <c r="BE184" s="190"/>
    </row>
    <row r="185" spans="1:259" s="191" customFormat="1" ht="69.599999999999994" customHeight="1" x14ac:dyDescent="0.2">
      <c r="A185" s="1332" t="s">
        <v>170</v>
      </c>
      <c r="B185" s="1333"/>
      <c r="C185" s="1333"/>
      <c r="D185" s="1333"/>
      <c r="E185" s="1333"/>
      <c r="F185" s="1333"/>
      <c r="G185" s="1333"/>
      <c r="H185" s="1333"/>
      <c r="I185" s="1333"/>
      <c r="J185" s="1334"/>
      <c r="K185" s="1335" t="s">
        <v>167</v>
      </c>
      <c r="L185" s="1336"/>
      <c r="M185" s="1337" t="s">
        <v>168</v>
      </c>
      <c r="N185" s="816"/>
      <c r="O185" s="816"/>
      <c r="P185" s="816"/>
      <c r="Q185" s="1338"/>
      <c r="R185" s="186"/>
      <c r="S185" s="187"/>
      <c r="T185" s="188"/>
      <c r="U185" s="818"/>
      <c r="V185" s="190"/>
      <c r="W185" s="190"/>
      <c r="X185" s="190"/>
      <c r="Y185" s="190"/>
      <c r="Z185" s="190"/>
      <c r="AA185" s="190"/>
      <c r="AB185" s="190"/>
      <c r="AC185" s="190"/>
      <c r="AD185" s="190"/>
      <c r="AE185" s="190"/>
      <c r="AF185" s="190"/>
      <c r="AG185" s="190"/>
      <c r="AH185" s="190"/>
      <c r="AI185" s="190"/>
      <c r="AJ185" s="190"/>
      <c r="AK185" s="190"/>
      <c r="AL185" s="190"/>
      <c r="AM185" s="190"/>
      <c r="AN185" s="190"/>
      <c r="AO185" s="190"/>
      <c r="AP185" s="190"/>
      <c r="AQ185" s="190"/>
      <c r="AR185" s="190"/>
      <c r="AS185" s="190"/>
      <c r="AT185" s="190"/>
      <c r="AU185" s="190"/>
      <c r="AV185" s="190"/>
      <c r="AW185" s="190"/>
      <c r="AX185" s="190"/>
      <c r="AY185" s="190"/>
      <c r="AZ185" s="190"/>
      <c r="BA185" s="190"/>
      <c r="BB185" s="190"/>
      <c r="BC185" s="190"/>
      <c r="BD185" s="190"/>
      <c r="BE185" s="190"/>
    </row>
    <row r="186" spans="1:259" s="191" customFormat="1" ht="69.599999999999994" customHeight="1" x14ac:dyDescent="0.2">
      <c r="A186" s="1339"/>
      <c r="B186" s="1340"/>
      <c r="C186" s="1340"/>
      <c r="D186" s="1340"/>
      <c r="E186" s="1340"/>
      <c r="F186" s="1340"/>
      <c r="G186" s="1340"/>
      <c r="H186" s="1340"/>
      <c r="I186" s="1340"/>
      <c r="J186" s="1341"/>
      <c r="K186" s="1342"/>
      <c r="L186" s="1343"/>
      <c r="M186" s="1344" t="s">
        <v>169</v>
      </c>
      <c r="N186" s="1194"/>
      <c r="O186" s="1194"/>
      <c r="P186" s="1194"/>
      <c r="Q186" s="1345"/>
      <c r="R186" s="186"/>
      <c r="S186" s="187"/>
      <c r="T186" s="188"/>
      <c r="U186" s="818"/>
      <c r="V186" s="190"/>
      <c r="W186" s="190"/>
      <c r="X186" s="190"/>
      <c r="Y186" s="190"/>
      <c r="Z186" s="190"/>
      <c r="AA186" s="190"/>
      <c r="AB186" s="190"/>
      <c r="AC186" s="190"/>
      <c r="AD186" s="190"/>
      <c r="AE186" s="190"/>
      <c r="AF186" s="190"/>
      <c r="AG186" s="190"/>
      <c r="AH186" s="190"/>
      <c r="AI186" s="190"/>
      <c r="AJ186" s="190"/>
      <c r="AK186" s="190"/>
      <c r="AL186" s="190"/>
      <c r="AM186" s="190"/>
      <c r="AN186" s="190"/>
      <c r="AO186" s="190"/>
      <c r="AP186" s="190"/>
      <c r="AQ186" s="190"/>
      <c r="AR186" s="190"/>
      <c r="AS186" s="190"/>
      <c r="AT186" s="190"/>
      <c r="AU186" s="190"/>
      <c r="AV186" s="190"/>
      <c r="AW186" s="190"/>
      <c r="AX186" s="190"/>
      <c r="AY186" s="190"/>
      <c r="AZ186" s="190"/>
      <c r="BA186" s="190"/>
      <c r="BB186" s="190"/>
      <c r="BC186" s="190"/>
      <c r="BD186" s="190"/>
      <c r="BE186" s="190"/>
    </row>
    <row r="187" spans="1:259" s="191" customFormat="1" ht="120" customHeight="1" x14ac:dyDescent="0.2">
      <c r="A187" s="1332" t="s">
        <v>171</v>
      </c>
      <c r="B187" s="1333"/>
      <c r="C187" s="1333"/>
      <c r="D187" s="1333"/>
      <c r="E187" s="1333"/>
      <c r="F187" s="1333"/>
      <c r="G187" s="1333"/>
      <c r="H187" s="1333"/>
      <c r="I187" s="1333"/>
      <c r="J187" s="1334"/>
      <c r="K187" s="1346"/>
      <c r="L187" s="1347"/>
      <c r="M187" s="1347"/>
      <c r="N187" s="1347"/>
      <c r="O187" s="1347"/>
      <c r="P187" s="1347"/>
      <c r="Q187" s="1348"/>
      <c r="R187" s="186"/>
      <c r="S187" s="187"/>
      <c r="T187" s="188"/>
      <c r="U187" s="818"/>
      <c r="V187" s="190"/>
      <c r="W187" s="190"/>
      <c r="X187" s="190"/>
      <c r="Y187" s="190"/>
      <c r="Z187" s="190"/>
      <c r="AA187" s="190"/>
      <c r="AB187" s="190"/>
      <c r="AC187" s="190"/>
      <c r="AD187" s="190"/>
      <c r="AE187" s="190"/>
      <c r="AF187" s="190"/>
      <c r="AG187" s="190"/>
      <c r="AH187" s="190"/>
      <c r="AI187" s="190"/>
      <c r="AJ187" s="190"/>
      <c r="AK187" s="190"/>
      <c r="AL187" s="190"/>
      <c r="AM187" s="190"/>
      <c r="AN187" s="190"/>
      <c r="AO187" s="190"/>
      <c r="AP187" s="190"/>
      <c r="AQ187" s="190"/>
      <c r="AR187" s="190"/>
      <c r="AS187" s="190"/>
      <c r="AT187" s="190"/>
      <c r="AU187" s="190"/>
      <c r="AV187" s="190"/>
      <c r="AW187" s="190"/>
      <c r="AX187" s="190"/>
      <c r="AY187" s="190"/>
      <c r="AZ187" s="190"/>
      <c r="BA187" s="190"/>
      <c r="BB187" s="190"/>
      <c r="BC187" s="190"/>
      <c r="BD187" s="190"/>
      <c r="BE187" s="190"/>
    </row>
    <row r="188" spans="1:259" s="546" customFormat="1" ht="69.599999999999994" customHeight="1" x14ac:dyDescent="0.2">
      <c r="A188" s="1008" t="s">
        <v>172</v>
      </c>
      <c r="B188" s="1009"/>
      <c r="C188" s="1009"/>
      <c r="D188" s="1009"/>
      <c r="E188" s="1009"/>
      <c r="F188" s="1009"/>
      <c r="G188" s="1009"/>
      <c r="H188" s="1009"/>
      <c r="I188" s="1009"/>
      <c r="J188" s="1009"/>
      <c r="K188" s="1009"/>
      <c r="L188" s="1009"/>
      <c r="M188" s="1009"/>
      <c r="N188" s="1009"/>
      <c r="O188" s="1009"/>
      <c r="P188" s="1009"/>
      <c r="Q188" s="1010"/>
      <c r="R188" s="198"/>
      <c r="S188" s="187"/>
      <c r="T188" s="199"/>
      <c r="U188" s="201"/>
      <c r="V188" s="201"/>
      <c r="W188" s="201"/>
      <c r="X188" s="201"/>
      <c r="Y188" s="201"/>
      <c r="Z188" s="201"/>
      <c r="AA188" s="201"/>
      <c r="AB188" s="201"/>
      <c r="AC188" s="201"/>
      <c r="AD188" s="201"/>
      <c r="AE188" s="201"/>
      <c r="AF188" s="201"/>
      <c r="AG188" s="201"/>
      <c r="AH188" s="201"/>
      <c r="AI188" s="201"/>
      <c r="AJ188" s="201"/>
      <c r="AK188" s="201"/>
      <c r="AL188" s="201"/>
      <c r="AM188" s="201"/>
      <c r="AN188" s="201"/>
      <c r="AO188" s="201"/>
      <c r="AP188" s="201"/>
      <c r="AQ188" s="201"/>
      <c r="AR188" s="201"/>
      <c r="AS188" s="201"/>
      <c r="AT188" s="201"/>
      <c r="AU188" s="201"/>
      <c r="AV188" s="201"/>
      <c r="AW188" s="201"/>
      <c r="AX188" s="201"/>
      <c r="AY188" s="201"/>
      <c r="AZ188" s="201"/>
      <c r="BA188" s="201"/>
      <c r="BB188" s="201"/>
      <c r="BC188" s="201"/>
      <c r="BD188" s="201"/>
      <c r="BE188" s="201"/>
      <c r="BF188" s="201"/>
      <c r="BG188" s="201"/>
      <c r="BH188" s="201"/>
      <c r="BI188" s="201"/>
      <c r="BJ188" s="201"/>
      <c r="BK188" s="201"/>
      <c r="BL188" s="201"/>
      <c r="BM188" s="201"/>
      <c r="BN188" s="201"/>
      <c r="BO188" s="201"/>
      <c r="BP188" s="201"/>
      <c r="BQ188" s="201"/>
      <c r="BR188" s="201"/>
      <c r="BS188" s="201"/>
      <c r="BT188" s="201"/>
      <c r="BU188" s="201"/>
      <c r="BV188" s="201"/>
      <c r="BW188" s="201"/>
      <c r="BX188" s="201"/>
      <c r="BY188" s="201"/>
      <c r="BZ188" s="201"/>
      <c r="CA188" s="201"/>
      <c r="CB188" s="201"/>
      <c r="CC188" s="201"/>
      <c r="CD188" s="201"/>
      <c r="CE188" s="201"/>
      <c r="CF188" s="201"/>
      <c r="CG188" s="201"/>
      <c r="CH188" s="201"/>
      <c r="CI188" s="201"/>
      <c r="CJ188" s="201"/>
      <c r="CK188" s="201"/>
      <c r="CL188" s="201"/>
      <c r="CM188" s="201"/>
      <c r="CN188" s="201"/>
      <c r="CO188" s="201"/>
      <c r="CP188" s="201"/>
      <c r="CQ188" s="201"/>
      <c r="CR188" s="201"/>
      <c r="CS188" s="201"/>
      <c r="CT188" s="201"/>
      <c r="CU188" s="201"/>
      <c r="CV188" s="201"/>
      <c r="CW188" s="201"/>
      <c r="CX188" s="201"/>
      <c r="CY188" s="201"/>
      <c r="CZ188" s="201"/>
      <c r="DA188" s="201"/>
      <c r="DB188" s="201"/>
      <c r="DC188" s="201"/>
      <c r="DD188" s="201"/>
      <c r="DE188" s="201"/>
      <c r="DF188" s="201"/>
      <c r="DG188" s="201"/>
      <c r="DH188" s="201"/>
      <c r="DI188" s="201"/>
      <c r="DJ188" s="201"/>
      <c r="DK188" s="201"/>
      <c r="DL188" s="201"/>
      <c r="DM188" s="201"/>
      <c r="DN188" s="201"/>
      <c r="DO188" s="201"/>
      <c r="DP188" s="201"/>
      <c r="DQ188" s="201"/>
      <c r="DR188" s="201"/>
      <c r="DS188" s="201"/>
      <c r="DT188" s="201"/>
      <c r="DU188" s="201"/>
      <c r="DV188" s="201"/>
      <c r="DW188" s="201"/>
      <c r="DX188" s="201"/>
      <c r="DY188" s="201"/>
      <c r="DZ188" s="201"/>
      <c r="EA188" s="201"/>
      <c r="EB188" s="201"/>
      <c r="EC188" s="201"/>
      <c r="ED188" s="201"/>
      <c r="EE188" s="201"/>
      <c r="EF188" s="201"/>
      <c r="EG188" s="201"/>
      <c r="EH188" s="201"/>
      <c r="EI188" s="201"/>
      <c r="EJ188" s="201"/>
      <c r="EK188" s="201"/>
      <c r="EL188" s="201"/>
      <c r="EM188" s="201"/>
      <c r="EN188" s="201"/>
      <c r="EO188" s="201"/>
      <c r="EP188" s="201"/>
      <c r="EQ188" s="201"/>
      <c r="ER188" s="201"/>
      <c r="ES188" s="201"/>
      <c r="ET188" s="201"/>
      <c r="EU188" s="201"/>
      <c r="EV188" s="201"/>
      <c r="EW188" s="201"/>
      <c r="EX188" s="201"/>
      <c r="EY188" s="201"/>
      <c r="EZ188" s="201"/>
      <c r="FA188" s="201"/>
      <c r="FB188" s="201"/>
      <c r="FC188" s="201"/>
      <c r="FD188" s="201"/>
      <c r="FE188" s="201"/>
      <c r="FF188" s="201"/>
      <c r="FG188" s="201"/>
      <c r="FH188" s="201"/>
      <c r="FI188" s="201"/>
      <c r="FJ188" s="201"/>
      <c r="FK188" s="201"/>
      <c r="FL188" s="201"/>
      <c r="FM188" s="201"/>
      <c r="FN188" s="201"/>
      <c r="FO188" s="201"/>
      <c r="FP188" s="201"/>
      <c r="FQ188" s="201"/>
      <c r="FR188" s="201"/>
      <c r="FS188" s="201"/>
      <c r="FT188" s="201"/>
      <c r="FU188" s="201"/>
      <c r="FV188" s="201"/>
      <c r="FW188" s="201"/>
      <c r="FX188" s="201"/>
      <c r="FY188" s="201"/>
      <c r="FZ188" s="201"/>
      <c r="GA188" s="201"/>
      <c r="GB188" s="201"/>
      <c r="GC188" s="201"/>
      <c r="GD188" s="201"/>
      <c r="GE188" s="201"/>
      <c r="GF188" s="201"/>
      <c r="GG188" s="201"/>
      <c r="GH188" s="201"/>
      <c r="GI188" s="201"/>
      <c r="GJ188" s="201"/>
      <c r="GK188" s="201"/>
      <c r="GL188" s="201"/>
      <c r="GM188" s="201"/>
      <c r="GN188" s="201"/>
      <c r="GO188" s="201"/>
      <c r="GP188" s="201"/>
      <c r="GQ188" s="201"/>
      <c r="GR188" s="201"/>
      <c r="GS188" s="201"/>
      <c r="GT188" s="201"/>
      <c r="GU188" s="201"/>
      <c r="GV188" s="201"/>
      <c r="GW188" s="201"/>
      <c r="GX188" s="201"/>
      <c r="GY188" s="201"/>
      <c r="GZ188" s="201"/>
      <c r="HA188" s="201"/>
      <c r="HB188" s="201"/>
      <c r="HC188" s="201"/>
      <c r="HD188" s="201"/>
      <c r="HE188" s="201"/>
      <c r="HF188" s="201"/>
      <c r="HG188" s="201"/>
      <c r="HH188" s="201"/>
      <c r="HI188" s="201"/>
      <c r="HJ188" s="201"/>
      <c r="HK188" s="201"/>
      <c r="HL188" s="201"/>
      <c r="HM188" s="201"/>
      <c r="HN188" s="201"/>
      <c r="HO188" s="201"/>
      <c r="HP188" s="201"/>
      <c r="HQ188" s="201"/>
      <c r="HR188" s="201"/>
      <c r="HS188" s="201"/>
      <c r="HT188" s="201"/>
      <c r="HU188" s="201"/>
      <c r="HV188" s="201"/>
      <c r="HW188" s="201"/>
      <c r="HX188" s="201"/>
      <c r="HY188" s="201"/>
      <c r="HZ188" s="201"/>
      <c r="IA188" s="201"/>
      <c r="IB188" s="201"/>
      <c r="IC188" s="201"/>
      <c r="ID188" s="201"/>
      <c r="IE188" s="201"/>
      <c r="IF188" s="201"/>
      <c r="IG188" s="201"/>
      <c r="IH188" s="201"/>
      <c r="II188" s="201"/>
      <c r="IJ188" s="201"/>
      <c r="IK188" s="201"/>
      <c r="IL188" s="201"/>
      <c r="IM188" s="201"/>
      <c r="IN188" s="201"/>
      <c r="IO188" s="201"/>
      <c r="IP188" s="201"/>
      <c r="IQ188" s="201"/>
      <c r="IR188" s="201"/>
      <c r="IS188" s="201"/>
      <c r="IT188" s="201"/>
      <c r="IU188" s="201"/>
      <c r="IV188" s="201"/>
      <c r="IW188" s="201"/>
      <c r="IX188" s="201"/>
      <c r="IY188" s="201"/>
    </row>
    <row r="189" spans="1:259" s="546" customFormat="1" ht="69.599999999999994" customHeight="1" x14ac:dyDescent="0.2">
      <c r="A189" s="1349" t="s">
        <v>548</v>
      </c>
      <c r="B189" s="1350"/>
      <c r="C189" s="1350"/>
      <c r="D189" s="1350"/>
      <c r="E189" s="1350"/>
      <c r="F189" s="1350"/>
      <c r="G189" s="1350"/>
      <c r="H189" s="1350"/>
      <c r="I189" s="1350"/>
      <c r="J189" s="1350"/>
      <c r="K189" s="1350"/>
      <c r="L189" s="1350"/>
      <c r="M189" s="1350"/>
      <c r="N189" s="1350"/>
      <c r="O189" s="1350"/>
      <c r="P189" s="1350"/>
      <c r="Q189" s="1351"/>
      <c r="R189" s="198"/>
      <c r="S189" s="187"/>
      <c r="T189" s="199"/>
      <c r="U189" s="201"/>
      <c r="V189" s="201"/>
      <c r="W189" s="201"/>
      <c r="X189" s="201"/>
      <c r="Y189" s="201"/>
      <c r="Z189" s="201"/>
      <c r="AA189" s="201"/>
      <c r="AB189" s="201"/>
      <c r="AC189" s="201"/>
      <c r="AD189" s="201"/>
      <c r="AE189" s="201"/>
      <c r="AF189" s="201"/>
      <c r="AG189" s="201"/>
      <c r="AH189" s="201"/>
      <c r="AI189" s="201"/>
      <c r="AJ189" s="201"/>
      <c r="AK189" s="201"/>
      <c r="AL189" s="201"/>
      <c r="AM189" s="201"/>
      <c r="AN189" s="201"/>
      <c r="AO189" s="201"/>
      <c r="AP189" s="201"/>
      <c r="AQ189" s="201"/>
      <c r="AR189" s="201"/>
      <c r="AS189" s="201"/>
      <c r="AT189" s="201"/>
      <c r="AU189" s="201"/>
      <c r="AV189" s="201"/>
      <c r="AW189" s="201"/>
      <c r="AX189" s="201"/>
      <c r="AY189" s="201"/>
      <c r="AZ189" s="201"/>
      <c r="BA189" s="201"/>
      <c r="BB189" s="201"/>
      <c r="BC189" s="201"/>
      <c r="BD189" s="201"/>
      <c r="BE189" s="201"/>
      <c r="BF189" s="201"/>
      <c r="BG189" s="201"/>
      <c r="BH189" s="201"/>
      <c r="BI189" s="201"/>
      <c r="BJ189" s="201"/>
      <c r="BK189" s="201"/>
      <c r="BL189" s="201"/>
      <c r="BM189" s="201"/>
      <c r="BN189" s="201"/>
      <c r="BO189" s="201"/>
      <c r="BP189" s="201"/>
      <c r="BQ189" s="201"/>
      <c r="BR189" s="201"/>
      <c r="BS189" s="201"/>
      <c r="BT189" s="201"/>
      <c r="BU189" s="201"/>
      <c r="BV189" s="201"/>
      <c r="BW189" s="201"/>
      <c r="BX189" s="201"/>
      <c r="BY189" s="201"/>
      <c r="BZ189" s="201"/>
      <c r="CA189" s="201"/>
      <c r="CB189" s="201"/>
      <c r="CC189" s="201"/>
      <c r="CD189" s="201"/>
      <c r="CE189" s="201"/>
      <c r="CF189" s="201"/>
      <c r="CG189" s="201"/>
      <c r="CH189" s="201"/>
      <c r="CI189" s="201"/>
      <c r="CJ189" s="201"/>
      <c r="CK189" s="201"/>
      <c r="CL189" s="201"/>
      <c r="CM189" s="201"/>
      <c r="CN189" s="201"/>
      <c r="CO189" s="201"/>
      <c r="CP189" s="201"/>
      <c r="CQ189" s="201"/>
      <c r="CR189" s="201"/>
      <c r="CS189" s="201"/>
      <c r="CT189" s="201"/>
      <c r="CU189" s="201"/>
      <c r="CV189" s="201"/>
      <c r="CW189" s="201"/>
      <c r="CX189" s="201"/>
      <c r="CY189" s="201"/>
      <c r="CZ189" s="201"/>
      <c r="DA189" s="201"/>
      <c r="DB189" s="201"/>
      <c r="DC189" s="201"/>
      <c r="DD189" s="201"/>
      <c r="DE189" s="201"/>
      <c r="DF189" s="201"/>
      <c r="DG189" s="201"/>
      <c r="DH189" s="201"/>
      <c r="DI189" s="201"/>
      <c r="DJ189" s="201"/>
      <c r="DK189" s="201"/>
      <c r="DL189" s="201"/>
      <c r="DM189" s="201"/>
      <c r="DN189" s="201"/>
      <c r="DO189" s="201"/>
      <c r="DP189" s="201"/>
      <c r="DQ189" s="201"/>
      <c r="DR189" s="201"/>
      <c r="DS189" s="201"/>
      <c r="DT189" s="201"/>
      <c r="DU189" s="201"/>
      <c r="DV189" s="201"/>
      <c r="DW189" s="201"/>
      <c r="DX189" s="201"/>
      <c r="DY189" s="201"/>
      <c r="DZ189" s="201"/>
      <c r="EA189" s="201"/>
      <c r="EB189" s="201"/>
      <c r="EC189" s="201"/>
      <c r="ED189" s="201"/>
      <c r="EE189" s="201"/>
      <c r="EF189" s="201"/>
      <c r="EG189" s="201"/>
      <c r="EH189" s="201"/>
      <c r="EI189" s="201"/>
      <c r="EJ189" s="201"/>
      <c r="EK189" s="201"/>
      <c r="EL189" s="201"/>
      <c r="EM189" s="201"/>
      <c r="EN189" s="201"/>
      <c r="EO189" s="201"/>
      <c r="EP189" s="201"/>
      <c r="EQ189" s="201"/>
      <c r="ER189" s="201"/>
      <c r="ES189" s="201"/>
      <c r="ET189" s="201"/>
      <c r="EU189" s="201"/>
      <c r="EV189" s="201"/>
      <c r="EW189" s="201"/>
      <c r="EX189" s="201"/>
      <c r="EY189" s="201"/>
      <c r="EZ189" s="201"/>
      <c r="FA189" s="201"/>
      <c r="FB189" s="201"/>
      <c r="FC189" s="201"/>
      <c r="FD189" s="201"/>
      <c r="FE189" s="201"/>
      <c r="FF189" s="201"/>
      <c r="FG189" s="201"/>
      <c r="FH189" s="201"/>
      <c r="FI189" s="201"/>
      <c r="FJ189" s="201"/>
      <c r="FK189" s="201"/>
      <c r="FL189" s="201"/>
      <c r="FM189" s="201"/>
      <c r="FN189" s="201"/>
      <c r="FO189" s="201"/>
      <c r="FP189" s="201"/>
      <c r="FQ189" s="201"/>
      <c r="FR189" s="201"/>
      <c r="FS189" s="201"/>
      <c r="FT189" s="201"/>
      <c r="FU189" s="201"/>
      <c r="FV189" s="201"/>
      <c r="FW189" s="201"/>
      <c r="FX189" s="201"/>
      <c r="FY189" s="201"/>
      <c r="FZ189" s="201"/>
      <c r="GA189" s="201"/>
      <c r="GB189" s="201"/>
      <c r="GC189" s="201"/>
      <c r="GD189" s="201"/>
      <c r="GE189" s="201"/>
      <c r="GF189" s="201"/>
      <c r="GG189" s="201"/>
      <c r="GH189" s="201"/>
      <c r="GI189" s="201"/>
      <c r="GJ189" s="201"/>
      <c r="GK189" s="201"/>
      <c r="GL189" s="201"/>
      <c r="GM189" s="201"/>
      <c r="GN189" s="201"/>
      <c r="GO189" s="201"/>
      <c r="GP189" s="201"/>
      <c r="GQ189" s="201"/>
      <c r="GR189" s="201"/>
      <c r="GS189" s="201"/>
      <c r="GT189" s="201"/>
      <c r="GU189" s="201"/>
      <c r="GV189" s="201"/>
      <c r="GW189" s="201"/>
      <c r="GX189" s="201"/>
      <c r="GY189" s="201"/>
      <c r="GZ189" s="201"/>
      <c r="HA189" s="201"/>
      <c r="HB189" s="201"/>
      <c r="HC189" s="201"/>
      <c r="HD189" s="201"/>
      <c r="HE189" s="201"/>
      <c r="HF189" s="201"/>
      <c r="HG189" s="201"/>
      <c r="HH189" s="201"/>
      <c r="HI189" s="201"/>
      <c r="HJ189" s="201"/>
      <c r="HK189" s="201"/>
      <c r="HL189" s="201"/>
      <c r="HM189" s="201"/>
      <c r="HN189" s="201"/>
      <c r="HO189" s="201"/>
      <c r="HP189" s="201"/>
      <c r="HQ189" s="201"/>
      <c r="HR189" s="201"/>
      <c r="HS189" s="201"/>
      <c r="HT189" s="201"/>
      <c r="HU189" s="201"/>
      <c r="HV189" s="201"/>
      <c r="HW189" s="201"/>
      <c r="HX189" s="201"/>
      <c r="HY189" s="201"/>
      <c r="HZ189" s="201"/>
      <c r="IA189" s="201"/>
      <c r="IB189" s="201"/>
      <c r="IC189" s="201"/>
      <c r="ID189" s="201"/>
      <c r="IE189" s="201"/>
      <c r="IF189" s="201"/>
      <c r="IG189" s="201"/>
      <c r="IH189" s="201"/>
      <c r="II189" s="201"/>
      <c r="IJ189" s="201"/>
      <c r="IK189" s="201"/>
      <c r="IL189" s="201"/>
      <c r="IM189" s="201"/>
      <c r="IN189" s="201"/>
      <c r="IO189" s="201"/>
      <c r="IP189" s="201"/>
      <c r="IQ189" s="201"/>
      <c r="IR189" s="201"/>
      <c r="IS189" s="201"/>
      <c r="IT189" s="201"/>
      <c r="IU189" s="201"/>
      <c r="IV189" s="201"/>
      <c r="IW189" s="201"/>
      <c r="IX189" s="201"/>
      <c r="IY189" s="201"/>
    </row>
    <row r="190" spans="1:259" s="546" customFormat="1" ht="69.599999999999994" customHeight="1" x14ac:dyDescent="0.2">
      <c r="A190" s="1008" t="s">
        <v>174</v>
      </c>
      <c r="B190" s="1009"/>
      <c r="C190" s="1009"/>
      <c r="D190" s="1009"/>
      <c r="E190" s="1009"/>
      <c r="F190" s="1009"/>
      <c r="G190" s="1009"/>
      <c r="H190" s="1009"/>
      <c r="I190" s="1009"/>
      <c r="J190" s="1009"/>
      <c r="K190" s="1009"/>
      <c r="L190" s="1009"/>
      <c r="M190" s="1009"/>
      <c r="N190" s="1009"/>
      <c r="O190" s="1009"/>
      <c r="P190" s="1009"/>
      <c r="Q190" s="1010"/>
      <c r="R190" s="198"/>
      <c r="S190" s="187"/>
      <c r="T190" s="199"/>
      <c r="U190" s="201"/>
      <c r="V190" s="201"/>
      <c r="W190" s="201"/>
      <c r="X190" s="201"/>
      <c r="Y190" s="201"/>
      <c r="Z190" s="201"/>
      <c r="AA190" s="201"/>
      <c r="AB190" s="201"/>
      <c r="AC190" s="201"/>
      <c r="AD190" s="201"/>
      <c r="AE190" s="201"/>
      <c r="AF190" s="201"/>
      <c r="AG190" s="201"/>
      <c r="AH190" s="201"/>
      <c r="AI190" s="201"/>
      <c r="AJ190" s="201"/>
      <c r="AK190" s="201"/>
      <c r="AL190" s="201"/>
      <c r="AM190" s="201"/>
      <c r="AN190" s="201"/>
      <c r="AO190" s="201"/>
      <c r="AP190" s="201"/>
      <c r="AQ190" s="201"/>
      <c r="AR190" s="201"/>
      <c r="AS190" s="201"/>
      <c r="AT190" s="201"/>
      <c r="AU190" s="201"/>
      <c r="AV190" s="201"/>
      <c r="AW190" s="201"/>
      <c r="AX190" s="201"/>
      <c r="AY190" s="201"/>
      <c r="AZ190" s="201"/>
      <c r="BA190" s="201"/>
      <c r="BB190" s="201"/>
      <c r="BC190" s="201"/>
      <c r="BD190" s="201"/>
      <c r="BE190" s="201"/>
      <c r="BF190" s="201"/>
      <c r="BG190" s="201"/>
      <c r="BH190" s="201"/>
      <c r="BI190" s="201"/>
      <c r="BJ190" s="201"/>
      <c r="BK190" s="201"/>
      <c r="BL190" s="201"/>
      <c r="BM190" s="201"/>
      <c r="BN190" s="201"/>
      <c r="BO190" s="201"/>
      <c r="BP190" s="201"/>
      <c r="BQ190" s="201"/>
      <c r="BR190" s="201"/>
      <c r="BS190" s="201"/>
      <c r="BT190" s="201"/>
      <c r="BU190" s="201"/>
      <c r="BV190" s="201"/>
      <c r="BW190" s="201"/>
      <c r="BX190" s="201"/>
      <c r="BY190" s="201"/>
      <c r="BZ190" s="201"/>
      <c r="CA190" s="201"/>
      <c r="CB190" s="201"/>
      <c r="CC190" s="201"/>
      <c r="CD190" s="201"/>
      <c r="CE190" s="201"/>
      <c r="CF190" s="201"/>
      <c r="CG190" s="201"/>
      <c r="CH190" s="201"/>
      <c r="CI190" s="201"/>
      <c r="CJ190" s="201"/>
      <c r="CK190" s="201"/>
      <c r="CL190" s="201"/>
      <c r="CM190" s="201"/>
      <c r="CN190" s="201"/>
      <c r="CO190" s="201"/>
      <c r="CP190" s="201"/>
      <c r="CQ190" s="201"/>
      <c r="CR190" s="201"/>
      <c r="CS190" s="201"/>
      <c r="CT190" s="201"/>
      <c r="CU190" s="201"/>
      <c r="CV190" s="201"/>
      <c r="CW190" s="201"/>
      <c r="CX190" s="201"/>
      <c r="CY190" s="201"/>
      <c r="CZ190" s="201"/>
      <c r="DA190" s="201"/>
      <c r="DB190" s="201"/>
      <c r="DC190" s="201"/>
      <c r="DD190" s="201"/>
      <c r="DE190" s="201"/>
      <c r="DF190" s="201"/>
      <c r="DG190" s="201"/>
      <c r="DH190" s="201"/>
      <c r="DI190" s="201"/>
      <c r="DJ190" s="201"/>
      <c r="DK190" s="201"/>
      <c r="DL190" s="201"/>
      <c r="DM190" s="201"/>
      <c r="DN190" s="201"/>
      <c r="DO190" s="201"/>
      <c r="DP190" s="201"/>
      <c r="DQ190" s="201"/>
      <c r="DR190" s="201"/>
      <c r="DS190" s="201"/>
      <c r="DT190" s="201"/>
      <c r="DU190" s="201"/>
      <c r="DV190" s="201"/>
      <c r="DW190" s="201"/>
      <c r="DX190" s="201"/>
      <c r="DY190" s="201"/>
      <c r="DZ190" s="201"/>
      <c r="EA190" s="201"/>
      <c r="EB190" s="201"/>
      <c r="EC190" s="201"/>
      <c r="ED190" s="201"/>
      <c r="EE190" s="201"/>
      <c r="EF190" s="201"/>
      <c r="EG190" s="201"/>
      <c r="EH190" s="201"/>
      <c r="EI190" s="201"/>
      <c r="EJ190" s="201"/>
      <c r="EK190" s="201"/>
      <c r="EL190" s="201"/>
      <c r="EM190" s="201"/>
      <c r="EN190" s="201"/>
      <c r="EO190" s="201"/>
      <c r="EP190" s="201"/>
      <c r="EQ190" s="201"/>
      <c r="ER190" s="201"/>
      <c r="ES190" s="201"/>
      <c r="ET190" s="201"/>
      <c r="EU190" s="201"/>
      <c r="EV190" s="201"/>
      <c r="EW190" s="201"/>
      <c r="EX190" s="201"/>
      <c r="EY190" s="201"/>
      <c r="EZ190" s="201"/>
      <c r="FA190" s="201"/>
      <c r="FB190" s="201"/>
      <c r="FC190" s="201"/>
      <c r="FD190" s="201"/>
      <c r="FE190" s="201"/>
      <c r="FF190" s="201"/>
      <c r="FG190" s="201"/>
      <c r="FH190" s="201"/>
      <c r="FI190" s="201"/>
      <c r="FJ190" s="201"/>
      <c r="FK190" s="201"/>
      <c r="FL190" s="201"/>
      <c r="FM190" s="201"/>
      <c r="FN190" s="201"/>
      <c r="FO190" s="201"/>
      <c r="FP190" s="201"/>
      <c r="FQ190" s="201"/>
      <c r="FR190" s="201"/>
      <c r="FS190" s="201"/>
      <c r="FT190" s="201"/>
      <c r="FU190" s="201"/>
      <c r="FV190" s="201"/>
      <c r="FW190" s="201"/>
      <c r="FX190" s="201"/>
      <c r="FY190" s="201"/>
      <c r="FZ190" s="201"/>
      <c r="GA190" s="201"/>
      <c r="GB190" s="201"/>
      <c r="GC190" s="201"/>
      <c r="GD190" s="201"/>
      <c r="GE190" s="201"/>
      <c r="GF190" s="201"/>
      <c r="GG190" s="201"/>
      <c r="GH190" s="201"/>
      <c r="GI190" s="201"/>
      <c r="GJ190" s="201"/>
      <c r="GK190" s="201"/>
      <c r="GL190" s="201"/>
      <c r="GM190" s="201"/>
      <c r="GN190" s="201"/>
      <c r="GO190" s="201"/>
      <c r="GP190" s="201"/>
      <c r="GQ190" s="201"/>
      <c r="GR190" s="201"/>
      <c r="GS190" s="201"/>
      <c r="GT190" s="201"/>
      <c r="GU190" s="201"/>
      <c r="GV190" s="201"/>
      <c r="GW190" s="201"/>
      <c r="GX190" s="201"/>
      <c r="GY190" s="201"/>
      <c r="GZ190" s="201"/>
      <c r="HA190" s="201"/>
      <c r="HB190" s="201"/>
      <c r="HC190" s="201"/>
      <c r="HD190" s="201"/>
      <c r="HE190" s="201"/>
      <c r="HF190" s="201"/>
      <c r="HG190" s="201"/>
      <c r="HH190" s="201"/>
      <c r="HI190" s="201"/>
      <c r="HJ190" s="201"/>
      <c r="HK190" s="201"/>
      <c r="HL190" s="201"/>
      <c r="HM190" s="201"/>
      <c r="HN190" s="201"/>
      <c r="HO190" s="201"/>
      <c r="HP190" s="201"/>
      <c r="HQ190" s="201"/>
      <c r="HR190" s="201"/>
      <c r="HS190" s="201"/>
      <c r="HT190" s="201"/>
      <c r="HU190" s="201"/>
      <c r="HV190" s="201"/>
      <c r="HW190" s="201"/>
      <c r="HX190" s="201"/>
      <c r="HY190" s="201"/>
      <c r="HZ190" s="201"/>
      <c r="IA190" s="201"/>
      <c r="IB190" s="201"/>
      <c r="IC190" s="201"/>
      <c r="ID190" s="201"/>
      <c r="IE190" s="201"/>
      <c r="IF190" s="201"/>
      <c r="IG190" s="201"/>
      <c r="IH190" s="201"/>
      <c r="II190" s="201"/>
      <c r="IJ190" s="201"/>
      <c r="IK190" s="201"/>
      <c r="IL190" s="201"/>
      <c r="IM190" s="201"/>
      <c r="IN190" s="201"/>
      <c r="IO190" s="201"/>
      <c r="IP190" s="201"/>
      <c r="IQ190" s="201"/>
      <c r="IR190" s="201"/>
      <c r="IS190" s="201"/>
      <c r="IT190" s="201"/>
      <c r="IU190" s="201"/>
      <c r="IV190" s="201"/>
      <c r="IW190" s="201"/>
      <c r="IX190" s="201"/>
      <c r="IY190" s="201"/>
    </row>
    <row r="191" spans="1:259" s="191" customFormat="1" ht="69.900000000000006" customHeight="1" x14ac:dyDescent="0.2">
      <c r="A191" s="1349" t="s">
        <v>549</v>
      </c>
      <c r="B191" s="1350"/>
      <c r="C191" s="1350"/>
      <c r="D191" s="1350"/>
      <c r="E191" s="1350"/>
      <c r="F191" s="1350"/>
      <c r="G191" s="1350"/>
      <c r="H191" s="1350"/>
      <c r="I191" s="1350"/>
      <c r="J191" s="1350"/>
      <c r="K191" s="1350"/>
      <c r="L191" s="1350"/>
      <c r="M191" s="1350"/>
      <c r="N191" s="1350"/>
      <c r="O191" s="1350"/>
      <c r="P191" s="1350"/>
      <c r="Q191" s="1351"/>
      <c r="R191" s="186"/>
      <c r="S191" s="187"/>
      <c r="T191" s="188"/>
      <c r="U191" s="818"/>
      <c r="V191" s="190"/>
      <c r="W191" s="190"/>
      <c r="X191" s="190"/>
      <c r="Y191" s="190"/>
      <c r="Z191" s="190"/>
      <c r="AA191" s="190"/>
      <c r="AB191" s="190"/>
      <c r="AC191" s="190"/>
      <c r="AD191" s="190"/>
      <c r="AE191" s="190"/>
      <c r="AF191" s="190"/>
      <c r="AG191" s="190"/>
      <c r="AH191" s="190"/>
      <c r="AI191" s="190"/>
      <c r="AJ191" s="190"/>
      <c r="AK191" s="190"/>
      <c r="AL191" s="190"/>
      <c r="AM191" s="190"/>
      <c r="AN191" s="190"/>
      <c r="AO191" s="190"/>
      <c r="AP191" s="190"/>
      <c r="AQ191" s="190"/>
      <c r="AR191" s="190"/>
      <c r="AS191" s="190"/>
      <c r="AT191" s="190"/>
      <c r="AU191" s="190"/>
      <c r="AV191" s="190"/>
      <c r="AW191" s="190"/>
      <c r="AX191" s="190"/>
      <c r="AY191" s="190"/>
      <c r="AZ191" s="190"/>
      <c r="BA191" s="190"/>
      <c r="BB191" s="190"/>
      <c r="BC191" s="190"/>
      <c r="BD191" s="190"/>
      <c r="BE191" s="190"/>
    </row>
    <row r="192" spans="1:259" s="546" customFormat="1" ht="69.900000000000006" customHeight="1" x14ac:dyDescent="0.2">
      <c r="A192" s="70" t="s">
        <v>28</v>
      </c>
      <c r="B192" s="72"/>
      <c r="C192" s="72"/>
      <c r="D192" s="72"/>
      <c r="E192" s="72"/>
      <c r="F192" s="72"/>
      <c r="G192" s="72"/>
      <c r="H192" s="72"/>
      <c r="I192" s="72"/>
      <c r="J192" s="72"/>
      <c r="K192" s="72"/>
      <c r="L192" s="72"/>
      <c r="M192" s="72"/>
      <c r="N192" s="72"/>
      <c r="O192" s="72"/>
      <c r="P192" s="72"/>
      <c r="Q192" s="202"/>
      <c r="R192" s="1068"/>
      <c r="S192" s="561"/>
      <c r="T192" s="199"/>
    </row>
    <row r="193" spans="1:259" s="570" customFormat="1" ht="75" customHeight="1" x14ac:dyDescent="0.2">
      <c r="A193" s="575"/>
      <c r="B193" s="576"/>
      <c r="C193" s="576"/>
      <c r="D193" s="576"/>
      <c r="E193" s="576"/>
      <c r="F193" s="576"/>
      <c r="G193" s="576"/>
      <c r="H193" s="576"/>
      <c r="I193" s="576"/>
      <c r="J193" s="576"/>
      <c r="K193" s="576"/>
      <c r="L193" s="577"/>
      <c r="M193" s="576"/>
      <c r="N193" s="576"/>
      <c r="O193" s="576"/>
      <c r="P193" s="576"/>
      <c r="Q193" s="578"/>
      <c r="R193" s="1028"/>
      <c r="S193" s="561"/>
      <c r="T193" s="579"/>
      <c r="U193" s="546"/>
    </row>
    <row r="194" spans="1:259" s="570" customFormat="1" ht="75" customHeight="1" thickBot="1" x14ac:dyDescent="0.25">
      <c r="A194" s="606"/>
      <c r="B194" s="607"/>
      <c r="C194" s="607"/>
      <c r="D194" s="607"/>
      <c r="E194" s="607"/>
      <c r="F194" s="607"/>
      <c r="G194" s="607"/>
      <c r="H194" s="607"/>
      <c r="I194" s="607"/>
      <c r="J194" s="607"/>
      <c r="K194" s="607"/>
      <c r="L194" s="608"/>
      <c r="M194" s="607"/>
      <c r="N194" s="607"/>
      <c r="O194" s="607"/>
      <c r="P194" s="607"/>
      <c r="Q194" s="609"/>
      <c r="R194" s="1028"/>
      <c r="S194" s="561"/>
      <c r="T194" s="579"/>
      <c r="U194" s="546"/>
    </row>
    <row r="195" spans="1:259" s="546" customFormat="1" ht="69.900000000000006" customHeight="1" thickBot="1" x14ac:dyDescent="0.25">
      <c r="A195" s="724" t="s">
        <v>550</v>
      </c>
      <c r="B195" s="726"/>
      <c r="C195" s="726"/>
      <c r="D195" s="726"/>
      <c r="E195" s="726"/>
      <c r="F195" s="726"/>
      <c r="G195" s="726"/>
      <c r="H195" s="726"/>
      <c r="I195" s="726"/>
      <c r="J195" s="726"/>
      <c r="K195" s="726"/>
      <c r="L195" s="726"/>
      <c r="M195" s="726"/>
      <c r="N195" s="726"/>
      <c r="O195" s="726"/>
      <c r="P195" s="726"/>
      <c r="Q195" s="819"/>
      <c r="R195" s="1028"/>
      <c r="S195" s="561"/>
      <c r="T195" s="595"/>
      <c r="U195" s="596"/>
      <c r="V195" s="596"/>
      <c r="W195" s="596"/>
      <c r="X195" s="596"/>
      <c r="Y195" s="600"/>
      <c r="Z195" s="600"/>
      <c r="AA195" s="600"/>
      <c r="AB195" s="600"/>
      <c r="AC195" s="600"/>
      <c r="AD195" s="600"/>
      <c r="AE195" s="600"/>
      <c r="AF195" s="600"/>
      <c r="AG195" s="600"/>
      <c r="AH195" s="600"/>
      <c r="AI195" s="600"/>
      <c r="AJ195" s="600"/>
      <c r="AK195" s="600"/>
      <c r="AL195" s="600"/>
      <c r="AM195" s="600"/>
      <c r="AN195" s="600"/>
      <c r="AO195" s="596"/>
      <c r="AP195" s="596"/>
      <c r="AQ195" s="596"/>
      <c r="AR195" s="596"/>
      <c r="AS195" s="596"/>
      <c r="AT195" s="596"/>
      <c r="AU195" s="596"/>
      <c r="AV195" s="596"/>
      <c r="AW195" s="596"/>
      <c r="AX195" s="596"/>
      <c r="AY195" s="596"/>
      <c r="AZ195" s="596"/>
      <c r="BA195" s="596"/>
      <c r="BB195" s="596"/>
      <c r="BC195" s="596"/>
      <c r="BD195" s="596"/>
      <c r="BE195" s="596"/>
    </row>
    <row r="196" spans="1:259" s="570" customFormat="1" ht="264" customHeight="1" thickTop="1" thickBot="1" x14ac:dyDescent="0.25">
      <c r="A196" s="1193" t="s">
        <v>551</v>
      </c>
      <c r="B196" s="1194"/>
      <c r="C196" s="1194"/>
      <c r="D196" s="1194"/>
      <c r="E196" s="1194"/>
      <c r="F196" s="1194"/>
      <c r="G196" s="1194"/>
      <c r="H196" s="1194"/>
      <c r="I196" s="1194"/>
      <c r="J196" s="1194"/>
      <c r="K196" s="1194"/>
      <c r="L196" s="1194"/>
      <c r="M196" s="1194"/>
      <c r="N196" s="1195"/>
      <c r="O196" s="1298" t="s">
        <v>20</v>
      </c>
      <c r="P196" s="1298" t="s">
        <v>21</v>
      </c>
      <c r="Q196" s="1299" t="s">
        <v>22</v>
      </c>
      <c r="R196" s="1028"/>
      <c r="S196" s="561"/>
      <c r="T196" s="569"/>
      <c r="U196" s="596"/>
      <c r="V196" s="600"/>
      <c r="W196" s="600"/>
      <c r="X196" s="600"/>
      <c r="Y196" s="596"/>
      <c r="Z196" s="596"/>
      <c r="AA196" s="596"/>
      <c r="AB196" s="596"/>
      <c r="AC196" s="596"/>
      <c r="AD196" s="596"/>
      <c r="AE196" s="596"/>
      <c r="AF196" s="596"/>
      <c r="AG196" s="596"/>
      <c r="AH196" s="596"/>
      <c r="AI196" s="596"/>
      <c r="AJ196" s="596"/>
      <c r="AK196" s="596"/>
      <c r="AL196" s="596"/>
      <c r="AM196" s="596"/>
      <c r="AN196" s="596"/>
      <c r="AO196" s="600"/>
      <c r="AP196" s="600"/>
      <c r="AQ196" s="600"/>
      <c r="AR196" s="600"/>
      <c r="AS196" s="600"/>
      <c r="AT196" s="600"/>
      <c r="AU196" s="600"/>
      <c r="AV196" s="600"/>
      <c r="AW196" s="600"/>
      <c r="AX196" s="600"/>
      <c r="AY196" s="600"/>
      <c r="AZ196" s="600"/>
      <c r="BA196" s="600"/>
      <c r="BB196" s="600"/>
      <c r="BC196" s="600"/>
      <c r="BD196" s="600"/>
      <c r="BE196" s="600"/>
    </row>
    <row r="197" spans="1:259" s="546" customFormat="1" ht="69.900000000000006" customHeight="1" thickTop="1" x14ac:dyDescent="0.2">
      <c r="A197" s="70" t="s">
        <v>28</v>
      </c>
      <c r="B197" s="72"/>
      <c r="C197" s="72"/>
      <c r="D197" s="72"/>
      <c r="E197" s="72"/>
      <c r="F197" s="72"/>
      <c r="G197" s="72"/>
      <c r="H197" s="72"/>
      <c r="I197" s="72"/>
      <c r="J197" s="72"/>
      <c r="K197" s="72"/>
      <c r="L197" s="72"/>
      <c r="M197" s="72"/>
      <c r="N197" s="72"/>
      <c r="O197" s="72"/>
      <c r="P197" s="72"/>
      <c r="Q197" s="202"/>
      <c r="R197" s="1068"/>
      <c r="S197" s="561"/>
      <c r="T197" s="199"/>
    </row>
    <row r="198" spans="1:259" s="570" customFormat="1" ht="75" customHeight="1" x14ac:dyDescent="0.2">
      <c r="A198" s="575"/>
      <c r="B198" s="576"/>
      <c r="C198" s="576"/>
      <c r="D198" s="576"/>
      <c r="E198" s="576"/>
      <c r="F198" s="576"/>
      <c r="G198" s="576"/>
      <c r="H198" s="576"/>
      <c r="I198" s="576"/>
      <c r="J198" s="576"/>
      <c r="K198" s="576"/>
      <c r="L198" s="577"/>
      <c r="M198" s="576"/>
      <c r="N198" s="576"/>
      <c r="O198" s="576"/>
      <c r="P198" s="576"/>
      <c r="Q198" s="578"/>
      <c r="R198" s="1028"/>
      <c r="S198" s="561"/>
      <c r="T198" s="579"/>
      <c r="U198" s="546"/>
    </row>
    <row r="199" spans="1:259" s="570" customFormat="1" ht="75" customHeight="1" thickBot="1" x14ac:dyDescent="0.25">
      <c r="A199" s="606"/>
      <c r="B199" s="607"/>
      <c r="C199" s="607"/>
      <c r="D199" s="607"/>
      <c r="E199" s="607"/>
      <c r="F199" s="607"/>
      <c r="G199" s="607"/>
      <c r="H199" s="607"/>
      <c r="I199" s="607"/>
      <c r="J199" s="607"/>
      <c r="K199" s="607"/>
      <c r="L199" s="608"/>
      <c r="M199" s="607"/>
      <c r="N199" s="607"/>
      <c r="O199" s="607"/>
      <c r="P199" s="607"/>
      <c r="Q199" s="609"/>
      <c r="R199" s="1028"/>
      <c r="S199" s="561"/>
      <c r="T199" s="579"/>
      <c r="U199" s="546"/>
    </row>
    <row r="200" spans="1:259" s="546" customFormat="1" ht="69.900000000000006" customHeight="1" thickBot="1" x14ac:dyDescent="0.25">
      <c r="A200" s="773" t="s">
        <v>368</v>
      </c>
      <c r="B200" s="774"/>
      <c r="C200" s="774"/>
      <c r="D200" s="774"/>
      <c r="E200" s="774"/>
      <c r="F200" s="774"/>
      <c r="G200" s="774"/>
      <c r="H200" s="774"/>
      <c r="I200" s="774"/>
      <c r="J200" s="774"/>
      <c r="K200" s="774"/>
      <c r="L200" s="774"/>
      <c r="M200" s="774"/>
      <c r="N200" s="774"/>
      <c r="O200" s="774"/>
      <c r="P200" s="774"/>
      <c r="Q200" s="775"/>
      <c r="R200" s="1068"/>
      <c r="S200" s="561"/>
      <c r="T200" s="728" t="s">
        <v>552</v>
      </c>
      <c r="U200" s="596"/>
      <c r="V200" s="596"/>
      <c r="W200" s="596"/>
      <c r="X200" s="596"/>
      <c r="Y200" s="600"/>
      <c r="Z200" s="600"/>
      <c r="AA200" s="600"/>
      <c r="AB200" s="600"/>
      <c r="AC200" s="600"/>
      <c r="AD200" s="600"/>
      <c r="AE200" s="600"/>
      <c r="AF200" s="600"/>
      <c r="AG200" s="600"/>
      <c r="AH200" s="600"/>
      <c r="AI200" s="600"/>
      <c r="AJ200" s="600"/>
      <c r="AK200" s="600"/>
      <c r="AL200" s="600"/>
      <c r="AM200" s="600"/>
      <c r="AN200" s="600"/>
      <c r="AO200" s="596"/>
      <c r="AP200" s="596"/>
      <c r="AQ200" s="596"/>
      <c r="AR200" s="596"/>
      <c r="AS200" s="596"/>
      <c r="AT200" s="596"/>
      <c r="AU200" s="596"/>
      <c r="AV200" s="596"/>
      <c r="AW200" s="596"/>
      <c r="AX200" s="596"/>
      <c r="AY200" s="596"/>
      <c r="AZ200" s="596"/>
      <c r="BA200" s="596"/>
      <c r="BB200" s="596"/>
      <c r="BC200" s="596"/>
      <c r="BD200" s="596"/>
      <c r="BE200" s="596"/>
    </row>
    <row r="201" spans="1:259" s="546" customFormat="1" ht="69.900000000000006" customHeight="1" thickBot="1" x14ac:dyDescent="0.25">
      <c r="A201" s="584" t="s">
        <v>553</v>
      </c>
      <c r="B201" s="593"/>
      <c r="C201" s="593"/>
      <c r="D201" s="593"/>
      <c r="E201" s="593"/>
      <c r="F201" s="593"/>
      <c r="G201" s="593"/>
      <c r="H201" s="593"/>
      <c r="I201" s="593"/>
      <c r="J201" s="593"/>
      <c r="K201" s="593"/>
      <c r="L201" s="586"/>
      <c r="M201" s="593"/>
      <c r="N201" s="593"/>
      <c r="O201" s="593"/>
      <c r="P201" s="593"/>
      <c r="Q201" s="594"/>
      <c r="R201" s="1028"/>
      <c r="S201" s="561"/>
      <c r="T201" s="595"/>
      <c r="U201" s="596"/>
      <c r="V201" s="596"/>
      <c r="W201" s="596"/>
      <c r="X201" s="596"/>
      <c r="Y201" s="596"/>
      <c r="Z201" s="596"/>
      <c r="AA201" s="596"/>
      <c r="AB201" s="596"/>
      <c r="AC201" s="596"/>
      <c r="AD201" s="596"/>
      <c r="AE201" s="596"/>
      <c r="AF201" s="596"/>
      <c r="AG201" s="596"/>
      <c r="AH201" s="596"/>
      <c r="AI201" s="596"/>
      <c r="AJ201" s="596"/>
      <c r="AK201" s="596"/>
      <c r="AL201" s="596"/>
      <c r="AM201" s="596"/>
      <c r="AN201" s="596"/>
      <c r="AO201" s="596"/>
      <c r="AP201" s="596"/>
      <c r="AQ201" s="596"/>
      <c r="AR201" s="596"/>
      <c r="AS201" s="596"/>
      <c r="AT201" s="596"/>
      <c r="AU201" s="596"/>
      <c r="AV201" s="596"/>
      <c r="AW201" s="596"/>
      <c r="AX201" s="596"/>
      <c r="AY201" s="596"/>
      <c r="AZ201" s="596"/>
      <c r="BA201" s="596"/>
      <c r="BB201" s="596"/>
      <c r="BC201" s="596"/>
      <c r="BD201" s="596"/>
      <c r="BE201" s="596"/>
    </row>
    <row r="202" spans="1:259" s="570" customFormat="1" ht="324" customHeight="1" thickTop="1" thickBot="1" x14ac:dyDescent="0.25">
      <c r="A202" s="729" t="s">
        <v>554</v>
      </c>
      <c r="B202" s="731"/>
      <c r="C202" s="731"/>
      <c r="D202" s="731"/>
      <c r="E202" s="731"/>
      <c r="F202" s="731"/>
      <c r="G202" s="731"/>
      <c r="H202" s="731"/>
      <c r="I202" s="731"/>
      <c r="J202" s="731"/>
      <c r="K202" s="731"/>
      <c r="L202" s="731"/>
      <c r="M202" s="1156"/>
      <c r="N202" s="1157" t="s">
        <v>27</v>
      </c>
      <c r="O202" s="348" t="s">
        <v>20</v>
      </c>
      <c r="P202" s="348" t="s">
        <v>21</v>
      </c>
      <c r="Q202" s="461" t="s">
        <v>22</v>
      </c>
      <c r="R202" s="1028"/>
      <c r="S202" s="561"/>
      <c r="T202" s="569"/>
      <c r="U202" s="596"/>
      <c r="V202" s="600"/>
      <c r="W202" s="600"/>
      <c r="X202" s="600"/>
      <c r="Y202" s="600"/>
      <c r="Z202" s="600"/>
      <c r="AA202" s="600"/>
      <c r="AB202" s="600"/>
      <c r="AC202" s="600"/>
      <c r="AD202" s="600"/>
      <c r="AE202" s="600"/>
      <c r="AF202" s="600"/>
      <c r="AG202" s="600"/>
      <c r="AH202" s="600"/>
      <c r="AI202" s="600"/>
      <c r="AJ202" s="600"/>
      <c r="AK202" s="600"/>
      <c r="AL202" s="600"/>
      <c r="AM202" s="600"/>
      <c r="AN202" s="600"/>
      <c r="AO202" s="600"/>
      <c r="AP202" s="600"/>
      <c r="AQ202" s="600"/>
      <c r="AR202" s="600"/>
      <c r="AS202" s="600"/>
      <c r="AT202" s="600"/>
      <c r="AU202" s="600"/>
      <c r="AV202" s="600"/>
      <c r="AW202" s="600"/>
      <c r="AX202" s="600"/>
      <c r="AY202" s="600"/>
      <c r="AZ202" s="600"/>
      <c r="BA202" s="600"/>
      <c r="BB202" s="600"/>
      <c r="BC202" s="600"/>
      <c r="BD202" s="600"/>
      <c r="BE202" s="600"/>
    </row>
    <row r="203" spans="1:259" s="546" customFormat="1" ht="69.900000000000006" customHeight="1" thickTop="1" x14ac:dyDescent="0.2">
      <c r="A203" s="795" t="s">
        <v>178</v>
      </c>
      <c r="B203" s="675"/>
      <c r="C203" s="675"/>
      <c r="D203" s="675"/>
      <c r="E203" s="675"/>
      <c r="F203" s="675"/>
      <c r="G203" s="675"/>
      <c r="H203" s="675"/>
      <c r="I203" s="675"/>
      <c r="J203" s="675"/>
      <c r="K203" s="675"/>
      <c r="L203" s="675"/>
      <c r="M203" s="675"/>
      <c r="N203" s="675"/>
      <c r="O203" s="675"/>
      <c r="P203" s="675"/>
      <c r="Q203" s="676"/>
      <c r="R203" s="1068"/>
      <c r="S203" s="561"/>
      <c r="T203" s="199"/>
    </row>
    <row r="204" spans="1:259" s="546" customFormat="1" ht="69.599999999999994" customHeight="1" x14ac:dyDescent="0.2">
      <c r="A204" s="1008" t="s">
        <v>189</v>
      </c>
      <c r="B204" s="1009"/>
      <c r="C204" s="1009"/>
      <c r="D204" s="1009"/>
      <c r="E204" s="1009"/>
      <c r="F204" s="1009"/>
      <c r="G204" s="1009"/>
      <c r="H204" s="1009"/>
      <c r="I204" s="1009"/>
      <c r="J204" s="1009"/>
      <c r="K204" s="1009"/>
      <c r="L204" s="1009"/>
      <c r="M204" s="1009"/>
      <c r="N204" s="1009"/>
      <c r="O204" s="1009"/>
      <c r="P204" s="1009"/>
      <c r="Q204" s="1010"/>
      <c r="R204" s="198"/>
      <c r="S204" s="187"/>
      <c r="T204" s="199"/>
      <c r="U204" s="201"/>
      <c r="V204" s="201"/>
      <c r="W204" s="201"/>
      <c r="X204" s="201"/>
      <c r="Y204" s="201"/>
      <c r="Z204" s="201"/>
      <c r="AA204" s="201"/>
      <c r="AB204" s="201"/>
      <c r="AC204" s="201"/>
      <c r="AD204" s="201"/>
      <c r="AE204" s="201"/>
      <c r="AF204" s="201"/>
      <c r="AG204" s="201"/>
      <c r="AH204" s="201"/>
      <c r="AI204" s="201"/>
      <c r="AJ204" s="201"/>
      <c r="AK204" s="201"/>
      <c r="AL204" s="201"/>
      <c r="AM204" s="201"/>
      <c r="AN204" s="201"/>
      <c r="AO204" s="201"/>
      <c r="AP204" s="201"/>
      <c r="AQ204" s="201"/>
      <c r="AR204" s="201"/>
      <c r="AS204" s="201"/>
      <c r="AT204" s="201"/>
      <c r="AU204" s="201"/>
      <c r="AV204" s="201"/>
      <c r="AW204" s="201"/>
      <c r="AX204" s="201"/>
      <c r="AY204" s="201"/>
      <c r="AZ204" s="201"/>
      <c r="BA204" s="201"/>
      <c r="BB204" s="201"/>
      <c r="BC204" s="201"/>
      <c r="BD204" s="201"/>
      <c r="BE204" s="201"/>
      <c r="BF204" s="201"/>
      <c r="BG204" s="201"/>
      <c r="BH204" s="201"/>
      <c r="BI204" s="201"/>
      <c r="BJ204" s="201"/>
      <c r="BK204" s="201"/>
      <c r="BL204" s="201"/>
      <c r="BM204" s="201"/>
      <c r="BN204" s="201"/>
      <c r="BO204" s="201"/>
      <c r="BP204" s="201"/>
      <c r="BQ204" s="201"/>
      <c r="BR204" s="201"/>
      <c r="BS204" s="201"/>
      <c r="BT204" s="201"/>
      <c r="BU204" s="201"/>
      <c r="BV204" s="201"/>
      <c r="BW204" s="201"/>
      <c r="BX204" s="201"/>
      <c r="BY204" s="201"/>
      <c r="BZ204" s="201"/>
      <c r="CA204" s="201"/>
      <c r="CB204" s="201"/>
      <c r="CC204" s="201"/>
      <c r="CD204" s="201"/>
      <c r="CE204" s="201"/>
      <c r="CF204" s="201"/>
      <c r="CG204" s="201"/>
      <c r="CH204" s="201"/>
      <c r="CI204" s="201"/>
      <c r="CJ204" s="201"/>
      <c r="CK204" s="201"/>
      <c r="CL204" s="201"/>
      <c r="CM204" s="201"/>
      <c r="CN204" s="201"/>
      <c r="CO204" s="201"/>
      <c r="CP204" s="201"/>
      <c r="CQ204" s="201"/>
      <c r="CR204" s="201"/>
      <c r="CS204" s="201"/>
      <c r="CT204" s="201"/>
      <c r="CU204" s="201"/>
      <c r="CV204" s="201"/>
      <c r="CW204" s="201"/>
      <c r="CX204" s="201"/>
      <c r="CY204" s="201"/>
      <c r="CZ204" s="201"/>
      <c r="DA204" s="201"/>
      <c r="DB204" s="201"/>
      <c r="DC204" s="201"/>
      <c r="DD204" s="201"/>
      <c r="DE204" s="201"/>
      <c r="DF204" s="201"/>
      <c r="DG204" s="201"/>
      <c r="DH204" s="201"/>
      <c r="DI204" s="201"/>
      <c r="DJ204" s="201"/>
      <c r="DK204" s="201"/>
      <c r="DL204" s="201"/>
      <c r="DM204" s="201"/>
      <c r="DN204" s="201"/>
      <c r="DO204" s="201"/>
      <c r="DP204" s="201"/>
      <c r="DQ204" s="201"/>
      <c r="DR204" s="201"/>
      <c r="DS204" s="201"/>
      <c r="DT204" s="201"/>
      <c r="DU204" s="201"/>
      <c r="DV204" s="201"/>
      <c r="DW204" s="201"/>
      <c r="DX204" s="201"/>
      <c r="DY204" s="201"/>
      <c r="DZ204" s="201"/>
      <c r="EA204" s="201"/>
      <c r="EB204" s="201"/>
      <c r="EC204" s="201"/>
      <c r="ED204" s="201"/>
      <c r="EE204" s="201"/>
      <c r="EF204" s="201"/>
      <c r="EG204" s="201"/>
      <c r="EH204" s="201"/>
      <c r="EI204" s="201"/>
      <c r="EJ204" s="201"/>
      <c r="EK204" s="201"/>
      <c r="EL204" s="201"/>
      <c r="EM204" s="201"/>
      <c r="EN204" s="201"/>
      <c r="EO204" s="201"/>
      <c r="EP204" s="201"/>
      <c r="EQ204" s="201"/>
      <c r="ER204" s="201"/>
      <c r="ES204" s="201"/>
      <c r="ET204" s="201"/>
      <c r="EU204" s="201"/>
      <c r="EV204" s="201"/>
      <c r="EW204" s="201"/>
      <c r="EX204" s="201"/>
      <c r="EY204" s="201"/>
      <c r="EZ204" s="201"/>
      <c r="FA204" s="201"/>
      <c r="FB204" s="201"/>
      <c r="FC204" s="201"/>
      <c r="FD204" s="201"/>
      <c r="FE204" s="201"/>
      <c r="FF204" s="201"/>
      <c r="FG204" s="201"/>
      <c r="FH204" s="201"/>
      <c r="FI204" s="201"/>
      <c r="FJ204" s="201"/>
      <c r="FK204" s="201"/>
      <c r="FL204" s="201"/>
      <c r="FM204" s="201"/>
      <c r="FN204" s="201"/>
      <c r="FO204" s="201"/>
      <c r="FP204" s="201"/>
      <c r="FQ204" s="201"/>
      <c r="FR204" s="201"/>
      <c r="FS204" s="201"/>
      <c r="FT204" s="201"/>
      <c r="FU204" s="201"/>
      <c r="FV204" s="201"/>
      <c r="FW204" s="201"/>
      <c r="FX204" s="201"/>
      <c r="FY204" s="201"/>
      <c r="FZ204" s="201"/>
      <c r="GA204" s="201"/>
      <c r="GB204" s="201"/>
      <c r="GC204" s="201"/>
      <c r="GD204" s="201"/>
      <c r="GE204" s="201"/>
      <c r="GF204" s="201"/>
      <c r="GG204" s="201"/>
      <c r="GH204" s="201"/>
      <c r="GI204" s="201"/>
      <c r="GJ204" s="201"/>
      <c r="GK204" s="201"/>
      <c r="GL204" s="201"/>
      <c r="GM204" s="201"/>
      <c r="GN204" s="201"/>
      <c r="GO204" s="201"/>
      <c r="GP204" s="201"/>
      <c r="GQ204" s="201"/>
      <c r="GR204" s="201"/>
      <c r="GS204" s="201"/>
      <c r="GT204" s="201"/>
      <c r="GU204" s="201"/>
      <c r="GV204" s="201"/>
      <c r="GW204" s="201"/>
      <c r="GX204" s="201"/>
      <c r="GY204" s="201"/>
      <c r="GZ204" s="201"/>
      <c r="HA204" s="201"/>
      <c r="HB204" s="201"/>
      <c r="HC204" s="201"/>
      <c r="HD204" s="201"/>
      <c r="HE204" s="201"/>
      <c r="HF204" s="201"/>
      <c r="HG204" s="201"/>
      <c r="HH204" s="201"/>
      <c r="HI204" s="201"/>
      <c r="HJ204" s="201"/>
      <c r="HK204" s="201"/>
      <c r="HL204" s="201"/>
      <c r="HM204" s="201"/>
      <c r="HN204" s="201"/>
      <c r="HO204" s="201"/>
      <c r="HP204" s="201"/>
      <c r="HQ204" s="201"/>
      <c r="HR204" s="201"/>
      <c r="HS204" s="201"/>
      <c r="HT204" s="201"/>
      <c r="HU204" s="201"/>
      <c r="HV204" s="201"/>
      <c r="HW204" s="201"/>
      <c r="HX204" s="201"/>
      <c r="HY204" s="201"/>
      <c r="HZ204" s="201"/>
      <c r="IA204" s="201"/>
      <c r="IB204" s="201"/>
      <c r="IC204" s="201"/>
      <c r="ID204" s="201"/>
      <c r="IE204" s="201"/>
      <c r="IF204" s="201"/>
      <c r="IG204" s="201"/>
      <c r="IH204" s="201"/>
      <c r="II204" s="201"/>
      <c r="IJ204" s="201"/>
      <c r="IK204" s="201"/>
      <c r="IL204" s="201"/>
      <c r="IM204" s="201"/>
      <c r="IN204" s="201"/>
      <c r="IO204" s="201"/>
      <c r="IP204" s="201"/>
      <c r="IQ204" s="201"/>
      <c r="IR204" s="201"/>
      <c r="IS204" s="201"/>
      <c r="IT204" s="201"/>
      <c r="IU204" s="201"/>
      <c r="IV204" s="201"/>
      <c r="IW204" s="201"/>
      <c r="IX204" s="201"/>
      <c r="IY204" s="201"/>
    </row>
    <row r="205" spans="1:259" s="570" customFormat="1" ht="71.400000000000006" customHeight="1" x14ac:dyDescent="0.2">
      <c r="A205" s="1159" t="s">
        <v>190</v>
      </c>
      <c r="B205" s="1160"/>
      <c r="C205" s="1160"/>
      <c r="D205" s="1160"/>
      <c r="E205" s="1160"/>
      <c r="F205" s="1160"/>
      <c r="G205" s="1160"/>
      <c r="H205" s="1160"/>
      <c r="I205" s="1160"/>
      <c r="J205" s="1160"/>
      <c r="K205" s="1160"/>
      <c r="L205" s="1160"/>
      <c r="M205" s="1160"/>
      <c r="N205" s="1160"/>
      <c r="O205" s="1160"/>
      <c r="P205" s="1160"/>
      <c r="Q205" s="1161"/>
      <c r="R205" s="1028"/>
      <c r="S205" s="561"/>
      <c r="T205" s="595"/>
      <c r="U205" s="596"/>
      <c r="V205" s="600"/>
      <c r="W205" s="600"/>
      <c r="X205" s="600"/>
      <c r="Y205" s="600"/>
      <c r="Z205" s="600"/>
      <c r="AA205" s="600"/>
      <c r="AB205" s="600"/>
      <c r="AC205" s="600"/>
      <c r="AD205" s="600"/>
      <c r="AE205" s="600"/>
      <c r="AF205" s="600"/>
      <c r="AG205" s="600"/>
      <c r="AH205" s="600"/>
      <c r="AI205" s="600"/>
      <c r="AJ205" s="600"/>
      <c r="AK205" s="600"/>
      <c r="AL205" s="600"/>
      <c r="AM205" s="600"/>
      <c r="AN205" s="600"/>
      <c r="AO205" s="600"/>
      <c r="AP205" s="600"/>
      <c r="AQ205" s="600"/>
      <c r="AR205" s="600"/>
      <c r="AS205" s="600"/>
      <c r="AT205" s="600"/>
      <c r="AU205" s="600"/>
      <c r="AV205" s="600"/>
      <c r="AW205" s="600"/>
      <c r="AX205" s="600"/>
      <c r="AY205" s="600"/>
      <c r="AZ205" s="600"/>
      <c r="BA205" s="600"/>
      <c r="BB205" s="600"/>
      <c r="BC205" s="600"/>
      <c r="BD205" s="600"/>
      <c r="BE205" s="600"/>
    </row>
    <row r="206" spans="1:259" s="570" customFormat="1" ht="69.599999999999994" customHeight="1" x14ac:dyDescent="0.2">
      <c r="A206" s="368" t="s">
        <v>100</v>
      </c>
      <c r="B206" s="369"/>
      <c r="C206" s="369"/>
      <c r="D206" s="369"/>
      <c r="E206" s="369"/>
      <c r="F206" s="369"/>
      <c r="G206" s="369"/>
      <c r="H206" s="369"/>
      <c r="I206" s="369"/>
      <c r="J206" s="369"/>
      <c r="K206" s="369"/>
      <c r="L206" s="369"/>
      <c r="M206" s="369"/>
      <c r="N206" s="369"/>
      <c r="O206" s="369"/>
      <c r="P206" s="369"/>
      <c r="Q206" s="370"/>
      <c r="R206" s="1028"/>
      <c r="S206" s="561"/>
      <c r="T206" s="595"/>
      <c r="U206" s="596"/>
      <c r="V206" s="600"/>
      <c r="W206" s="600"/>
      <c r="X206" s="600"/>
      <c r="Y206" s="600"/>
      <c r="Z206" s="600"/>
      <c r="AA206" s="600"/>
      <c r="AB206" s="600"/>
      <c r="AC206" s="600"/>
      <c r="AD206" s="600"/>
      <c r="AE206" s="600"/>
      <c r="AF206" s="600"/>
      <c r="AG206" s="600"/>
      <c r="AH206" s="600"/>
      <c r="AI206" s="600"/>
      <c r="AJ206" s="600"/>
      <c r="AK206" s="600"/>
      <c r="AL206" s="600"/>
      <c r="AM206" s="600"/>
      <c r="AN206" s="600"/>
      <c r="AO206" s="600"/>
      <c r="AP206" s="600"/>
      <c r="AQ206" s="600"/>
      <c r="AR206" s="600"/>
      <c r="AS206" s="600"/>
      <c r="AT206" s="600"/>
      <c r="AU206" s="600"/>
      <c r="AV206" s="600"/>
      <c r="AW206" s="600"/>
      <c r="AX206" s="600"/>
      <c r="AY206" s="600"/>
      <c r="AZ206" s="600"/>
      <c r="BA206" s="600"/>
      <c r="BB206" s="600"/>
      <c r="BC206" s="600"/>
      <c r="BD206" s="600"/>
      <c r="BE206" s="600"/>
    </row>
    <row r="207" spans="1:259" s="201" customFormat="1" ht="69.900000000000006" customHeight="1" x14ac:dyDescent="0.2">
      <c r="A207" s="1008" t="s">
        <v>191</v>
      </c>
      <c r="B207" s="1009"/>
      <c r="C207" s="1009"/>
      <c r="D207" s="1009"/>
      <c r="E207" s="1009"/>
      <c r="F207" s="1009"/>
      <c r="G207" s="1009"/>
      <c r="H207" s="1009"/>
      <c r="I207" s="1009"/>
      <c r="J207" s="1009"/>
      <c r="K207" s="1009"/>
      <c r="L207" s="1009"/>
      <c r="M207" s="1009"/>
      <c r="N207" s="1009"/>
      <c r="O207" s="1009"/>
      <c r="P207" s="1009"/>
      <c r="Q207" s="1010"/>
      <c r="R207" s="198"/>
      <c r="S207" s="187"/>
      <c r="T207" s="199"/>
    </row>
    <row r="208" spans="1:259" s="570" customFormat="1" ht="71.400000000000006" customHeight="1" x14ac:dyDescent="0.2">
      <c r="A208" s="1159" t="s">
        <v>192</v>
      </c>
      <c r="B208" s="1160"/>
      <c r="C208" s="1160"/>
      <c r="D208" s="1160"/>
      <c r="E208" s="1160"/>
      <c r="F208" s="1160"/>
      <c r="G208" s="1160"/>
      <c r="H208" s="1160"/>
      <c r="I208" s="1160"/>
      <c r="J208" s="1160"/>
      <c r="K208" s="1160"/>
      <c r="L208" s="1160"/>
      <c r="M208" s="1160"/>
      <c r="N208" s="1160"/>
      <c r="O208" s="1160"/>
      <c r="P208" s="1160"/>
      <c r="Q208" s="1161"/>
      <c r="R208" s="1028"/>
      <c r="S208" s="561"/>
      <c r="T208" s="595"/>
      <c r="U208" s="596"/>
      <c r="V208" s="600"/>
      <c r="W208" s="600"/>
      <c r="X208" s="600"/>
      <c r="Y208" s="600"/>
      <c r="Z208" s="600"/>
      <c r="AA208" s="600"/>
      <c r="AB208" s="600"/>
      <c r="AC208" s="600"/>
      <c r="AD208" s="600"/>
      <c r="AE208" s="600"/>
      <c r="AF208" s="600"/>
      <c r="AG208" s="600"/>
      <c r="AH208" s="600"/>
      <c r="AI208" s="600"/>
      <c r="AJ208" s="600"/>
      <c r="AK208" s="600"/>
      <c r="AL208" s="600"/>
      <c r="AM208" s="600"/>
      <c r="AN208" s="600"/>
      <c r="AO208" s="600"/>
      <c r="AP208" s="600"/>
      <c r="AQ208" s="600"/>
      <c r="AR208" s="600"/>
      <c r="AS208" s="600"/>
      <c r="AT208" s="600"/>
      <c r="AU208" s="600"/>
      <c r="AV208" s="600"/>
      <c r="AW208" s="600"/>
      <c r="AX208" s="600"/>
      <c r="AY208" s="600"/>
      <c r="AZ208" s="600"/>
      <c r="BA208" s="600"/>
      <c r="BB208" s="600"/>
      <c r="BC208" s="600"/>
      <c r="BD208" s="600"/>
      <c r="BE208" s="600"/>
    </row>
    <row r="209" spans="1:57" s="570" customFormat="1" ht="69.599999999999994" customHeight="1" x14ac:dyDescent="0.2">
      <c r="A209" s="368" t="s">
        <v>100</v>
      </c>
      <c r="B209" s="369"/>
      <c r="C209" s="369"/>
      <c r="D209" s="369"/>
      <c r="E209" s="369"/>
      <c r="F209" s="369"/>
      <c r="G209" s="369"/>
      <c r="H209" s="369"/>
      <c r="I209" s="369"/>
      <c r="J209" s="369"/>
      <c r="K209" s="369"/>
      <c r="L209" s="369"/>
      <c r="M209" s="369"/>
      <c r="N209" s="369"/>
      <c r="O209" s="369"/>
      <c r="P209" s="369"/>
      <c r="Q209" s="370"/>
      <c r="R209" s="1028"/>
      <c r="S209" s="561"/>
      <c r="T209" s="595"/>
      <c r="U209" s="596"/>
      <c r="V209" s="600"/>
      <c r="W209" s="600"/>
      <c r="X209" s="600"/>
      <c r="Y209" s="600"/>
      <c r="Z209" s="600"/>
      <c r="AA209" s="600"/>
      <c r="AB209" s="600"/>
      <c r="AC209" s="600"/>
      <c r="AD209" s="600"/>
      <c r="AE209" s="600"/>
      <c r="AF209" s="600"/>
      <c r="AG209" s="600"/>
      <c r="AH209" s="600"/>
      <c r="AI209" s="600"/>
      <c r="AJ209" s="600"/>
      <c r="AK209" s="600"/>
      <c r="AL209" s="600"/>
      <c r="AM209" s="600"/>
      <c r="AN209" s="600"/>
      <c r="AO209" s="600"/>
      <c r="AP209" s="600"/>
      <c r="AQ209" s="600"/>
      <c r="AR209" s="600"/>
      <c r="AS209" s="600"/>
      <c r="AT209" s="600"/>
      <c r="AU209" s="600"/>
      <c r="AV209" s="600"/>
      <c r="AW209" s="600"/>
      <c r="AX209" s="600"/>
      <c r="AY209" s="600"/>
      <c r="AZ209" s="600"/>
      <c r="BA209" s="600"/>
      <c r="BB209" s="600"/>
      <c r="BC209" s="600"/>
      <c r="BD209" s="600"/>
      <c r="BE209" s="600"/>
    </row>
    <row r="210" spans="1:57" s="546" customFormat="1" ht="69.900000000000006" customHeight="1" x14ac:dyDescent="0.2">
      <c r="A210" s="70" t="s">
        <v>221</v>
      </c>
      <c r="B210" s="72"/>
      <c r="C210" s="72"/>
      <c r="D210" s="72"/>
      <c r="E210" s="72"/>
      <c r="F210" s="72"/>
      <c r="G210" s="72"/>
      <c r="H210" s="72"/>
      <c r="I210" s="72"/>
      <c r="J210" s="72"/>
      <c r="K210" s="72"/>
      <c r="L210" s="72"/>
      <c r="M210" s="72"/>
      <c r="N210" s="72"/>
      <c r="O210" s="72"/>
      <c r="P210" s="72"/>
      <c r="Q210" s="202"/>
      <c r="R210" s="1068"/>
      <c r="S210" s="561"/>
      <c r="T210" s="199"/>
    </row>
    <row r="211" spans="1:57" s="570" customFormat="1" ht="75" customHeight="1" x14ac:dyDescent="0.2">
      <c r="A211" s="575"/>
      <c r="B211" s="576"/>
      <c r="C211" s="576"/>
      <c r="D211" s="576"/>
      <c r="E211" s="576"/>
      <c r="F211" s="576"/>
      <c r="G211" s="576"/>
      <c r="H211" s="576"/>
      <c r="I211" s="576"/>
      <c r="J211" s="576"/>
      <c r="K211" s="576"/>
      <c r="L211" s="577"/>
      <c r="M211" s="576"/>
      <c r="N211" s="576"/>
      <c r="O211" s="576"/>
      <c r="P211" s="576"/>
      <c r="Q211" s="578"/>
      <c r="R211" s="1028"/>
      <c r="S211" s="561"/>
      <c r="T211" s="579"/>
      <c r="U211" s="546"/>
    </row>
    <row r="212" spans="1:57" s="570" customFormat="1" ht="75" customHeight="1" thickBot="1" x14ac:dyDescent="0.25">
      <c r="A212" s="606"/>
      <c r="B212" s="607"/>
      <c r="C212" s="607"/>
      <c r="D212" s="607"/>
      <c r="E212" s="607"/>
      <c r="F212" s="607"/>
      <c r="G212" s="607"/>
      <c r="H212" s="607"/>
      <c r="I212" s="607"/>
      <c r="J212" s="607"/>
      <c r="K212" s="607"/>
      <c r="L212" s="608"/>
      <c r="M212" s="607"/>
      <c r="N212" s="607"/>
      <c r="O212" s="607"/>
      <c r="P212" s="607"/>
      <c r="Q212" s="609"/>
      <c r="R212" s="1028"/>
      <c r="S212" s="561"/>
      <c r="T212" s="579"/>
      <c r="U212" s="546"/>
    </row>
    <row r="213" spans="1:57" s="546" customFormat="1" ht="69.75" customHeight="1" x14ac:dyDescent="0.2">
      <c r="A213" s="890" t="s">
        <v>555</v>
      </c>
      <c r="B213" s="891"/>
      <c r="C213" s="891"/>
      <c r="D213" s="891"/>
      <c r="E213" s="891"/>
      <c r="F213" s="891"/>
      <c r="G213" s="891"/>
      <c r="H213" s="891"/>
      <c r="I213" s="891"/>
      <c r="J213" s="891"/>
      <c r="K213" s="891"/>
      <c r="L213" s="892"/>
      <c r="M213" s="891"/>
      <c r="N213" s="891"/>
      <c r="O213" s="891"/>
      <c r="P213" s="891"/>
      <c r="Q213" s="893"/>
      <c r="R213" s="1028"/>
      <c r="S213" s="561"/>
      <c r="T213" s="555"/>
      <c r="U213" s="596"/>
      <c r="V213" s="596"/>
      <c r="W213" s="596"/>
      <c r="X213" s="596"/>
      <c r="Y213" s="600"/>
      <c r="Z213" s="600"/>
      <c r="AA213" s="600"/>
      <c r="AB213" s="600"/>
      <c r="AC213" s="600"/>
      <c r="AD213" s="600"/>
      <c r="AE213" s="600"/>
      <c r="AF213" s="600"/>
      <c r="AG213" s="600"/>
      <c r="AH213" s="600"/>
      <c r="AI213" s="600"/>
      <c r="AJ213" s="600"/>
      <c r="AK213" s="600"/>
      <c r="AL213" s="600"/>
      <c r="AM213" s="600"/>
      <c r="AN213" s="600"/>
      <c r="AO213" s="596"/>
      <c r="AP213" s="596"/>
      <c r="AQ213" s="596"/>
      <c r="AR213" s="596"/>
      <c r="AS213" s="596"/>
      <c r="AT213" s="596"/>
      <c r="AU213" s="596"/>
      <c r="AV213" s="596"/>
      <c r="AW213" s="596"/>
      <c r="AX213" s="596"/>
      <c r="AY213" s="596"/>
      <c r="AZ213" s="596"/>
      <c r="BA213" s="596"/>
      <c r="BB213" s="596"/>
      <c r="BC213" s="596"/>
      <c r="BD213" s="596"/>
      <c r="BE213" s="596"/>
    </row>
    <row r="214" spans="1:57" s="546" customFormat="1" ht="141.75" customHeight="1" thickBot="1" x14ac:dyDescent="0.25">
      <c r="A214" s="1013" t="s">
        <v>375</v>
      </c>
      <c r="B214" s="1014"/>
      <c r="C214" s="1014"/>
      <c r="D214" s="1014"/>
      <c r="E214" s="1014"/>
      <c r="F214" s="1014"/>
      <c r="G214" s="1014"/>
      <c r="H214" s="1014"/>
      <c r="I214" s="1014"/>
      <c r="J214" s="1014"/>
      <c r="K214" s="1014"/>
      <c r="L214" s="1014"/>
      <c r="M214" s="1014"/>
      <c r="N214" s="1014"/>
      <c r="O214" s="1352"/>
      <c r="P214" s="1352"/>
      <c r="Q214" s="1353"/>
      <c r="R214" s="1028"/>
      <c r="S214" s="561"/>
      <c r="T214" s="595"/>
      <c r="U214" s="596"/>
      <c r="V214" s="596"/>
      <c r="W214" s="596"/>
      <c r="X214" s="596"/>
      <c r="Y214" s="596"/>
      <c r="Z214" s="596"/>
      <c r="AA214" s="596"/>
      <c r="AB214" s="596"/>
      <c r="AC214" s="596"/>
      <c r="AD214" s="596"/>
      <c r="AE214" s="596"/>
      <c r="AF214" s="596"/>
      <c r="AG214" s="596"/>
      <c r="AH214" s="596"/>
      <c r="AI214" s="596"/>
      <c r="AJ214" s="596"/>
      <c r="AK214" s="596"/>
      <c r="AL214" s="596"/>
      <c r="AM214" s="596"/>
      <c r="AN214" s="596"/>
      <c r="AO214" s="596"/>
      <c r="AP214" s="596"/>
      <c r="AQ214" s="596"/>
      <c r="AR214" s="596"/>
      <c r="AS214" s="596"/>
      <c r="AT214" s="596"/>
      <c r="AU214" s="596"/>
      <c r="AV214" s="596"/>
      <c r="AW214" s="596"/>
      <c r="AX214" s="596"/>
      <c r="AY214" s="596"/>
      <c r="AZ214" s="596"/>
      <c r="BA214" s="596"/>
      <c r="BB214" s="596"/>
      <c r="BC214" s="596"/>
      <c r="BD214" s="596"/>
      <c r="BE214" s="596"/>
    </row>
    <row r="215" spans="1:57" s="570" customFormat="1" ht="199.95" customHeight="1" thickTop="1" thickBot="1" x14ac:dyDescent="0.25">
      <c r="A215" s="1016" t="s">
        <v>556</v>
      </c>
      <c r="B215" s="1017"/>
      <c r="C215" s="1017"/>
      <c r="D215" s="1017"/>
      <c r="E215" s="1017"/>
      <c r="F215" s="1017"/>
      <c r="G215" s="1017"/>
      <c r="H215" s="1017"/>
      <c r="I215" s="1017"/>
      <c r="J215" s="1017"/>
      <c r="K215" s="1017"/>
      <c r="L215" s="1017"/>
      <c r="M215" s="1017"/>
      <c r="N215" s="1001" t="s">
        <v>27</v>
      </c>
      <c r="O215" s="1354" t="s">
        <v>20</v>
      </c>
      <c r="P215" s="1355" t="s">
        <v>21</v>
      </c>
      <c r="Q215" s="1356" t="s">
        <v>22</v>
      </c>
      <c r="R215" s="1028"/>
      <c r="S215" s="561"/>
      <c r="T215" s="569"/>
      <c r="U215" s="596"/>
      <c r="V215" s="600"/>
      <c r="W215" s="600"/>
      <c r="X215" s="600"/>
      <c r="Y215" s="600"/>
      <c r="Z215" s="600"/>
      <c r="AA215" s="600"/>
      <c r="AB215" s="600"/>
      <c r="AC215" s="600"/>
      <c r="AD215" s="600"/>
      <c r="AE215" s="600"/>
      <c r="AF215" s="600"/>
      <c r="AG215" s="600"/>
      <c r="AH215" s="600"/>
      <c r="AI215" s="600"/>
      <c r="AJ215" s="600"/>
      <c r="AK215" s="600"/>
      <c r="AL215" s="600"/>
      <c r="AM215" s="600"/>
      <c r="AN215" s="600"/>
      <c r="AO215" s="600"/>
      <c r="AP215" s="600"/>
      <c r="AQ215" s="600"/>
      <c r="AR215" s="600"/>
      <c r="AS215" s="600"/>
      <c r="AT215" s="600"/>
      <c r="AU215" s="600"/>
      <c r="AV215" s="600"/>
      <c r="AW215" s="600"/>
      <c r="AX215" s="600"/>
      <c r="AY215" s="600"/>
      <c r="AZ215" s="600"/>
      <c r="BA215" s="600"/>
      <c r="BB215" s="600"/>
      <c r="BC215" s="600"/>
      <c r="BD215" s="600"/>
      <c r="BE215" s="600"/>
    </row>
    <row r="216" spans="1:57" s="570" customFormat="1" ht="201" customHeight="1" thickTop="1" thickBot="1" x14ac:dyDescent="0.25">
      <c r="A216" s="1020" t="s">
        <v>557</v>
      </c>
      <c r="B216" s="618"/>
      <c r="C216" s="618"/>
      <c r="D216" s="618"/>
      <c r="E216" s="618"/>
      <c r="F216" s="618"/>
      <c r="G216" s="618"/>
      <c r="H216" s="618"/>
      <c r="I216" s="618"/>
      <c r="J216" s="618"/>
      <c r="K216" s="618"/>
      <c r="L216" s="618"/>
      <c r="M216" s="618"/>
      <c r="N216" s="1357" t="s">
        <v>27</v>
      </c>
      <c r="O216" s="1293" t="s">
        <v>24</v>
      </c>
      <c r="P216" s="1293" t="s">
        <v>25</v>
      </c>
      <c r="Q216" s="1294" t="s">
        <v>22</v>
      </c>
      <c r="R216" s="1028"/>
      <c r="S216" s="561"/>
      <c r="T216" s="569"/>
      <c r="U216" s="596"/>
      <c r="V216" s="600"/>
      <c r="W216" s="600"/>
      <c r="X216" s="600"/>
      <c r="Y216" s="596"/>
      <c r="Z216" s="596"/>
      <c r="AA216" s="596"/>
      <c r="AB216" s="596"/>
      <c r="AC216" s="596"/>
      <c r="AD216" s="596"/>
      <c r="AE216" s="596"/>
      <c r="AF216" s="596"/>
      <c r="AG216" s="596"/>
      <c r="AH216" s="596"/>
      <c r="AI216" s="596"/>
      <c r="AJ216" s="596"/>
      <c r="AK216" s="596"/>
      <c r="AL216" s="596"/>
      <c r="AM216" s="596"/>
      <c r="AN216" s="596"/>
      <c r="AO216" s="600"/>
      <c r="AP216" s="600"/>
      <c r="AQ216" s="600"/>
      <c r="AR216" s="600"/>
      <c r="AS216" s="600"/>
      <c r="AT216" s="600"/>
      <c r="AU216" s="600"/>
      <c r="AV216" s="600"/>
      <c r="AW216" s="600"/>
      <c r="AX216" s="600"/>
      <c r="AY216" s="600"/>
      <c r="AZ216" s="600"/>
      <c r="BA216" s="600"/>
      <c r="BB216" s="600"/>
      <c r="BC216" s="600"/>
      <c r="BD216" s="600"/>
      <c r="BE216" s="600"/>
    </row>
    <row r="217" spans="1:57" s="570" customFormat="1" ht="132" customHeight="1" thickTop="1" thickBot="1" x14ac:dyDescent="0.25">
      <c r="A217" s="1020" t="s">
        <v>558</v>
      </c>
      <c r="B217" s="618"/>
      <c r="C217" s="618"/>
      <c r="D217" s="618"/>
      <c r="E217" s="618"/>
      <c r="F217" s="618"/>
      <c r="G217" s="618"/>
      <c r="H217" s="618"/>
      <c r="I217" s="618"/>
      <c r="J217" s="618"/>
      <c r="K217" s="618"/>
      <c r="L217" s="618"/>
      <c r="M217" s="618"/>
      <c r="N217" s="1357" t="s">
        <v>27</v>
      </c>
      <c r="O217" s="682" t="s">
        <v>24</v>
      </c>
      <c r="P217" s="683" t="s">
        <v>25</v>
      </c>
      <c r="Q217" s="684" t="s">
        <v>22</v>
      </c>
      <c r="R217" s="1028"/>
      <c r="S217" s="561"/>
      <c r="T217" s="569"/>
      <c r="U217" s="596"/>
      <c r="V217" s="600"/>
      <c r="W217" s="600"/>
      <c r="X217" s="600"/>
      <c r="Y217" s="596"/>
      <c r="Z217" s="596"/>
      <c r="AA217" s="596"/>
      <c r="AB217" s="596"/>
      <c r="AC217" s="596"/>
      <c r="AD217" s="596"/>
      <c r="AE217" s="596"/>
      <c r="AF217" s="596"/>
      <c r="AG217" s="596"/>
      <c r="AH217" s="596"/>
      <c r="AI217" s="596"/>
      <c r="AJ217" s="596"/>
      <c r="AK217" s="596"/>
      <c r="AL217" s="596"/>
      <c r="AM217" s="596"/>
      <c r="AN217" s="596"/>
      <c r="AO217" s="600"/>
      <c r="AP217" s="600"/>
      <c r="AQ217" s="600"/>
      <c r="AR217" s="600"/>
      <c r="AS217" s="600"/>
      <c r="AT217" s="600"/>
      <c r="AU217" s="600"/>
      <c r="AV217" s="600"/>
      <c r="AW217" s="600"/>
      <c r="AX217" s="600"/>
      <c r="AY217" s="600"/>
      <c r="AZ217" s="600"/>
      <c r="BA217" s="600"/>
      <c r="BB217" s="600"/>
      <c r="BC217" s="600"/>
      <c r="BD217" s="600"/>
      <c r="BE217" s="600"/>
    </row>
    <row r="218" spans="1:57" s="570" customFormat="1" ht="132" customHeight="1" thickTop="1" thickBot="1" x14ac:dyDescent="0.25">
      <c r="A218" s="1024" t="s">
        <v>559</v>
      </c>
      <c r="B218" s="1025"/>
      <c r="C218" s="1025"/>
      <c r="D218" s="1025"/>
      <c r="E218" s="1025"/>
      <c r="F218" s="1025"/>
      <c r="G218" s="1025"/>
      <c r="H218" s="1025"/>
      <c r="I218" s="1025"/>
      <c r="J218" s="1025"/>
      <c r="K218" s="1025"/>
      <c r="L218" s="1025"/>
      <c r="M218" s="1025"/>
      <c r="N218" s="1358" t="s">
        <v>27</v>
      </c>
      <c r="O218" s="1293" t="s">
        <v>24</v>
      </c>
      <c r="P218" s="1293" t="s">
        <v>25</v>
      </c>
      <c r="Q218" s="1294" t="s">
        <v>22</v>
      </c>
      <c r="R218" s="1028"/>
      <c r="S218" s="561"/>
      <c r="T218" s="569"/>
      <c r="U218" s="596"/>
      <c r="V218" s="600"/>
      <c r="W218" s="600"/>
      <c r="X218" s="600"/>
      <c r="Y218" s="546"/>
      <c r="Z218" s="546"/>
      <c r="AA218" s="546"/>
      <c r="AB218" s="546"/>
      <c r="AC218" s="546"/>
      <c r="AD218" s="546"/>
      <c r="AE218" s="546"/>
      <c r="AF218" s="546"/>
      <c r="AG218" s="546"/>
      <c r="AH218" s="546"/>
      <c r="AI218" s="546"/>
      <c r="AJ218" s="546"/>
      <c r="AK218" s="546"/>
      <c r="AL218" s="546"/>
      <c r="AM218" s="546"/>
      <c r="AN218" s="546"/>
      <c r="AO218" s="600"/>
      <c r="AP218" s="600"/>
      <c r="AQ218" s="600"/>
      <c r="AR218" s="600"/>
      <c r="AS218" s="600"/>
      <c r="AT218" s="600"/>
      <c r="AU218" s="600"/>
      <c r="AV218" s="600"/>
      <c r="AW218" s="600"/>
      <c r="AX218" s="600"/>
      <c r="AY218" s="600"/>
      <c r="AZ218" s="600"/>
      <c r="BA218" s="600"/>
      <c r="BB218" s="600"/>
      <c r="BC218" s="600"/>
      <c r="BD218" s="600"/>
      <c r="BE218" s="600"/>
    </row>
    <row r="219" spans="1:57" s="546" customFormat="1" ht="69.900000000000006" customHeight="1" thickTop="1" x14ac:dyDescent="0.2">
      <c r="A219" s="70" t="s">
        <v>28</v>
      </c>
      <c r="B219" s="72"/>
      <c r="C219" s="72"/>
      <c r="D219" s="72"/>
      <c r="E219" s="72"/>
      <c r="F219" s="72"/>
      <c r="G219" s="72"/>
      <c r="H219" s="72"/>
      <c r="I219" s="72"/>
      <c r="J219" s="72"/>
      <c r="K219" s="72"/>
      <c r="L219" s="72"/>
      <c r="M219" s="72"/>
      <c r="N219" s="72"/>
      <c r="O219" s="72"/>
      <c r="P219" s="72"/>
      <c r="Q219" s="202"/>
      <c r="R219" s="1068"/>
      <c r="S219" s="561"/>
      <c r="T219" s="199"/>
    </row>
    <row r="220" spans="1:57" s="570" customFormat="1" ht="75" customHeight="1" x14ac:dyDescent="0.2">
      <c r="A220" s="575"/>
      <c r="B220" s="576"/>
      <c r="C220" s="576"/>
      <c r="D220" s="576"/>
      <c r="E220" s="576"/>
      <c r="F220" s="576"/>
      <c r="G220" s="576"/>
      <c r="H220" s="576"/>
      <c r="I220" s="576"/>
      <c r="J220" s="576"/>
      <c r="K220" s="576"/>
      <c r="L220" s="577"/>
      <c r="M220" s="576"/>
      <c r="N220" s="576"/>
      <c r="O220" s="576"/>
      <c r="P220" s="576"/>
      <c r="Q220" s="578"/>
      <c r="R220" s="1028"/>
      <c r="S220" s="561"/>
      <c r="T220" s="579"/>
      <c r="U220" s="546"/>
    </row>
    <row r="221" spans="1:57" s="570" customFormat="1" ht="75" customHeight="1" thickBot="1" x14ac:dyDescent="0.25">
      <c r="A221" s="606"/>
      <c r="B221" s="607"/>
      <c r="C221" s="607"/>
      <c r="D221" s="607"/>
      <c r="E221" s="607"/>
      <c r="F221" s="607"/>
      <c r="G221" s="607"/>
      <c r="H221" s="607"/>
      <c r="I221" s="607"/>
      <c r="J221" s="607"/>
      <c r="K221" s="607"/>
      <c r="L221" s="608"/>
      <c r="M221" s="607"/>
      <c r="N221" s="607"/>
      <c r="O221" s="607"/>
      <c r="P221" s="607"/>
      <c r="Q221" s="609"/>
      <c r="R221" s="1028"/>
      <c r="S221" s="561"/>
      <c r="T221" s="579"/>
      <c r="U221" s="546"/>
    </row>
    <row r="222" spans="1:57" s="492" customFormat="1" ht="13.5" customHeight="1" x14ac:dyDescent="0.2">
      <c r="A222" s="496"/>
      <c r="B222" s="496"/>
      <c r="C222" s="496"/>
      <c r="D222" s="496"/>
      <c r="E222" s="496"/>
      <c r="F222" s="496"/>
      <c r="G222" s="496"/>
      <c r="H222" s="496"/>
      <c r="I222" s="496"/>
      <c r="J222" s="496"/>
      <c r="K222" s="496"/>
      <c r="L222" s="496"/>
      <c r="M222" s="496"/>
      <c r="N222" s="1041"/>
      <c r="O222" s="496"/>
      <c r="P222" s="496"/>
      <c r="Q222" s="496"/>
      <c r="R222" s="496"/>
      <c r="S222" s="496"/>
      <c r="T222" s="496"/>
      <c r="U222" s="1272"/>
      <c r="Y222" s="4"/>
      <c r="Z222" s="4"/>
      <c r="AA222" s="4"/>
      <c r="AB222" s="4"/>
      <c r="AC222" s="4"/>
      <c r="AD222" s="4"/>
      <c r="AE222" s="4"/>
      <c r="AF222" s="4"/>
      <c r="AG222" s="4"/>
      <c r="AH222" s="4"/>
      <c r="AI222" s="4"/>
      <c r="AJ222" s="4"/>
      <c r="AK222" s="4"/>
      <c r="AL222" s="4"/>
      <c r="AM222" s="4"/>
      <c r="AN222" s="4"/>
    </row>
    <row r="223" spans="1:57" s="503" customFormat="1" ht="55.2" x14ac:dyDescent="0.2">
      <c r="A223" s="497" t="s">
        <v>205</v>
      </c>
      <c r="B223" s="498"/>
      <c r="C223" s="498"/>
      <c r="D223" s="498"/>
      <c r="E223" s="498"/>
      <c r="F223" s="498"/>
      <c r="G223" s="498"/>
      <c r="H223" s="498"/>
      <c r="I223" s="498"/>
      <c r="J223" s="498"/>
      <c r="K223" s="498"/>
      <c r="L223" s="498"/>
      <c r="M223" s="498"/>
      <c r="N223" s="498"/>
      <c r="O223" s="498"/>
      <c r="P223" s="498"/>
      <c r="Q223" s="499"/>
      <c r="R223" s="500"/>
      <c r="S223" s="500"/>
      <c r="T223" s="501"/>
    </row>
    <row r="224" spans="1:57" s="503" customFormat="1" ht="103.5" customHeight="1" x14ac:dyDescent="0.2">
      <c r="A224" s="1043" t="s">
        <v>206</v>
      </c>
      <c r="B224" s="1044"/>
      <c r="C224" s="1044"/>
      <c r="D224" s="1044"/>
      <c r="E224" s="1044"/>
      <c r="F224" s="1044"/>
      <c r="G224" s="1044"/>
      <c r="H224" s="1044"/>
      <c r="I224" s="1044"/>
      <c r="J224" s="1044"/>
      <c r="K224" s="1044"/>
      <c r="L224" s="1044"/>
      <c r="M224" s="1044"/>
      <c r="N224" s="1044"/>
      <c r="O224" s="1044"/>
      <c r="P224" s="1044"/>
      <c r="Q224" s="1045"/>
      <c r="R224" s="500"/>
      <c r="S224" s="500"/>
      <c r="T224" s="501"/>
    </row>
    <row r="225" spans="1:20" s="503" customFormat="1" ht="103.5" customHeight="1" x14ac:dyDescent="0.2">
      <c r="A225" s="1046" t="s">
        <v>207</v>
      </c>
      <c r="B225" s="1047"/>
      <c r="C225" s="1047"/>
      <c r="D225" s="1047"/>
      <c r="E225" s="1047"/>
      <c r="F225" s="1047"/>
      <c r="G225" s="1047"/>
      <c r="H225" s="1047"/>
      <c r="I225" s="1047"/>
      <c r="J225" s="1047"/>
      <c r="K225" s="1047"/>
      <c r="L225" s="1047"/>
      <c r="M225" s="1047"/>
      <c r="N225" s="1047"/>
      <c r="O225" s="1047"/>
      <c r="P225" s="1047"/>
      <c r="Q225" s="1048"/>
      <c r="R225" s="500"/>
      <c r="S225" s="500"/>
      <c r="T225" s="501"/>
    </row>
    <row r="226" spans="1:20" s="503" customFormat="1" ht="91.5" customHeight="1" x14ac:dyDescent="0.2">
      <c r="A226" s="510"/>
      <c r="B226" s="511" t="s">
        <v>208</v>
      </c>
      <c r="C226" s="512"/>
      <c r="D226" s="512"/>
      <c r="E226" s="512"/>
      <c r="F226" s="512"/>
      <c r="G226" s="512"/>
      <c r="H226" s="512"/>
      <c r="I226" s="513"/>
      <c r="J226" s="513"/>
      <c r="K226" s="514"/>
      <c r="L226" s="514"/>
      <c r="M226" s="514"/>
      <c r="N226" s="515"/>
      <c r="O226" s="516"/>
      <c r="P226" s="516"/>
      <c r="Q226" s="517"/>
      <c r="R226" s="500"/>
      <c r="S226" s="500"/>
      <c r="T226" s="501"/>
    </row>
    <row r="227" spans="1:20" s="503" customFormat="1" ht="19.5" customHeight="1" x14ac:dyDescent="0.2">
      <c r="A227" s="518"/>
      <c r="B227" s="519"/>
      <c r="C227" s="512"/>
      <c r="D227" s="512"/>
      <c r="E227" s="512"/>
      <c r="F227" s="512"/>
      <c r="G227" s="512"/>
      <c r="H227" s="512"/>
      <c r="I227" s="513"/>
      <c r="J227" s="513"/>
      <c r="K227" s="512"/>
      <c r="L227" s="512"/>
      <c r="M227" s="512"/>
      <c r="N227" s="520"/>
      <c r="O227" s="513"/>
      <c r="P227" s="513"/>
      <c r="Q227" s="521"/>
      <c r="R227" s="500"/>
      <c r="S227" s="500"/>
      <c r="T227" s="501"/>
    </row>
    <row r="228" spans="1:20" s="503" customFormat="1" ht="38.1" customHeight="1" x14ac:dyDescent="0.2">
      <c r="A228" s="514"/>
      <c r="B228" s="511"/>
      <c r="C228" s="514"/>
      <c r="D228" s="514"/>
      <c r="E228" s="514"/>
      <c r="F228" s="514"/>
      <c r="G228" s="514"/>
      <c r="H228" s="514"/>
      <c r="I228" s="516"/>
      <c r="J228" s="516"/>
      <c r="K228" s="514"/>
      <c r="L228" s="514"/>
      <c r="M228" s="514"/>
      <c r="N228" s="515"/>
      <c r="O228" s="516"/>
      <c r="P228" s="516"/>
      <c r="Q228" s="514"/>
      <c r="R228" s="500"/>
      <c r="S228" s="500"/>
      <c r="T228" s="501"/>
    </row>
    <row r="229" spans="1:20" s="503" customFormat="1" ht="55.2" x14ac:dyDescent="0.2">
      <c r="A229" s="497" t="s">
        <v>205</v>
      </c>
      <c r="B229" s="498"/>
      <c r="C229" s="498"/>
      <c r="D229" s="498"/>
      <c r="E229" s="498"/>
      <c r="F229" s="498"/>
      <c r="G229" s="498"/>
      <c r="H229" s="498"/>
      <c r="I229" s="498"/>
      <c r="J229" s="498"/>
      <c r="K229" s="498"/>
      <c r="L229" s="498"/>
      <c r="M229" s="498"/>
      <c r="N229" s="498"/>
      <c r="O229" s="498"/>
      <c r="P229" s="498"/>
      <c r="Q229" s="499"/>
      <c r="R229" s="500"/>
      <c r="S229" s="500"/>
      <c r="T229" s="501"/>
    </row>
    <row r="230" spans="1:20" s="503" customFormat="1" ht="103.5" customHeight="1" x14ac:dyDescent="0.2">
      <c r="A230" s="1043" t="s">
        <v>206</v>
      </c>
      <c r="B230" s="1044"/>
      <c r="C230" s="1044"/>
      <c r="D230" s="1044"/>
      <c r="E230" s="1044"/>
      <c r="F230" s="1044"/>
      <c r="G230" s="1044"/>
      <c r="H230" s="1044"/>
      <c r="I230" s="1044"/>
      <c r="J230" s="1044"/>
      <c r="K230" s="1044"/>
      <c r="L230" s="1044"/>
      <c r="M230" s="1044"/>
      <c r="N230" s="1044"/>
      <c r="O230" s="1044"/>
      <c r="P230" s="1044"/>
      <c r="Q230" s="1045"/>
      <c r="R230" s="500"/>
      <c r="S230" s="500"/>
      <c r="T230" s="501"/>
    </row>
    <row r="231" spans="1:20" s="503" customFormat="1" ht="103.5" customHeight="1" x14ac:dyDescent="0.2">
      <c r="A231" s="1046" t="s">
        <v>207</v>
      </c>
      <c r="B231" s="1047"/>
      <c r="C231" s="1047"/>
      <c r="D231" s="1047"/>
      <c r="E231" s="1047"/>
      <c r="F231" s="1047"/>
      <c r="G231" s="1047"/>
      <c r="H231" s="1047"/>
      <c r="I231" s="1047"/>
      <c r="J231" s="1047"/>
      <c r="K231" s="1047"/>
      <c r="L231" s="1047"/>
      <c r="M231" s="1047"/>
      <c r="N231" s="1047"/>
      <c r="O231" s="1047"/>
      <c r="P231" s="1047"/>
      <c r="Q231" s="1048"/>
      <c r="R231" s="500"/>
      <c r="S231" s="500"/>
      <c r="T231" s="501"/>
    </row>
    <row r="232" spans="1:20" s="503" customFormat="1" ht="91.5" customHeight="1" x14ac:dyDescent="0.2">
      <c r="A232" s="510"/>
      <c r="B232" s="511" t="s">
        <v>208</v>
      </c>
      <c r="C232" s="512"/>
      <c r="D232" s="512"/>
      <c r="E232" s="512"/>
      <c r="F232" s="512"/>
      <c r="G232" s="512"/>
      <c r="H232" s="512"/>
      <c r="I232" s="513"/>
      <c r="J232" s="513"/>
      <c r="K232" s="514"/>
      <c r="L232" s="514"/>
      <c r="M232" s="514"/>
      <c r="N232" s="515"/>
      <c r="O232" s="516"/>
      <c r="P232" s="516"/>
      <c r="Q232" s="517"/>
      <c r="R232" s="500"/>
      <c r="S232" s="500"/>
      <c r="T232" s="501"/>
    </row>
    <row r="233" spans="1:20" s="503" customFormat="1" ht="19.5" customHeight="1" x14ac:dyDescent="0.2">
      <c r="A233" s="518"/>
      <c r="B233" s="519"/>
      <c r="C233" s="512"/>
      <c r="D233" s="512"/>
      <c r="E233" s="512"/>
      <c r="F233" s="512"/>
      <c r="G233" s="512"/>
      <c r="H233" s="512"/>
      <c r="I233" s="513"/>
      <c r="J233" s="513"/>
      <c r="K233" s="512"/>
      <c r="L233" s="512"/>
      <c r="M233" s="512"/>
      <c r="N233" s="520"/>
      <c r="O233" s="513"/>
      <c r="P233" s="513"/>
      <c r="Q233" s="521"/>
      <c r="R233" s="500"/>
      <c r="S233" s="500"/>
      <c r="T233" s="501"/>
    </row>
    <row r="234" spans="1:20" s="503" customFormat="1" ht="55.2" x14ac:dyDescent="0.2">
      <c r="A234" s="522"/>
      <c r="B234" s="522"/>
      <c r="C234" s="522"/>
      <c r="D234" s="522"/>
      <c r="E234" s="522"/>
      <c r="F234" s="522"/>
      <c r="G234" s="522"/>
      <c r="H234" s="522"/>
      <c r="I234" s="522"/>
      <c r="J234" s="522"/>
      <c r="K234" s="522"/>
      <c r="L234" s="522"/>
      <c r="M234" s="522"/>
      <c r="N234" s="522"/>
      <c r="O234" s="522"/>
      <c r="P234" s="523"/>
      <c r="Q234" s="514"/>
      <c r="R234" s="500"/>
      <c r="S234" s="500"/>
      <c r="T234" s="501"/>
    </row>
  </sheetData>
  <mergeCells count="235">
    <mergeCell ref="A225:Q225"/>
    <mergeCell ref="A229:Q229"/>
    <mergeCell ref="A230:Q230"/>
    <mergeCell ref="A231:Q231"/>
    <mergeCell ref="A234:O234"/>
    <mergeCell ref="A218:M218"/>
    <mergeCell ref="A219:Q219"/>
    <mergeCell ref="A220:Q220"/>
    <mergeCell ref="A221:Q221"/>
    <mergeCell ref="A223:Q223"/>
    <mergeCell ref="A224:Q224"/>
    <mergeCell ref="A212:Q212"/>
    <mergeCell ref="A213:Q213"/>
    <mergeCell ref="A214:Q214"/>
    <mergeCell ref="A215:M215"/>
    <mergeCell ref="A216:M216"/>
    <mergeCell ref="A217:M217"/>
    <mergeCell ref="A206:Q206"/>
    <mergeCell ref="A207:Q207"/>
    <mergeCell ref="A208:Q208"/>
    <mergeCell ref="A209:Q209"/>
    <mergeCell ref="A210:Q210"/>
    <mergeCell ref="A211:Q211"/>
    <mergeCell ref="A200:Q200"/>
    <mergeCell ref="A201:Q201"/>
    <mergeCell ref="A202:M202"/>
    <mergeCell ref="A203:Q203"/>
    <mergeCell ref="A204:Q204"/>
    <mergeCell ref="A205:Q205"/>
    <mergeCell ref="A194:Q194"/>
    <mergeCell ref="A195:Q195"/>
    <mergeCell ref="A196:N196"/>
    <mergeCell ref="A197:Q197"/>
    <mergeCell ref="A198:Q198"/>
    <mergeCell ref="A199:Q199"/>
    <mergeCell ref="A188:Q188"/>
    <mergeCell ref="A189:Q189"/>
    <mergeCell ref="A190:Q190"/>
    <mergeCell ref="A191:Q191"/>
    <mergeCell ref="A192:Q192"/>
    <mergeCell ref="A193:Q193"/>
    <mergeCell ref="A185:J186"/>
    <mergeCell ref="K185:L186"/>
    <mergeCell ref="M185:Q185"/>
    <mergeCell ref="M186:Q186"/>
    <mergeCell ref="A187:J187"/>
    <mergeCell ref="K187:Q187"/>
    <mergeCell ref="A182:J182"/>
    <mergeCell ref="K182:Q182"/>
    <mergeCell ref="A183:J184"/>
    <mergeCell ref="K183:L184"/>
    <mergeCell ref="M183:Q183"/>
    <mergeCell ref="M184:Q184"/>
    <mergeCell ref="A176:Q176"/>
    <mergeCell ref="A177:Q177"/>
    <mergeCell ref="A178:N178"/>
    <mergeCell ref="A179:N179"/>
    <mergeCell ref="A180:Q180"/>
    <mergeCell ref="A181:Q181"/>
    <mergeCell ref="A172:I172"/>
    <mergeCell ref="J172:Q172"/>
    <mergeCell ref="A173:I173"/>
    <mergeCell ref="J173:Q173"/>
    <mergeCell ref="A174:Q174"/>
    <mergeCell ref="A175:Q175"/>
    <mergeCell ref="A168:I168"/>
    <mergeCell ref="J168:Q168"/>
    <mergeCell ref="A169:I171"/>
    <mergeCell ref="K169:Q169"/>
    <mergeCell ref="J170:Q170"/>
    <mergeCell ref="J171:K171"/>
    <mergeCell ref="M171:Q171"/>
    <mergeCell ref="A165:I166"/>
    <mergeCell ref="J165:Q165"/>
    <mergeCell ref="J166:K166"/>
    <mergeCell ref="M166:Q166"/>
    <mergeCell ref="A167:I167"/>
    <mergeCell ref="J167:Q167"/>
    <mergeCell ref="A160:Q160"/>
    <mergeCell ref="A161:Q161"/>
    <mergeCell ref="A162:Q162"/>
    <mergeCell ref="A163:Q163"/>
    <mergeCell ref="A164:I164"/>
    <mergeCell ref="J164:Q164"/>
    <mergeCell ref="A154:Q154"/>
    <mergeCell ref="A155:Q155"/>
    <mergeCell ref="A156:Q156"/>
    <mergeCell ref="A157:M157"/>
    <mergeCell ref="A158:Q158"/>
    <mergeCell ref="A159:Q159"/>
    <mergeCell ref="A148:Q148"/>
    <mergeCell ref="A149:Q149"/>
    <mergeCell ref="A150:Q150"/>
    <mergeCell ref="A151:Q151"/>
    <mergeCell ref="A152:N152"/>
    <mergeCell ref="A153:Q153"/>
    <mergeCell ref="A142:Q142"/>
    <mergeCell ref="A143:Q143"/>
    <mergeCell ref="A144:Q144"/>
    <mergeCell ref="A145:Q145"/>
    <mergeCell ref="A146:N146"/>
    <mergeCell ref="A147:N147"/>
    <mergeCell ref="A136:Q136"/>
    <mergeCell ref="A137:Q137"/>
    <mergeCell ref="A138:Q138"/>
    <mergeCell ref="A139:Q139"/>
    <mergeCell ref="A140:Q140"/>
    <mergeCell ref="A141:M141"/>
    <mergeCell ref="A130:Q130"/>
    <mergeCell ref="A131:Q131"/>
    <mergeCell ref="A132:Q132"/>
    <mergeCell ref="A133:Q133"/>
    <mergeCell ref="A134:Q134"/>
    <mergeCell ref="A135:N135"/>
    <mergeCell ref="A124:Q124"/>
    <mergeCell ref="A125:M125"/>
    <mergeCell ref="A126:Q126"/>
    <mergeCell ref="A127:Q127"/>
    <mergeCell ref="A128:Q128"/>
    <mergeCell ref="A129:Q129"/>
    <mergeCell ref="A118:Q118"/>
    <mergeCell ref="A119:Q119"/>
    <mergeCell ref="A120:Q120"/>
    <mergeCell ref="A121:Q121"/>
    <mergeCell ref="A122:Q122"/>
    <mergeCell ref="A123:Q123"/>
    <mergeCell ref="A112:Q112"/>
    <mergeCell ref="A113:Q113"/>
    <mergeCell ref="A114:Q114"/>
    <mergeCell ref="A115:M115"/>
    <mergeCell ref="A116:Q116"/>
    <mergeCell ref="A117:Q117"/>
    <mergeCell ref="A106:N106"/>
    <mergeCell ref="A107:Q107"/>
    <mergeCell ref="A108:Q108"/>
    <mergeCell ref="A109:Q109"/>
    <mergeCell ref="A110:Q110"/>
    <mergeCell ref="A111:Q111"/>
    <mergeCell ref="A100:Q100"/>
    <mergeCell ref="A101:Q101"/>
    <mergeCell ref="A102:Q102"/>
    <mergeCell ref="A103:Q103"/>
    <mergeCell ref="A104:Q104"/>
    <mergeCell ref="A105:Q105"/>
    <mergeCell ref="A94:Q94"/>
    <mergeCell ref="A95:Q95"/>
    <mergeCell ref="A96:Q96"/>
    <mergeCell ref="A97:N97"/>
    <mergeCell ref="A98:Q98"/>
    <mergeCell ref="A99:Q99"/>
    <mergeCell ref="A88:Q88"/>
    <mergeCell ref="A89:Q89"/>
    <mergeCell ref="A90:Q90"/>
    <mergeCell ref="A91:Q91"/>
    <mergeCell ref="A92:N92"/>
    <mergeCell ref="A93:Q93"/>
    <mergeCell ref="A82:Q82"/>
    <mergeCell ref="A83:N83"/>
    <mergeCell ref="A84:Q84"/>
    <mergeCell ref="A85:Q85"/>
    <mergeCell ref="A86:Q86"/>
    <mergeCell ref="A87:Q87"/>
    <mergeCell ref="A76:M76"/>
    <mergeCell ref="A77:N77"/>
    <mergeCell ref="A78:Q78"/>
    <mergeCell ref="A79:Q79"/>
    <mergeCell ref="A80:Q80"/>
    <mergeCell ref="A81:Q81"/>
    <mergeCell ref="A70:Q70"/>
    <mergeCell ref="A71:Q71"/>
    <mergeCell ref="A72:Q72"/>
    <mergeCell ref="A73:Q73"/>
    <mergeCell ref="A74:N74"/>
    <mergeCell ref="A75:M75"/>
    <mergeCell ref="A64:Q64"/>
    <mergeCell ref="A65:Q65"/>
    <mergeCell ref="A66:Q66"/>
    <mergeCell ref="A67:N67"/>
    <mergeCell ref="A68:N68"/>
    <mergeCell ref="A69:N69"/>
    <mergeCell ref="A60:Q60"/>
    <mergeCell ref="A61:J61"/>
    <mergeCell ref="K61:Q61"/>
    <mergeCell ref="A62:J62"/>
    <mergeCell ref="K62:Q62"/>
    <mergeCell ref="A63:Q63"/>
    <mergeCell ref="A54:N54"/>
    <mergeCell ref="A55:Q55"/>
    <mergeCell ref="A56:Q56"/>
    <mergeCell ref="A57:Q57"/>
    <mergeCell ref="A58:Q58"/>
    <mergeCell ref="A59:N59"/>
    <mergeCell ref="T48:T49"/>
    <mergeCell ref="A49:N49"/>
    <mergeCell ref="A50:M50"/>
    <mergeCell ref="A51:M51"/>
    <mergeCell ref="A52:M52"/>
    <mergeCell ref="A53:N53"/>
    <mergeCell ref="A46:Q46"/>
    <mergeCell ref="A47:Q47"/>
    <mergeCell ref="A48:N48"/>
    <mergeCell ref="O48:O49"/>
    <mergeCell ref="P48:P49"/>
    <mergeCell ref="Q48:Q49"/>
    <mergeCell ref="T39:T40"/>
    <mergeCell ref="A41:N41"/>
    <mergeCell ref="A42:N42"/>
    <mergeCell ref="A43:Q43"/>
    <mergeCell ref="A44:Q44"/>
    <mergeCell ref="A45:Q45"/>
    <mergeCell ref="A37:Q37"/>
    <mergeCell ref="A38:Q38"/>
    <mergeCell ref="A39:N40"/>
    <mergeCell ref="O39:O40"/>
    <mergeCell ref="P39:P40"/>
    <mergeCell ref="Q39:Q40"/>
    <mergeCell ref="A31:Q31"/>
    <mergeCell ref="A32:N32"/>
    <mergeCell ref="A33:N33"/>
    <mergeCell ref="A34:N34"/>
    <mergeCell ref="A35:Q35"/>
    <mergeCell ref="A36:Q36"/>
    <mergeCell ref="A25:N25"/>
    <mergeCell ref="A26:N26"/>
    <mergeCell ref="A27:M27"/>
    <mergeCell ref="A28:Q28"/>
    <mergeCell ref="A29:Q29"/>
    <mergeCell ref="A30:Q30"/>
    <mergeCell ref="A1:T1"/>
    <mergeCell ref="A2:T2"/>
    <mergeCell ref="A10:T10"/>
    <mergeCell ref="N20:Q20"/>
    <mergeCell ref="A23:Q23"/>
    <mergeCell ref="T23:T24"/>
    <mergeCell ref="A24:Q24"/>
  </mergeCells>
  <phoneticPr fontId="4"/>
  <printOptions horizontalCentered="1"/>
  <pageMargins left="0.23622047244094491" right="0.23622047244094491" top="0.35433070866141736" bottom="0" header="0.31496062992125984" footer="0.15748031496062992"/>
  <pageSetup paperSize="9" scale="17" fitToHeight="0" orientation="portrait" r:id="rId1"/>
  <rowBreaks count="6" manualBreakCount="6">
    <brk id="19" max="19" man="1"/>
    <brk id="45" max="19" man="1"/>
    <brk id="72" max="19" man="1"/>
    <brk id="113" max="19" man="1"/>
    <brk id="150" max="19" man="1"/>
    <brk id="199" max="19"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2(1)牛等</vt:lpstr>
      <vt:lpstr>2(2)豚等</vt:lpstr>
      <vt:lpstr>2(3)家きん</vt:lpstr>
      <vt:lpstr>2(4)馬</vt:lpstr>
      <vt:lpstr>'2(1)牛等'!Print_Area</vt:lpstr>
      <vt:lpstr>'2(2)豚等'!Print_Area</vt:lpstr>
      <vt:lpstr>'2(3)家きん'!Print_Area</vt:lpstr>
      <vt:lpstr>'2(4)馬'!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6-01-27T06:20:20Z</dcterms:created>
  <dcterms:modified xsi:type="dcterms:W3CDTF">2026-01-27T06:23:34Z</dcterms:modified>
</cp:coreProperties>
</file>